
<file path=[Content_Types].xml><?xml version="1.0" encoding="utf-8"?>
<Types xmlns="http://schemas.openxmlformats.org/package/2006/content-types">
  <Default Extension="docx" ContentType="application/vnd.openxmlformats-officedocument.wordprocessingml.document"/>
  <Default Extension="emf" ContentType="image/x-emf"/>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authors.xml" ContentType="application/vnd.ms-powerpoint.author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72" r:id="rId1"/>
  </p:sldMasterIdLst>
  <p:notesMasterIdLst>
    <p:notesMasterId r:id="rId74"/>
  </p:notesMasterIdLst>
  <p:sldIdLst>
    <p:sldId id="295" r:id="rId2"/>
    <p:sldId id="420" r:id="rId3"/>
    <p:sldId id="1194" r:id="rId4"/>
    <p:sldId id="1336" r:id="rId5"/>
    <p:sldId id="1337" r:id="rId6"/>
    <p:sldId id="1192" r:id="rId7"/>
    <p:sldId id="1287" r:id="rId8"/>
    <p:sldId id="1288" r:id="rId9"/>
    <p:sldId id="1348" r:id="rId10"/>
    <p:sldId id="1350" r:id="rId11"/>
    <p:sldId id="1351" r:id="rId12"/>
    <p:sldId id="1349" r:id="rId13"/>
    <p:sldId id="1352" r:id="rId14"/>
    <p:sldId id="1357" r:id="rId15"/>
    <p:sldId id="1358" r:id="rId16"/>
    <p:sldId id="1110" r:id="rId17"/>
    <p:sldId id="274" r:id="rId18"/>
    <p:sldId id="1126" r:id="rId19"/>
    <p:sldId id="1289" r:id="rId20"/>
    <p:sldId id="1290" r:id="rId21"/>
    <p:sldId id="1338" r:id="rId22"/>
    <p:sldId id="1296" r:id="rId23"/>
    <p:sldId id="1286" r:id="rId24"/>
    <p:sldId id="1314" r:id="rId25"/>
    <p:sldId id="1307" r:id="rId26"/>
    <p:sldId id="1164" r:id="rId27"/>
    <p:sldId id="1306" r:id="rId28"/>
    <p:sldId id="1320" r:id="rId29"/>
    <p:sldId id="1112" r:id="rId30"/>
    <p:sldId id="1297" r:id="rId31"/>
    <p:sldId id="404" r:id="rId32"/>
    <p:sldId id="1299" r:id="rId33"/>
    <p:sldId id="1300" r:id="rId34"/>
    <p:sldId id="1294" r:id="rId35"/>
    <p:sldId id="1301" r:id="rId36"/>
    <p:sldId id="1202" r:id="rId37"/>
    <p:sldId id="1339" r:id="rId38"/>
    <p:sldId id="1330" r:id="rId39"/>
    <p:sldId id="1354" r:id="rId40"/>
    <p:sldId id="1279" r:id="rId41"/>
    <p:sldId id="1341" r:id="rId42"/>
    <p:sldId id="1355" r:id="rId43"/>
    <p:sldId id="1356" r:id="rId44"/>
    <p:sldId id="1271" r:id="rId45"/>
    <p:sldId id="1263" r:id="rId46"/>
    <p:sldId id="1191" r:id="rId47"/>
    <p:sldId id="1252" r:id="rId48"/>
    <p:sldId id="1270" r:id="rId49"/>
    <p:sldId id="1315" r:id="rId50"/>
    <p:sldId id="1274" r:id="rId51"/>
    <p:sldId id="1273" r:id="rId52"/>
    <p:sldId id="1282" r:id="rId53"/>
    <p:sldId id="1283" r:id="rId54"/>
    <p:sldId id="1275" r:id="rId55"/>
    <p:sldId id="1311" r:id="rId56"/>
    <p:sldId id="1335" r:id="rId57"/>
    <p:sldId id="1208" r:id="rId58"/>
    <p:sldId id="1042" r:id="rId59"/>
    <p:sldId id="1241" r:id="rId60"/>
    <p:sldId id="1302" r:id="rId61"/>
    <p:sldId id="1323" r:id="rId62"/>
    <p:sldId id="1324" r:id="rId63"/>
    <p:sldId id="1210" r:id="rId64"/>
    <p:sldId id="1265" r:id="rId65"/>
    <p:sldId id="1097" r:id="rId66"/>
    <p:sldId id="1303" r:id="rId67"/>
    <p:sldId id="1304" r:id="rId68"/>
    <p:sldId id="1305" r:id="rId69"/>
    <p:sldId id="1322" r:id="rId70"/>
    <p:sldId id="1249" r:id="rId71"/>
    <p:sldId id="1250" r:id="rId72"/>
    <p:sldId id="1251" r:id="rId73"/>
  </p:sldIdLst>
  <p:sldSz cx="9906000" cy="6858000" type="A4"/>
  <p:notesSz cx="6797675" cy="9926638"/>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ext>
  </p:extLst>
</p:presentation>
</file>

<file path=ppt/authors.xml><?xml version="1.0" encoding="utf-8"?>
<p188:authorLst xmlns:a="http://schemas.openxmlformats.org/drawingml/2006/main" xmlns:r="http://schemas.openxmlformats.org/officeDocument/2006/relationships" xmlns:p188="http://schemas.microsoft.com/office/powerpoint/2018/8/main">
  <p188:author id="{00000000-0000-0000-0000-000000000000}" name="作成者" initials="A" userId="Author" providerId="AD"/>
</p188:authorLst>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FF00"/>
    <a:srgbClr val="00FFFF"/>
    <a:srgbClr val="FF0000"/>
    <a:srgbClr val="0000FF"/>
    <a:srgbClr val="CCFFFF"/>
    <a:srgbClr val="FFFF00"/>
    <a:srgbClr val="FF0101"/>
    <a:srgbClr val="5B9BD5"/>
    <a:srgbClr val="66FF66"/>
    <a:srgbClr val="FFFF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91EBBBCC-DAD2-459C-BE2E-F6DE35CF9A28}" styleName="濃色スタイル 2 - アクセント 3/アクセント 4">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accent3">
              <a:tint val="20000"/>
            </a:schemeClr>
          </a:solidFill>
        </a:fill>
      </a:tcStyle>
    </a:wholeTbl>
    <a:band1H>
      <a:tcStyle>
        <a:tcBdr/>
        <a:fill>
          <a:solidFill>
            <a:schemeClr val="accent3">
              <a:tint val="40000"/>
            </a:schemeClr>
          </a:solidFill>
        </a:fill>
      </a:tcStyle>
    </a:band1H>
    <a:band1V>
      <a:tcStyle>
        <a:tcBdr/>
        <a:fill>
          <a:solidFill>
            <a:schemeClr val="accent3">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accent3">
              <a:tint val="20000"/>
            </a:schemeClr>
          </a:solidFill>
        </a:fill>
      </a:tcStyle>
    </a:lastRow>
    <a:firstRow>
      <a:tcTxStyle b="on">
        <a:fontRef idx="minor">
          <a:scrgbClr r="0" g="0" b="0"/>
        </a:fontRef>
        <a:schemeClr val="lt1"/>
      </a:tcTxStyle>
      <a:tcStyle>
        <a:tcBdr/>
        <a:fill>
          <a:solidFill>
            <a:schemeClr val="accent4"/>
          </a:solidFill>
        </a:fill>
      </a:tcStyle>
    </a:firstRow>
  </a:tblStyle>
  <a:tblStyle styleId="{C4B1156A-380E-4F78-BDF5-A606A8083BF9}" styleName="中間スタイル 4 - アクセント 4">
    <a:wholeTbl>
      <a:tcTxStyle>
        <a:fontRef idx="minor">
          <a:scrgbClr r="0" g="0" b="0"/>
        </a:fontRef>
        <a:schemeClr val="dk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w="12700" cmpd="sng">
              <a:solidFill>
                <a:schemeClr val="accent4"/>
              </a:solidFill>
            </a:ln>
          </a:insideV>
        </a:tcBdr>
        <a:fill>
          <a:solidFill>
            <a:schemeClr val="accent4">
              <a:tint val="20000"/>
            </a:schemeClr>
          </a:solidFill>
        </a:fill>
      </a:tcStyle>
    </a:wholeTbl>
    <a:band1H>
      <a:tcStyle>
        <a:tcBdr/>
        <a:fill>
          <a:solidFill>
            <a:schemeClr val="accent4">
              <a:tint val="40000"/>
            </a:schemeClr>
          </a:solidFill>
        </a:fill>
      </a:tcStyle>
    </a:band1H>
    <a:band1V>
      <a:tcStyle>
        <a:tcBdr/>
        <a:fill>
          <a:solidFill>
            <a:schemeClr val="accent4">
              <a:tint val="40000"/>
            </a:schemeClr>
          </a:solidFill>
        </a:fill>
      </a:tcStyle>
    </a:band1V>
    <a:lastCol>
      <a:tcTxStyle b="on"/>
      <a:tcStyle>
        <a:tcBdr/>
      </a:tcStyle>
    </a:lastCol>
    <a:firstCol>
      <a:tcTxStyle b="on"/>
      <a:tcStyle>
        <a:tcBdr/>
      </a:tcStyle>
    </a:firstCol>
    <a:lastRow>
      <a:tcTxStyle b="on"/>
      <a:tcStyle>
        <a:tcBdr>
          <a:top>
            <a:ln w="25400" cmpd="sng">
              <a:solidFill>
                <a:schemeClr val="accent4"/>
              </a:solidFill>
            </a:ln>
          </a:top>
        </a:tcBdr>
        <a:fill>
          <a:solidFill>
            <a:schemeClr val="accent4">
              <a:tint val="20000"/>
            </a:schemeClr>
          </a:solidFill>
        </a:fill>
      </a:tcStyle>
    </a:lastRow>
    <a:firstRow>
      <a:tcTxStyle b="on"/>
      <a:tcStyle>
        <a:tcBdr/>
        <a:fill>
          <a:solidFill>
            <a:schemeClr val="accent4">
              <a:tint val="20000"/>
            </a:schemeClr>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4107" autoAdjust="0"/>
    <p:restoredTop sz="85714" autoAdjust="0"/>
  </p:normalViewPr>
  <p:slideViewPr>
    <p:cSldViewPr snapToGrid="0">
      <p:cViewPr varScale="1">
        <p:scale>
          <a:sx n="82" d="100"/>
          <a:sy n="82" d="100"/>
        </p:scale>
        <p:origin x="1349" y="72"/>
      </p:cViewPr>
      <p:guideLst/>
    </p:cSldViewPr>
  </p:slideViewPr>
  <p:outlineViewPr>
    <p:cViewPr>
      <p:scale>
        <a:sx n="33" d="100"/>
        <a:sy n="33" d="100"/>
      </p:scale>
      <p:origin x="0" y="-4356"/>
    </p:cViewPr>
  </p:outlineViewPr>
  <p:notesTextViewPr>
    <p:cViewPr>
      <p:scale>
        <a:sx n="100" d="100"/>
        <a:sy n="100" d="100"/>
      </p:scale>
      <p:origin x="0" y="0"/>
    </p:cViewPr>
  </p:notesTextViewPr>
  <p:notesViewPr>
    <p:cSldViewPr snapToGrid="0">
      <p:cViewPr varScale="1">
        <p:scale>
          <a:sx n="44" d="100"/>
          <a:sy n="44" d="100"/>
        </p:scale>
        <p:origin x="2988" y="66"/>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slide" Target="slides/slide62.xml"/><Relationship Id="rId68" Type="http://schemas.openxmlformats.org/officeDocument/2006/relationships/slide" Target="slides/slide67.xml"/><Relationship Id="rId76" Type="http://schemas.openxmlformats.org/officeDocument/2006/relationships/presProps" Target="presProps.xml"/><Relationship Id="rId7" Type="http://schemas.openxmlformats.org/officeDocument/2006/relationships/slide" Target="slides/slide6.xml"/><Relationship Id="rId71" Type="http://schemas.openxmlformats.org/officeDocument/2006/relationships/slide" Target="slides/slide70.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notesMaster" Target="notesMasters/notesMaster1.xml"/><Relationship Id="rId79" Type="http://schemas.openxmlformats.org/officeDocument/2006/relationships/tableStyles" Target="tableStyles.xml"/><Relationship Id="rId5" Type="http://schemas.openxmlformats.org/officeDocument/2006/relationships/slide" Target="slides/slide4.xml"/><Relationship Id="rId61" Type="http://schemas.openxmlformats.org/officeDocument/2006/relationships/slide" Target="slides/slide60.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microsoft.com/office/2018/10/relationships/authors" Target="author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commentAuthors" Target="commentAuthor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s>
</file>

<file path=ppt/charts/_rels/chart1.xml.rels><?xml version="1.0" encoding="UTF-8" standalone="yes"?>
<Relationships xmlns="http://schemas.openxmlformats.org/package/2006/relationships"><Relationship Id="rId3" Type="http://schemas.openxmlformats.org/officeDocument/2006/relationships/oleObject" Target="file:///C:\Users\i5626601\Desktop\&#27491;&#35215;&#20998;&#24067;.xlsx" TargetMode="External"/><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scatterChart>
        <c:scatterStyle val="lineMarker"/>
        <c:varyColors val="0"/>
        <c:ser>
          <c:idx val="0"/>
          <c:order val="0"/>
          <c:spPr>
            <a:ln w="38100" cap="rnd">
              <a:solidFill>
                <a:schemeClr val="accent1"/>
              </a:solidFill>
              <a:round/>
            </a:ln>
            <a:effectLst/>
          </c:spPr>
          <c:marker>
            <c:symbol val="circle"/>
            <c:size val="2"/>
            <c:spPr>
              <a:solidFill>
                <a:schemeClr val="accent1"/>
              </a:solidFill>
              <a:ln w="0">
                <a:solidFill>
                  <a:schemeClr val="accent1"/>
                </a:solidFill>
              </a:ln>
              <a:effectLst/>
            </c:spPr>
          </c:marker>
          <c:trendline>
            <c:spPr>
              <a:ln w="19050" cap="rnd">
                <a:solidFill>
                  <a:schemeClr val="accent1"/>
                </a:solidFill>
                <a:prstDash val="sysDot"/>
              </a:ln>
              <a:effectLst/>
            </c:spPr>
            <c:trendlineType val="power"/>
            <c:dispRSqr val="0"/>
            <c:dispEq val="0"/>
          </c:trendline>
          <c:xVal>
            <c:numRef>
              <c:f>Sheet1!$B$6:$B$73</c:f>
              <c:numCache>
                <c:formatCode>General</c:formatCode>
                <c:ptCount val="68"/>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numCache>
            </c:numRef>
          </c:xVal>
          <c:yVal>
            <c:numRef>
              <c:f>Sheet1!$C$6:$C$73</c:f>
              <c:numCache>
                <c:formatCode>General</c:formatCode>
                <c:ptCount val="68"/>
                <c:pt idx="0">
                  <c:v>4.4318484119380076E-4</c:v>
                </c:pt>
                <c:pt idx="1">
                  <c:v>5.9525324197758534E-4</c:v>
                </c:pt>
                <c:pt idx="2">
                  <c:v>7.9154515829799694E-4</c:v>
                </c:pt>
                <c:pt idx="3">
                  <c:v>1.0420934814422591E-3</c:v>
                </c:pt>
                <c:pt idx="4">
                  <c:v>1.3582969233685612E-3</c:v>
                </c:pt>
                <c:pt idx="5">
                  <c:v>1.752830049356854E-3</c:v>
                </c:pt>
                <c:pt idx="6">
                  <c:v>2.2394530294842902E-3</c:v>
                </c:pt>
                <c:pt idx="7">
                  <c:v>2.8327037741601186E-3</c:v>
                </c:pt>
                <c:pt idx="8">
                  <c:v>3.5474592846231421E-3</c:v>
                </c:pt>
                <c:pt idx="9">
                  <c:v>4.3983595980427196E-3</c:v>
                </c:pt>
                <c:pt idx="10">
                  <c:v>5.3990966513188061E-3</c:v>
                </c:pt>
                <c:pt idx="11">
                  <c:v>6.5615814774676604E-3</c:v>
                </c:pt>
                <c:pt idx="12">
                  <c:v>7.8950158300894139E-3</c:v>
                </c:pt>
                <c:pt idx="13">
                  <c:v>9.4049077376886937E-3</c:v>
                </c:pt>
                <c:pt idx="14">
                  <c:v>1.1092083467945555E-2</c:v>
                </c:pt>
                <c:pt idx="15">
                  <c:v>1.2951759566589173E-2</c:v>
                </c:pt>
                <c:pt idx="16">
                  <c:v>1.4972746563574486E-2</c:v>
                </c:pt>
                <c:pt idx="17">
                  <c:v>1.7136859204780735E-2</c:v>
                </c:pt>
                <c:pt idx="18">
                  <c:v>1.9418605498321296E-2</c:v>
                </c:pt>
                <c:pt idx="19">
                  <c:v>2.1785217703255054E-2</c:v>
                </c:pt>
                <c:pt idx="20">
                  <c:v>2.4197072451914336E-2</c:v>
                </c:pt>
                <c:pt idx="21">
                  <c:v>2.6608524989875482E-2</c:v>
                </c:pt>
                <c:pt idx="22">
                  <c:v>2.8969155276148274E-2</c:v>
                </c:pt>
                <c:pt idx="23">
                  <c:v>3.1225393336676129E-2</c:v>
                </c:pt>
                <c:pt idx="24">
                  <c:v>3.3322460289179963E-2</c:v>
                </c:pt>
                <c:pt idx="25">
                  <c:v>3.5206532676429952E-2</c:v>
                </c:pt>
                <c:pt idx="26">
                  <c:v>3.6827014030332332E-2</c:v>
                </c:pt>
                <c:pt idx="27">
                  <c:v>3.8138781546052408E-2</c:v>
                </c:pt>
                <c:pt idx="28">
                  <c:v>3.9104269397545591E-2</c:v>
                </c:pt>
                <c:pt idx="29">
                  <c:v>3.9695254747701178E-2</c:v>
                </c:pt>
                <c:pt idx="30">
                  <c:v>3.9894228040143274E-2</c:v>
                </c:pt>
                <c:pt idx="31">
                  <c:v>3.9695254747701178E-2</c:v>
                </c:pt>
                <c:pt idx="32">
                  <c:v>3.9104269397545591E-2</c:v>
                </c:pt>
                <c:pt idx="33">
                  <c:v>3.8138781546052408E-2</c:v>
                </c:pt>
                <c:pt idx="34">
                  <c:v>3.6827014030332332E-2</c:v>
                </c:pt>
                <c:pt idx="35">
                  <c:v>3.5206532676429952E-2</c:v>
                </c:pt>
                <c:pt idx="36">
                  <c:v>3.3322460289179963E-2</c:v>
                </c:pt>
                <c:pt idx="37">
                  <c:v>3.1225393336676129E-2</c:v>
                </c:pt>
                <c:pt idx="38">
                  <c:v>2.8969155276148274E-2</c:v>
                </c:pt>
                <c:pt idx="39">
                  <c:v>2.6608524989875482E-2</c:v>
                </c:pt>
                <c:pt idx="40">
                  <c:v>2.4197072451914336E-2</c:v>
                </c:pt>
                <c:pt idx="41">
                  <c:v>2.1785217703255054E-2</c:v>
                </c:pt>
                <c:pt idx="42">
                  <c:v>1.9418605498321296E-2</c:v>
                </c:pt>
                <c:pt idx="43">
                  <c:v>1.7136859204780735E-2</c:v>
                </c:pt>
                <c:pt idx="44">
                  <c:v>1.4972746563574486E-2</c:v>
                </c:pt>
                <c:pt idx="45">
                  <c:v>1.2951759566589173E-2</c:v>
                </c:pt>
                <c:pt idx="46">
                  <c:v>1.1092083467945555E-2</c:v>
                </c:pt>
                <c:pt idx="47">
                  <c:v>9.4049077376886937E-3</c:v>
                </c:pt>
                <c:pt idx="48">
                  <c:v>7.8950158300894139E-3</c:v>
                </c:pt>
                <c:pt idx="49">
                  <c:v>6.5615814774676604E-3</c:v>
                </c:pt>
                <c:pt idx="50">
                  <c:v>5.3990966513188061E-3</c:v>
                </c:pt>
                <c:pt idx="51">
                  <c:v>4.3983595980427196E-3</c:v>
                </c:pt>
                <c:pt idx="52">
                  <c:v>3.5474592846231421E-3</c:v>
                </c:pt>
                <c:pt idx="53">
                  <c:v>2.8327037741601186E-3</c:v>
                </c:pt>
                <c:pt idx="54">
                  <c:v>2.2394530294842902E-3</c:v>
                </c:pt>
                <c:pt idx="55">
                  <c:v>1.752830049356854E-3</c:v>
                </c:pt>
                <c:pt idx="56">
                  <c:v>1.3582969233685612E-3</c:v>
                </c:pt>
                <c:pt idx="57">
                  <c:v>1.0420934814422591E-3</c:v>
                </c:pt>
                <c:pt idx="58">
                  <c:v>7.9154515829799694E-4</c:v>
                </c:pt>
                <c:pt idx="59">
                  <c:v>5.9525324197758534E-4</c:v>
                </c:pt>
                <c:pt idx="60">
                  <c:v>4.4318484119380076E-4</c:v>
                </c:pt>
                <c:pt idx="61">
                  <c:v>3.2668190561999186E-4</c:v>
                </c:pt>
                <c:pt idx="62">
                  <c:v>2.3840882014648405E-4</c:v>
                </c:pt>
                <c:pt idx="63">
                  <c:v>1.722568939053681E-4</c:v>
                </c:pt>
                <c:pt idx="64">
                  <c:v>1.2322191684730198E-4</c:v>
                </c:pt>
                <c:pt idx="65">
                  <c:v>8.726826950457601E-5</c:v>
                </c:pt>
                <c:pt idx="66">
                  <c:v>6.1190193011377187E-5</c:v>
                </c:pt>
                <c:pt idx="67">
                  <c:v>4.2478027055075142E-5</c:v>
                </c:pt>
              </c:numCache>
            </c:numRef>
          </c:yVal>
          <c:smooth val="0"/>
          <c:extLst>
            <c:ext xmlns:c16="http://schemas.microsoft.com/office/drawing/2014/chart" uri="{C3380CC4-5D6E-409C-BE32-E72D297353CC}">
              <c16:uniqueId val="{00000001-3877-4D52-B358-EA764DA1CDE6}"/>
            </c:ext>
          </c:extLst>
        </c:ser>
        <c:ser>
          <c:idx val="1"/>
          <c:order val="1"/>
          <c:spPr>
            <a:ln w="38100" cap="rnd">
              <a:solidFill>
                <a:srgbClr val="0000FF"/>
              </a:solidFill>
              <a:round/>
            </a:ln>
            <a:effectLst/>
          </c:spPr>
          <c:marker>
            <c:symbol val="none"/>
          </c:marker>
          <c:dPt>
            <c:idx val="1"/>
            <c:marker>
              <c:symbol val="none"/>
            </c:marker>
            <c:bubble3D val="0"/>
            <c:spPr>
              <a:ln w="57150" cap="rnd">
                <a:solidFill>
                  <a:srgbClr val="C00000"/>
                </a:solidFill>
                <a:round/>
              </a:ln>
              <a:effectLst/>
            </c:spPr>
            <c:extLst>
              <c:ext xmlns:c16="http://schemas.microsoft.com/office/drawing/2014/chart" uri="{C3380CC4-5D6E-409C-BE32-E72D297353CC}">
                <c16:uniqueId val="{00000003-3877-4D52-B358-EA764DA1CDE6}"/>
              </c:ext>
            </c:extLst>
          </c:dPt>
          <c:xVal>
            <c:numRef>
              <c:f>Sheet1!$G$9:$G$10</c:f>
              <c:numCache>
                <c:formatCode>General</c:formatCode>
                <c:ptCount val="2"/>
                <c:pt idx="0">
                  <c:v>30</c:v>
                </c:pt>
                <c:pt idx="1">
                  <c:v>30</c:v>
                </c:pt>
              </c:numCache>
            </c:numRef>
          </c:xVal>
          <c:yVal>
            <c:numRef>
              <c:f>Sheet1!$H$9:$H$10</c:f>
              <c:numCache>
                <c:formatCode>General</c:formatCode>
                <c:ptCount val="2"/>
                <c:pt idx="0">
                  <c:v>4.8000000000000001E-2</c:v>
                </c:pt>
                <c:pt idx="1">
                  <c:v>0</c:v>
                </c:pt>
              </c:numCache>
            </c:numRef>
          </c:yVal>
          <c:smooth val="0"/>
          <c:extLst>
            <c:ext xmlns:c15="http://schemas.microsoft.com/office/drawing/2012/chart" uri="{02D57815-91ED-43cb-92C2-25804820EDAC}">
              <c15:filteredSeriesTitle>
                <c15:tx>
                  <c:strRef>
                    <c:extLst>
                      <c:ext uri="{02D57815-91ED-43cb-92C2-25804820EDAC}">
                        <c15:formulaRef>
                          <c15:sqref>Sheet1!$G$8</c15:sqref>
                        </c15:formulaRef>
                      </c:ext>
                    </c:extLst>
                    <c:strCache>
                      <c:ptCount val="1"/>
                      <c:pt idx="0">
                        <c:v>平均</c:v>
                      </c:pt>
                    </c:strCache>
                  </c:strRef>
                </c15:tx>
              </c15:filteredSeriesTitle>
            </c:ext>
            <c:ext xmlns:c16="http://schemas.microsoft.com/office/drawing/2014/chart" uri="{C3380CC4-5D6E-409C-BE32-E72D297353CC}">
              <c16:uniqueId val="{00000004-3877-4D52-B358-EA764DA1CDE6}"/>
            </c:ext>
          </c:extLst>
        </c:ser>
        <c:ser>
          <c:idx val="2"/>
          <c:order val="2"/>
          <c:spPr>
            <a:ln w="38100" cap="rnd">
              <a:solidFill>
                <a:srgbClr val="FF0000"/>
              </a:solidFill>
              <a:round/>
            </a:ln>
            <a:effectLst/>
          </c:spPr>
          <c:marker>
            <c:symbol val="none"/>
          </c:marker>
          <c:xVal>
            <c:numRef>
              <c:f>Sheet1!$J$4:$J$5</c:f>
              <c:numCache>
                <c:formatCode>General</c:formatCode>
                <c:ptCount val="2"/>
                <c:pt idx="0">
                  <c:v>20</c:v>
                </c:pt>
                <c:pt idx="1">
                  <c:v>20</c:v>
                </c:pt>
              </c:numCache>
            </c:numRef>
          </c:xVal>
          <c:yVal>
            <c:numRef>
              <c:f>Sheet1!$K$4:$K$5</c:f>
              <c:numCache>
                <c:formatCode>General</c:formatCode>
                <c:ptCount val="2"/>
                <c:pt idx="0">
                  <c:v>4.8000000000000001E-2</c:v>
                </c:pt>
                <c:pt idx="1">
                  <c:v>0</c:v>
                </c:pt>
              </c:numCache>
            </c:numRef>
          </c:yVal>
          <c:smooth val="0"/>
          <c:extLst>
            <c:ext xmlns:c15="http://schemas.microsoft.com/office/drawing/2012/chart" uri="{02D57815-91ED-43cb-92C2-25804820EDAC}">
              <c15:filteredSeriesTitle>
                <c15:tx>
                  <c:strRef>
                    <c:extLst>
                      <c:ext uri="{02D57815-91ED-43cb-92C2-25804820EDAC}">
                        <c15:formulaRef>
                          <c15:sqref>Sheet1!$J$2</c15:sqref>
                        </c15:formulaRef>
                      </c:ext>
                    </c:extLst>
                    <c:strCache>
                      <c:ptCount val="1"/>
                      <c:pt idx="0">
                        <c:v>１σ下側</c:v>
                      </c:pt>
                    </c:strCache>
                  </c:strRef>
                </c15:tx>
              </c15:filteredSeriesTitle>
            </c:ext>
            <c:ext xmlns:c16="http://schemas.microsoft.com/office/drawing/2014/chart" uri="{C3380CC4-5D6E-409C-BE32-E72D297353CC}">
              <c16:uniqueId val="{00000005-3877-4D52-B358-EA764DA1CDE6}"/>
            </c:ext>
          </c:extLst>
        </c:ser>
        <c:ser>
          <c:idx val="3"/>
          <c:order val="3"/>
          <c:spPr>
            <a:ln w="38100" cap="rnd">
              <a:solidFill>
                <a:srgbClr val="FF0000"/>
              </a:solidFill>
              <a:round/>
            </a:ln>
            <a:effectLst/>
          </c:spPr>
          <c:marker>
            <c:symbol val="none"/>
          </c:marker>
          <c:xVal>
            <c:numRef>
              <c:f>Sheet1!$L$4:$L$5</c:f>
              <c:numCache>
                <c:formatCode>General</c:formatCode>
                <c:ptCount val="2"/>
                <c:pt idx="0">
                  <c:v>40</c:v>
                </c:pt>
                <c:pt idx="1">
                  <c:v>40</c:v>
                </c:pt>
              </c:numCache>
            </c:numRef>
          </c:xVal>
          <c:yVal>
            <c:numRef>
              <c:f>Sheet1!$M$4:$M$5</c:f>
              <c:numCache>
                <c:formatCode>General</c:formatCode>
                <c:ptCount val="2"/>
                <c:pt idx="0">
                  <c:v>4.8000000000000001E-2</c:v>
                </c:pt>
                <c:pt idx="1">
                  <c:v>0</c:v>
                </c:pt>
              </c:numCache>
            </c:numRef>
          </c:yVal>
          <c:smooth val="0"/>
          <c:extLst>
            <c:ext xmlns:c15="http://schemas.microsoft.com/office/drawing/2012/chart" uri="{02D57815-91ED-43cb-92C2-25804820EDAC}">
              <c15:filteredSeriesTitle>
                <c15:tx>
                  <c:strRef>
                    <c:extLst>
                      <c:ext uri="{02D57815-91ED-43cb-92C2-25804820EDAC}">
                        <c15:formulaRef>
                          <c15:sqref>Sheet1!$L$2</c15:sqref>
                        </c15:formulaRef>
                      </c:ext>
                    </c:extLst>
                    <c:strCache>
                      <c:ptCount val="1"/>
                      <c:pt idx="0">
                        <c:v>１σ上側</c:v>
                      </c:pt>
                    </c:strCache>
                  </c:strRef>
                </c15:tx>
              </c15:filteredSeriesTitle>
            </c:ext>
            <c:ext xmlns:c16="http://schemas.microsoft.com/office/drawing/2014/chart" uri="{C3380CC4-5D6E-409C-BE32-E72D297353CC}">
              <c16:uniqueId val="{00000006-3877-4D52-B358-EA764DA1CDE6}"/>
            </c:ext>
          </c:extLst>
        </c:ser>
        <c:ser>
          <c:idx val="4"/>
          <c:order val="4"/>
          <c:spPr>
            <a:ln w="38100" cap="rnd">
              <a:solidFill>
                <a:srgbClr val="FFC000"/>
              </a:solidFill>
              <a:round/>
            </a:ln>
            <a:effectLst/>
          </c:spPr>
          <c:marker>
            <c:symbol val="none"/>
          </c:marker>
          <c:xVal>
            <c:numRef>
              <c:f>Sheet1!$J$9:$J$10</c:f>
              <c:numCache>
                <c:formatCode>General</c:formatCode>
                <c:ptCount val="2"/>
                <c:pt idx="0">
                  <c:v>10</c:v>
                </c:pt>
                <c:pt idx="1">
                  <c:v>10</c:v>
                </c:pt>
              </c:numCache>
            </c:numRef>
          </c:xVal>
          <c:yVal>
            <c:numRef>
              <c:f>Sheet1!$K$9:$K$10</c:f>
              <c:numCache>
                <c:formatCode>General</c:formatCode>
                <c:ptCount val="2"/>
                <c:pt idx="0">
                  <c:v>3.7999999999999999E-2</c:v>
                </c:pt>
                <c:pt idx="1">
                  <c:v>0</c:v>
                </c:pt>
              </c:numCache>
            </c:numRef>
          </c:yVal>
          <c:smooth val="0"/>
          <c:extLst>
            <c:ext xmlns:c15="http://schemas.microsoft.com/office/drawing/2012/chart" uri="{02D57815-91ED-43cb-92C2-25804820EDAC}">
              <c15:filteredSeriesTitle>
                <c15:tx>
                  <c:strRef>
                    <c:extLst>
                      <c:ext uri="{02D57815-91ED-43cb-92C2-25804820EDAC}">
                        <c15:formulaRef>
                          <c15:sqref>Sheet1!$J$7</c15:sqref>
                        </c15:formulaRef>
                      </c:ext>
                    </c:extLst>
                    <c:strCache>
                      <c:ptCount val="1"/>
                      <c:pt idx="0">
                        <c:v>2σ下側</c:v>
                      </c:pt>
                    </c:strCache>
                  </c:strRef>
                </c15:tx>
              </c15:filteredSeriesTitle>
            </c:ext>
            <c:ext xmlns:c16="http://schemas.microsoft.com/office/drawing/2014/chart" uri="{C3380CC4-5D6E-409C-BE32-E72D297353CC}">
              <c16:uniqueId val="{00000007-3877-4D52-B358-EA764DA1CDE6}"/>
            </c:ext>
          </c:extLst>
        </c:ser>
        <c:ser>
          <c:idx val="5"/>
          <c:order val="5"/>
          <c:spPr>
            <a:ln w="38100" cap="rnd">
              <a:solidFill>
                <a:srgbClr val="FFC000"/>
              </a:solidFill>
              <a:round/>
            </a:ln>
            <a:effectLst/>
          </c:spPr>
          <c:marker>
            <c:symbol val="none"/>
          </c:marker>
          <c:xVal>
            <c:numRef>
              <c:f>Sheet1!$L$9:$L$10</c:f>
              <c:numCache>
                <c:formatCode>General</c:formatCode>
                <c:ptCount val="2"/>
                <c:pt idx="0">
                  <c:v>50</c:v>
                </c:pt>
                <c:pt idx="1">
                  <c:v>50</c:v>
                </c:pt>
              </c:numCache>
            </c:numRef>
          </c:xVal>
          <c:yVal>
            <c:numRef>
              <c:f>Sheet1!$M$9:$M$10</c:f>
              <c:numCache>
                <c:formatCode>General</c:formatCode>
                <c:ptCount val="2"/>
                <c:pt idx="0">
                  <c:v>3.7999999999999999E-2</c:v>
                </c:pt>
                <c:pt idx="1">
                  <c:v>0</c:v>
                </c:pt>
              </c:numCache>
            </c:numRef>
          </c:yVal>
          <c:smooth val="0"/>
          <c:extLst>
            <c:ext xmlns:c15="http://schemas.microsoft.com/office/drawing/2012/chart" uri="{02D57815-91ED-43cb-92C2-25804820EDAC}">
              <c15:filteredSeriesTitle>
                <c15:tx>
                  <c:strRef>
                    <c:extLst>
                      <c:ext uri="{02D57815-91ED-43cb-92C2-25804820EDAC}">
                        <c15:formulaRef>
                          <c15:sqref>Sheet1!$L$7</c15:sqref>
                        </c15:formulaRef>
                      </c:ext>
                    </c:extLst>
                    <c:strCache>
                      <c:ptCount val="1"/>
                      <c:pt idx="0">
                        <c:v>2σ上側</c:v>
                      </c:pt>
                    </c:strCache>
                  </c:strRef>
                </c15:tx>
              </c15:filteredSeriesTitle>
            </c:ext>
            <c:ext xmlns:c16="http://schemas.microsoft.com/office/drawing/2014/chart" uri="{C3380CC4-5D6E-409C-BE32-E72D297353CC}">
              <c16:uniqueId val="{00000008-3877-4D52-B358-EA764DA1CDE6}"/>
            </c:ext>
          </c:extLst>
        </c:ser>
        <c:dLbls>
          <c:showLegendKey val="0"/>
          <c:showVal val="0"/>
          <c:showCatName val="0"/>
          <c:showSerName val="0"/>
          <c:showPercent val="0"/>
          <c:showBubbleSize val="0"/>
        </c:dLbls>
        <c:axId val="707586216"/>
        <c:axId val="707586576"/>
      </c:scatterChart>
      <c:valAx>
        <c:axId val="707586216"/>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07586576"/>
        <c:crosses val="autoZero"/>
        <c:crossBetween val="midCat"/>
      </c:valAx>
      <c:valAx>
        <c:axId val="7075865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07586216"/>
        <c:crosses val="autoZero"/>
        <c:crossBetween val="midCat"/>
      </c:valAx>
      <c:spPr>
        <a:noFill/>
        <a:ln w="25400">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4" y="0"/>
            <a:ext cx="2946401" cy="248444"/>
          </a:xfrm>
          <a:prstGeom prst="rect">
            <a:avLst/>
          </a:prstGeom>
        </p:spPr>
        <p:txBody>
          <a:bodyPr vert="horz" lIns="91269" tIns="45628" rIns="91269" bIns="45628" rtlCol="0"/>
          <a:lstStyle>
            <a:lvl1pPr algn="l">
              <a:defRPr sz="1200"/>
            </a:lvl1pPr>
          </a:lstStyle>
          <a:p>
            <a:endParaRPr kumimoji="1" lang="ja-JP" altLang="en-US"/>
          </a:p>
        </p:txBody>
      </p:sp>
      <p:sp>
        <p:nvSpPr>
          <p:cNvPr id="3" name="日付プレースホルダー 2"/>
          <p:cNvSpPr>
            <a:spLocks noGrp="1"/>
          </p:cNvSpPr>
          <p:nvPr>
            <p:ph type="dt" idx="1"/>
          </p:nvPr>
        </p:nvSpPr>
        <p:spPr>
          <a:xfrm>
            <a:off x="3849700" y="0"/>
            <a:ext cx="2946401" cy="248444"/>
          </a:xfrm>
          <a:prstGeom prst="rect">
            <a:avLst/>
          </a:prstGeom>
        </p:spPr>
        <p:txBody>
          <a:bodyPr vert="horz" lIns="91269" tIns="45628" rIns="91269" bIns="45628" rtlCol="0"/>
          <a:lstStyle>
            <a:lvl1pPr algn="r">
              <a:defRPr sz="1200"/>
            </a:lvl1pPr>
          </a:lstStyle>
          <a:p>
            <a:fld id="{68D9C83F-E5FB-4E0E-B7EE-655761F3C553}" type="datetimeFigureOut">
              <a:rPr kumimoji="1" lang="ja-JP" altLang="en-US" smtClean="0"/>
              <a:t>2026/1/14</a:t>
            </a:fld>
            <a:endParaRPr kumimoji="1" lang="ja-JP" altLang="en-US"/>
          </a:p>
        </p:txBody>
      </p:sp>
      <p:sp>
        <p:nvSpPr>
          <p:cNvPr id="4" name="スライド イメージ プレースホルダー 3"/>
          <p:cNvSpPr>
            <a:spLocks noGrp="1" noRot="1" noChangeAspect="1"/>
          </p:cNvSpPr>
          <p:nvPr>
            <p:ph type="sldImg" idx="2"/>
          </p:nvPr>
        </p:nvSpPr>
        <p:spPr>
          <a:xfrm>
            <a:off x="969963" y="249238"/>
            <a:ext cx="5149850" cy="3565525"/>
          </a:xfrm>
          <a:prstGeom prst="rect">
            <a:avLst/>
          </a:prstGeom>
          <a:noFill/>
          <a:ln w="12700">
            <a:solidFill>
              <a:prstClr val="black"/>
            </a:solidFill>
          </a:ln>
        </p:spPr>
        <p:txBody>
          <a:bodyPr vert="horz" lIns="91269" tIns="45628" rIns="91269" bIns="45628" rtlCol="0" anchor="ctr"/>
          <a:lstStyle/>
          <a:p>
            <a:endParaRPr lang="ja-JP" altLang="en-US"/>
          </a:p>
        </p:txBody>
      </p:sp>
      <p:sp>
        <p:nvSpPr>
          <p:cNvPr id="5" name="ノート プレースホルダー 4"/>
          <p:cNvSpPr>
            <a:spLocks noGrp="1"/>
          </p:cNvSpPr>
          <p:nvPr>
            <p:ph type="body" sz="quarter" idx="3"/>
          </p:nvPr>
        </p:nvSpPr>
        <p:spPr>
          <a:xfrm>
            <a:off x="646795" y="4062948"/>
            <a:ext cx="5954308" cy="5615257"/>
          </a:xfrm>
          <a:prstGeom prst="rect">
            <a:avLst/>
          </a:prstGeom>
        </p:spPr>
        <p:txBody>
          <a:bodyPr vert="horz" lIns="91269" tIns="45628" rIns="91269" bIns="45628" rtlCol="0"/>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6" name="フッター プレースホルダー 5"/>
          <p:cNvSpPr>
            <a:spLocks noGrp="1"/>
          </p:cNvSpPr>
          <p:nvPr>
            <p:ph type="ftr" sz="quarter" idx="4"/>
          </p:nvPr>
        </p:nvSpPr>
        <p:spPr>
          <a:xfrm>
            <a:off x="4" y="9678194"/>
            <a:ext cx="2946401" cy="248444"/>
          </a:xfrm>
          <a:prstGeom prst="rect">
            <a:avLst/>
          </a:prstGeom>
        </p:spPr>
        <p:txBody>
          <a:bodyPr vert="horz" lIns="91269" tIns="45628" rIns="91269" bIns="45628"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49700" y="9678194"/>
            <a:ext cx="2946401" cy="248444"/>
          </a:xfrm>
          <a:prstGeom prst="rect">
            <a:avLst/>
          </a:prstGeom>
        </p:spPr>
        <p:txBody>
          <a:bodyPr vert="horz" lIns="91269" tIns="45628" rIns="91269" bIns="45628" rtlCol="0" anchor="b"/>
          <a:lstStyle>
            <a:lvl1pPr algn="r">
              <a:defRPr sz="1200"/>
            </a:lvl1pPr>
          </a:lstStyle>
          <a:p>
            <a:fld id="{FDB4C390-704E-47FD-86C2-9A046C79CF26}" type="slidenum">
              <a:rPr kumimoji="1" lang="ja-JP" altLang="en-US" smtClean="0"/>
              <a:t>‹#›</a:t>
            </a:fld>
            <a:endParaRPr kumimoji="1" lang="ja-JP" altLang="en-US"/>
          </a:p>
        </p:txBody>
      </p:sp>
    </p:spTree>
    <p:extLst>
      <p:ext uri="{BB962C8B-B14F-4D97-AF65-F5344CB8AC3E}">
        <p14:creationId xmlns:p14="http://schemas.microsoft.com/office/powerpoint/2010/main" val="3760680103"/>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HG丸ｺﾞｼｯｸM-PRO" panose="020F0600000000000000" pitchFamily="50" charset="-128"/>
        <a:ea typeface="HG丸ｺﾞｼｯｸM-PRO" panose="020F0600000000000000" pitchFamily="50" charset="-128"/>
        <a:cs typeface="+mn-cs"/>
      </a:defRPr>
    </a:lvl1pPr>
    <a:lvl2pPr marL="457200" algn="l" defTabSz="914400" rtl="0" eaLnBrk="1" latinLnBrk="0" hangingPunct="1">
      <a:defRPr kumimoji="1" sz="1200" kern="1200">
        <a:solidFill>
          <a:schemeClr val="tx1"/>
        </a:solidFill>
        <a:latin typeface="HG丸ｺﾞｼｯｸM-PRO" panose="020F0600000000000000" pitchFamily="50" charset="-128"/>
        <a:ea typeface="HG丸ｺﾞｼｯｸM-PRO" panose="020F0600000000000000" pitchFamily="50" charset="-128"/>
        <a:cs typeface="+mn-cs"/>
      </a:defRPr>
    </a:lvl2pPr>
    <a:lvl3pPr marL="914400" algn="l" defTabSz="914400" rtl="0" eaLnBrk="1" latinLnBrk="0" hangingPunct="1">
      <a:defRPr kumimoji="1" sz="1200" kern="1200">
        <a:solidFill>
          <a:schemeClr val="tx1"/>
        </a:solidFill>
        <a:latin typeface="HG丸ｺﾞｼｯｸM-PRO" panose="020F0600000000000000" pitchFamily="50" charset="-128"/>
        <a:ea typeface="HG丸ｺﾞｼｯｸM-PRO" panose="020F0600000000000000" pitchFamily="50" charset="-128"/>
        <a:cs typeface="+mn-cs"/>
      </a:defRPr>
    </a:lvl3pPr>
    <a:lvl4pPr marL="1371600" algn="l" defTabSz="914400" rtl="0" eaLnBrk="1" latinLnBrk="0" hangingPunct="1">
      <a:defRPr kumimoji="1" sz="1200" kern="1200">
        <a:solidFill>
          <a:schemeClr val="tx1"/>
        </a:solidFill>
        <a:latin typeface="HG丸ｺﾞｼｯｸM-PRO" panose="020F0600000000000000" pitchFamily="50" charset="-128"/>
        <a:ea typeface="HG丸ｺﾞｼｯｸM-PRO" panose="020F0600000000000000" pitchFamily="50" charset="-128"/>
        <a:cs typeface="+mn-cs"/>
      </a:defRPr>
    </a:lvl4pPr>
    <a:lvl5pPr marL="1828800" algn="l" defTabSz="914400" rtl="0" eaLnBrk="1" latinLnBrk="0" hangingPunct="1">
      <a:defRPr kumimoji="1" sz="1200" kern="1200">
        <a:solidFill>
          <a:schemeClr val="tx1"/>
        </a:solidFill>
        <a:latin typeface="HG丸ｺﾞｼｯｸM-PRO" panose="020F0600000000000000" pitchFamily="50" charset="-128"/>
        <a:ea typeface="HG丸ｺﾞｼｯｸM-PRO" panose="020F0600000000000000" pitchFamily="50" charset="-128"/>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714375" y="746125"/>
            <a:ext cx="5376863" cy="3724275"/>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4F6DD2ED-2D0F-4113-8EF2-C95DE39AD346}" type="slidenum">
              <a:rPr kumimoji="1" lang="ja-JP" altLang="en-US" smtClean="0"/>
              <a:pPr/>
              <a:t>1</a:t>
            </a:fld>
            <a:endParaRPr kumimoji="1" lang="ja-JP" altLang="en-US"/>
          </a:p>
        </p:txBody>
      </p:sp>
    </p:spTree>
    <p:extLst>
      <p:ext uri="{BB962C8B-B14F-4D97-AF65-F5344CB8AC3E}">
        <p14:creationId xmlns:p14="http://schemas.microsoft.com/office/powerpoint/2010/main" val="428076428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4BACC02-A386-6ED4-DE07-125D292DABCF}"/>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DABFC0EF-7E61-A672-721C-51B0C12F3D40}"/>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ECF519F1-0C20-60C7-3C45-BFB0852B6907}"/>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5BFB9F07-73FE-C825-E877-E846CAF3FB99}"/>
              </a:ext>
            </a:extLst>
          </p:cNvPr>
          <p:cNvSpPr>
            <a:spLocks noGrp="1"/>
          </p:cNvSpPr>
          <p:nvPr>
            <p:ph type="sldNum" sz="quarter" idx="10"/>
          </p:nvPr>
        </p:nvSpPr>
        <p:spPr/>
        <p:txBody>
          <a:bodyPr/>
          <a:lstStyle/>
          <a:p>
            <a:fld id="{FDB4C390-704E-47FD-86C2-9A046C79CF26}" type="slidenum">
              <a:rPr kumimoji="1" lang="ja-JP" altLang="en-US" smtClean="0"/>
              <a:t>11</a:t>
            </a:fld>
            <a:endParaRPr kumimoji="1" lang="ja-JP" altLang="en-US"/>
          </a:p>
        </p:txBody>
      </p:sp>
    </p:spTree>
    <p:extLst>
      <p:ext uri="{BB962C8B-B14F-4D97-AF65-F5344CB8AC3E}">
        <p14:creationId xmlns:p14="http://schemas.microsoft.com/office/powerpoint/2010/main" val="252653305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4DCEAF7-358F-F8E1-67C5-929F5EECB1C8}"/>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6495C8DA-1CA8-77FA-F557-5F32462E03DA}"/>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EB571CAA-2042-FD53-BAA5-B48D7089D7DE}"/>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2559B1BF-736C-7307-1EBA-4BC72E551830}"/>
              </a:ext>
            </a:extLst>
          </p:cNvPr>
          <p:cNvSpPr>
            <a:spLocks noGrp="1"/>
          </p:cNvSpPr>
          <p:nvPr>
            <p:ph type="sldNum" sz="quarter" idx="10"/>
          </p:nvPr>
        </p:nvSpPr>
        <p:spPr/>
        <p:txBody>
          <a:bodyPr/>
          <a:lstStyle/>
          <a:p>
            <a:fld id="{FDB4C390-704E-47FD-86C2-9A046C79CF26}" type="slidenum">
              <a:rPr kumimoji="1" lang="ja-JP" altLang="en-US" smtClean="0"/>
              <a:t>12</a:t>
            </a:fld>
            <a:endParaRPr kumimoji="1" lang="ja-JP" altLang="en-US"/>
          </a:p>
        </p:txBody>
      </p:sp>
    </p:spTree>
    <p:extLst>
      <p:ext uri="{BB962C8B-B14F-4D97-AF65-F5344CB8AC3E}">
        <p14:creationId xmlns:p14="http://schemas.microsoft.com/office/powerpoint/2010/main" val="401650416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E108142-A8A5-58EE-6710-FA0483CE3195}"/>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29EC991F-689F-9928-87E5-BFBE401C219B}"/>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0B6C940B-108A-8969-7970-3C5DB09300CB}"/>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996BD54F-7043-B7C8-1395-6285D9605863}"/>
              </a:ext>
            </a:extLst>
          </p:cNvPr>
          <p:cNvSpPr>
            <a:spLocks noGrp="1"/>
          </p:cNvSpPr>
          <p:nvPr>
            <p:ph type="sldNum" sz="quarter" idx="10"/>
          </p:nvPr>
        </p:nvSpPr>
        <p:spPr/>
        <p:txBody>
          <a:bodyPr/>
          <a:lstStyle/>
          <a:p>
            <a:fld id="{FDB4C390-704E-47FD-86C2-9A046C79CF26}" type="slidenum">
              <a:rPr kumimoji="1" lang="ja-JP" altLang="en-US" smtClean="0"/>
              <a:t>13</a:t>
            </a:fld>
            <a:endParaRPr kumimoji="1" lang="ja-JP" altLang="en-US"/>
          </a:p>
        </p:txBody>
      </p:sp>
    </p:spTree>
    <p:extLst>
      <p:ext uri="{BB962C8B-B14F-4D97-AF65-F5344CB8AC3E}">
        <p14:creationId xmlns:p14="http://schemas.microsoft.com/office/powerpoint/2010/main" val="288937960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42F2652-8F08-C738-E501-D42A2D636C9E}"/>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2F845BC6-69CF-862D-73FF-05E33489D5F0}"/>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DC1A3EF3-FDD4-2E6C-A9F5-6DC6449D9ADA}"/>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CC14314A-2339-F4D6-91D8-8FF110141FEB}"/>
              </a:ext>
            </a:extLst>
          </p:cNvPr>
          <p:cNvSpPr>
            <a:spLocks noGrp="1"/>
          </p:cNvSpPr>
          <p:nvPr>
            <p:ph type="sldNum" sz="quarter" idx="10"/>
          </p:nvPr>
        </p:nvSpPr>
        <p:spPr/>
        <p:txBody>
          <a:bodyPr/>
          <a:lstStyle/>
          <a:p>
            <a:fld id="{FDB4C390-704E-47FD-86C2-9A046C79CF26}" type="slidenum">
              <a:rPr kumimoji="1" lang="ja-JP" altLang="en-US" smtClean="0"/>
              <a:t>14</a:t>
            </a:fld>
            <a:endParaRPr kumimoji="1" lang="ja-JP" altLang="en-US"/>
          </a:p>
        </p:txBody>
      </p:sp>
    </p:spTree>
    <p:extLst>
      <p:ext uri="{BB962C8B-B14F-4D97-AF65-F5344CB8AC3E}">
        <p14:creationId xmlns:p14="http://schemas.microsoft.com/office/powerpoint/2010/main" val="149266389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A8CB44F-DBAF-62A1-AD8D-E4ABFE495AB0}"/>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A5B86FA5-73E1-481F-C084-2AC7E6288BF2}"/>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86254E04-33EF-B1BF-B7D6-EC708778C1F8}"/>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3AFCEE14-8176-1E99-D841-891BE5B40810}"/>
              </a:ext>
            </a:extLst>
          </p:cNvPr>
          <p:cNvSpPr>
            <a:spLocks noGrp="1"/>
          </p:cNvSpPr>
          <p:nvPr>
            <p:ph type="sldNum" sz="quarter" idx="10"/>
          </p:nvPr>
        </p:nvSpPr>
        <p:spPr/>
        <p:txBody>
          <a:bodyPr/>
          <a:lstStyle/>
          <a:p>
            <a:fld id="{FDB4C390-704E-47FD-86C2-9A046C79CF26}" type="slidenum">
              <a:rPr kumimoji="1" lang="ja-JP" altLang="en-US" smtClean="0"/>
              <a:t>15</a:t>
            </a:fld>
            <a:endParaRPr kumimoji="1" lang="ja-JP" altLang="en-US"/>
          </a:p>
        </p:txBody>
      </p:sp>
    </p:spTree>
    <p:extLst>
      <p:ext uri="{BB962C8B-B14F-4D97-AF65-F5344CB8AC3E}">
        <p14:creationId xmlns:p14="http://schemas.microsoft.com/office/powerpoint/2010/main" val="282141092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6925" y="249238"/>
            <a:ext cx="5502275" cy="3810000"/>
          </a:xfrm>
        </p:spPr>
      </p:sp>
      <p:sp>
        <p:nvSpPr>
          <p:cNvPr id="3" name="ノート プレースホルダー 2"/>
          <p:cNvSpPr>
            <a:spLocks noGrp="1"/>
          </p:cNvSpPr>
          <p:nvPr>
            <p:ph type="body" idx="1"/>
          </p:nvPr>
        </p:nvSpPr>
        <p:spPr/>
        <p:txBody>
          <a:bodyPr/>
          <a:lstStyle/>
          <a:p>
            <a:endParaRPr kumimoji="1" lang="ja-JP" altLang="en-US"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5592">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5592">
                <a:defRPr/>
              </a:pPr>
              <a:t>16</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85788372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10"/>
          </p:nvPr>
        </p:nvSpPr>
        <p:spPr/>
        <p:txBody>
          <a:bodyPr/>
          <a:lstStyle/>
          <a:p>
            <a:fld id="{FDB4C390-704E-47FD-86C2-9A046C79CF26}" type="slidenum">
              <a:rPr kumimoji="1" lang="ja-JP" altLang="en-US" smtClean="0"/>
              <a:t>17</a:t>
            </a:fld>
            <a:endParaRPr kumimoji="1" lang="ja-JP" altLang="en-US"/>
          </a:p>
        </p:txBody>
      </p:sp>
    </p:spTree>
    <p:extLst>
      <p:ext uri="{BB962C8B-B14F-4D97-AF65-F5344CB8AC3E}">
        <p14:creationId xmlns:p14="http://schemas.microsoft.com/office/powerpoint/2010/main" val="282578276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99FE50C-2332-474A-B68A-521316CFC10A}" type="slidenum">
              <a:rPr kumimoji="1" lang="ja-JP" altLang="en-US" smtClean="0"/>
              <a:t>18</a:t>
            </a:fld>
            <a:endParaRPr kumimoji="1" lang="ja-JP" altLang="en-US"/>
          </a:p>
        </p:txBody>
      </p:sp>
    </p:spTree>
    <p:extLst>
      <p:ext uri="{BB962C8B-B14F-4D97-AF65-F5344CB8AC3E}">
        <p14:creationId xmlns:p14="http://schemas.microsoft.com/office/powerpoint/2010/main" val="2109889274"/>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912933">
              <a:defRPr/>
            </a:pPr>
            <a:endParaRPr lang="ja-JP" altLang="en-US" dirty="0"/>
          </a:p>
        </p:txBody>
      </p:sp>
      <p:sp>
        <p:nvSpPr>
          <p:cNvPr id="4" name="スライド番号プレースホルダー 3"/>
          <p:cNvSpPr>
            <a:spLocks noGrp="1"/>
          </p:cNvSpPr>
          <p:nvPr>
            <p:ph type="sldNum" sz="quarter" idx="10"/>
          </p:nvPr>
        </p:nvSpPr>
        <p:spPr/>
        <p:txBody>
          <a:bodyPr/>
          <a:lstStyle/>
          <a:p>
            <a:fld id="{D99FE50C-2332-474A-B68A-521316CFC10A}" type="slidenum">
              <a:rPr kumimoji="1" lang="ja-JP" altLang="en-US" smtClean="0"/>
              <a:t>19</a:t>
            </a:fld>
            <a:endParaRPr kumimoji="1" lang="ja-JP" altLang="en-US"/>
          </a:p>
        </p:txBody>
      </p:sp>
    </p:spTree>
    <p:extLst>
      <p:ext uri="{BB962C8B-B14F-4D97-AF65-F5344CB8AC3E}">
        <p14:creationId xmlns:p14="http://schemas.microsoft.com/office/powerpoint/2010/main" val="226597413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73138" y="249238"/>
            <a:ext cx="5154612" cy="3570287"/>
          </a:xfrm>
        </p:spPr>
      </p:sp>
      <p:sp>
        <p:nvSpPr>
          <p:cNvPr id="3" name="ノート プレースホルダー 2"/>
          <p:cNvSpPr>
            <a:spLocks noGrp="1"/>
          </p:cNvSpPr>
          <p:nvPr>
            <p:ph type="body" idx="1"/>
          </p:nvPr>
        </p:nvSpPr>
        <p:spPr/>
        <p:txBody>
          <a:bodyPr/>
          <a:lstStyle/>
          <a:p>
            <a:pPr defTabSz="914307">
              <a:defRPr/>
            </a:pPr>
            <a:endParaRPr lang="ja-JP" altLang="en-US" dirty="0"/>
          </a:p>
        </p:txBody>
      </p:sp>
      <p:sp>
        <p:nvSpPr>
          <p:cNvPr id="4" name="スライド番号プレースホルダー 3"/>
          <p:cNvSpPr>
            <a:spLocks noGrp="1"/>
          </p:cNvSpPr>
          <p:nvPr>
            <p:ph type="sldNum" sz="quarter" idx="10"/>
          </p:nvPr>
        </p:nvSpPr>
        <p:spPr/>
        <p:txBody>
          <a:bodyPr/>
          <a:lstStyle/>
          <a:p>
            <a:fld id="{D99FE50C-2332-474A-B68A-521316CFC10A}" type="slidenum">
              <a:rPr kumimoji="1" lang="ja-JP" altLang="en-US" smtClean="0"/>
              <a:t>20</a:t>
            </a:fld>
            <a:endParaRPr kumimoji="1" lang="ja-JP" altLang="en-US"/>
          </a:p>
        </p:txBody>
      </p:sp>
    </p:spTree>
    <p:extLst>
      <p:ext uri="{BB962C8B-B14F-4D97-AF65-F5344CB8AC3E}">
        <p14:creationId xmlns:p14="http://schemas.microsoft.com/office/powerpoint/2010/main" val="85142367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8513" y="249238"/>
            <a:ext cx="5510212" cy="3814762"/>
          </a:xfrm>
        </p:spPr>
      </p:sp>
      <p:sp>
        <p:nvSpPr>
          <p:cNvPr id="3" name="ノート プレースホルダー 2"/>
          <p:cNvSpPr>
            <a:spLocks noGrp="1"/>
          </p:cNvSpPr>
          <p:nvPr>
            <p:ph type="body" idx="1"/>
          </p:nvPr>
        </p:nvSpPr>
        <p:spPr/>
        <p:txBody>
          <a:bodyPr/>
          <a:lstStyle/>
          <a:p>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10"/>
          </p:nvPr>
        </p:nvSpPr>
        <p:spPr/>
        <p:txBody>
          <a:bodyPr/>
          <a:lstStyle/>
          <a:p>
            <a:fld id="{FDB4C390-704E-47FD-86C2-9A046C79CF26}" type="slidenum">
              <a:rPr kumimoji="1" lang="ja-JP" altLang="en-US" smtClean="0"/>
              <a:t>2</a:t>
            </a:fld>
            <a:endParaRPr kumimoji="1" lang="ja-JP" altLang="en-US"/>
          </a:p>
        </p:txBody>
      </p:sp>
    </p:spTree>
    <p:extLst>
      <p:ext uri="{BB962C8B-B14F-4D97-AF65-F5344CB8AC3E}">
        <p14:creationId xmlns:p14="http://schemas.microsoft.com/office/powerpoint/2010/main" val="427689775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71538" y="257175"/>
            <a:ext cx="5678487" cy="3932238"/>
          </a:xfrm>
        </p:spPr>
      </p:sp>
      <p:sp>
        <p:nvSpPr>
          <p:cNvPr id="3" name="ノート プレースホルダー 2"/>
          <p:cNvSpPr>
            <a:spLocks noGrp="1"/>
          </p:cNvSpPr>
          <p:nvPr>
            <p:ph type="body" idx="1"/>
          </p:nvPr>
        </p:nvSpPr>
        <p:spPr/>
        <p:txBody>
          <a:bodyPr/>
          <a:lstStyle/>
          <a:p>
            <a:pPr defTabSz="946164">
              <a:defRPr/>
            </a:pPr>
            <a:endParaRPr lang="en-US" altLang="ja-JP" dirty="0"/>
          </a:p>
        </p:txBody>
      </p:sp>
      <p:sp>
        <p:nvSpPr>
          <p:cNvPr id="4" name="スライド番号プレースホルダー 3"/>
          <p:cNvSpPr>
            <a:spLocks noGrp="1"/>
          </p:cNvSpPr>
          <p:nvPr>
            <p:ph type="sldNum" sz="quarter" idx="10"/>
          </p:nvPr>
        </p:nvSpPr>
        <p:spPr/>
        <p:txBody>
          <a:bodyPr/>
          <a:lstStyle/>
          <a:p>
            <a:fld id="{FDB4C390-704E-47FD-86C2-9A046C79CF26}" type="slidenum">
              <a:rPr kumimoji="1" lang="ja-JP" altLang="en-US" smtClean="0"/>
              <a:t>21</a:t>
            </a:fld>
            <a:endParaRPr kumimoji="1" lang="ja-JP" altLang="en-US"/>
          </a:p>
        </p:txBody>
      </p:sp>
    </p:spTree>
    <p:extLst>
      <p:ext uri="{BB962C8B-B14F-4D97-AF65-F5344CB8AC3E}">
        <p14:creationId xmlns:p14="http://schemas.microsoft.com/office/powerpoint/2010/main" val="351835192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44F5260-0AF5-4AD7-3156-A1DD505A5328}"/>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51E7B36C-4226-A643-955B-2DC58DB406C2}"/>
              </a:ext>
            </a:extLst>
          </p:cNvPr>
          <p:cNvSpPr>
            <a:spLocks noGrp="1" noRot="1" noChangeAspect="1"/>
          </p:cNvSpPr>
          <p:nvPr>
            <p:ph type="sldImg"/>
          </p:nvPr>
        </p:nvSpPr>
        <p:spPr>
          <a:xfrm>
            <a:off x="798513" y="249238"/>
            <a:ext cx="5510212" cy="3814762"/>
          </a:xfrm>
        </p:spPr>
      </p:sp>
      <p:sp>
        <p:nvSpPr>
          <p:cNvPr id="3" name="ノート プレースホルダー 2">
            <a:extLst>
              <a:ext uri="{FF2B5EF4-FFF2-40B4-BE49-F238E27FC236}">
                <a16:creationId xmlns:a16="http://schemas.microsoft.com/office/drawing/2014/main" id="{FE0DAE27-905E-0CA4-CC88-CE654106E88A}"/>
              </a:ext>
            </a:extLst>
          </p:cNvPr>
          <p:cNvSpPr>
            <a:spLocks noGrp="1"/>
          </p:cNvSpPr>
          <p:nvPr>
            <p:ph type="body" idx="1"/>
          </p:nvPr>
        </p:nvSpPr>
        <p:spPr/>
        <p:txBody>
          <a:bodyPr/>
          <a:lstStyle/>
          <a:p>
            <a:pPr defTabSz="912933">
              <a:defRPr/>
            </a:pPr>
            <a:endParaRPr kumimoji="1" lang="ja-JP" altLang="en-US" dirty="0"/>
          </a:p>
        </p:txBody>
      </p:sp>
      <p:sp>
        <p:nvSpPr>
          <p:cNvPr id="4" name="スライド番号プレースホルダー 3">
            <a:extLst>
              <a:ext uri="{FF2B5EF4-FFF2-40B4-BE49-F238E27FC236}">
                <a16:creationId xmlns:a16="http://schemas.microsoft.com/office/drawing/2014/main" id="{3E999660-20C9-6B81-F39E-0734BC645211}"/>
              </a:ext>
            </a:extLst>
          </p:cNvPr>
          <p:cNvSpPr>
            <a:spLocks noGrp="1"/>
          </p:cNvSpPr>
          <p:nvPr>
            <p:ph type="sldNum" sz="quarter" idx="10"/>
          </p:nvPr>
        </p:nvSpPr>
        <p:spPr/>
        <p:txBody>
          <a:bodyPr/>
          <a:lstStyle/>
          <a:p>
            <a:fld id="{FDB4C390-704E-47FD-86C2-9A046C79CF26}" type="slidenum">
              <a:rPr kumimoji="1" lang="ja-JP" altLang="en-US" smtClean="0"/>
              <a:t>22</a:t>
            </a:fld>
            <a:endParaRPr kumimoji="1" lang="ja-JP" altLang="en-US"/>
          </a:p>
        </p:txBody>
      </p:sp>
    </p:spTree>
    <p:extLst>
      <p:ext uri="{BB962C8B-B14F-4D97-AF65-F5344CB8AC3E}">
        <p14:creationId xmlns:p14="http://schemas.microsoft.com/office/powerpoint/2010/main" val="377698354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46AB192-78C8-6652-E26A-2C954E3EF710}"/>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264B089E-79B4-83CA-0D7E-ACADE371A533}"/>
              </a:ext>
            </a:extLst>
          </p:cNvPr>
          <p:cNvSpPr>
            <a:spLocks noGrp="1" noRot="1" noChangeAspect="1"/>
          </p:cNvSpPr>
          <p:nvPr>
            <p:ph type="sldImg"/>
          </p:nvPr>
        </p:nvSpPr>
        <p:spPr>
          <a:xfrm>
            <a:off x="800100" y="249238"/>
            <a:ext cx="5518150" cy="3819525"/>
          </a:xfrm>
        </p:spPr>
      </p:sp>
      <p:sp>
        <p:nvSpPr>
          <p:cNvPr id="3" name="ノート プレースホルダー 2">
            <a:extLst>
              <a:ext uri="{FF2B5EF4-FFF2-40B4-BE49-F238E27FC236}">
                <a16:creationId xmlns:a16="http://schemas.microsoft.com/office/drawing/2014/main" id="{E52535BB-4EB3-7B29-00BF-D540FB85E0F8}"/>
              </a:ext>
            </a:extLst>
          </p:cNvPr>
          <p:cNvSpPr>
            <a:spLocks noGrp="1"/>
          </p:cNvSpPr>
          <p:nvPr>
            <p:ph type="body" idx="1"/>
          </p:nvPr>
        </p:nvSpPr>
        <p:spPr/>
        <p:txBody>
          <a:bodyPr/>
          <a:lstStyle/>
          <a:p>
            <a:pPr defTabSz="913648">
              <a:defRPr/>
            </a:pPr>
            <a:endParaRPr kumimoji="1"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a:extLst>
              <a:ext uri="{FF2B5EF4-FFF2-40B4-BE49-F238E27FC236}">
                <a16:creationId xmlns:a16="http://schemas.microsoft.com/office/drawing/2014/main" id="{BEFCA7D5-B7AD-D3C4-773B-D32EC93B49B7}"/>
              </a:ext>
            </a:extLst>
          </p:cNvPr>
          <p:cNvSpPr>
            <a:spLocks noGrp="1"/>
          </p:cNvSpPr>
          <p:nvPr>
            <p:ph type="sldNum" sz="quarter" idx="10"/>
          </p:nvPr>
        </p:nvSpPr>
        <p:spPr/>
        <p:txBody>
          <a:bodyPr/>
          <a:lstStyle/>
          <a:p>
            <a:fld id="{D99FE50C-2332-474A-B68A-521316CFC10A}" type="slidenum">
              <a:rPr kumimoji="1" lang="ja-JP" altLang="en-US" smtClean="0"/>
              <a:t>23</a:t>
            </a:fld>
            <a:endParaRPr kumimoji="1" lang="ja-JP" altLang="en-US"/>
          </a:p>
        </p:txBody>
      </p:sp>
    </p:spTree>
    <p:extLst>
      <p:ext uri="{BB962C8B-B14F-4D97-AF65-F5344CB8AC3E}">
        <p14:creationId xmlns:p14="http://schemas.microsoft.com/office/powerpoint/2010/main" val="2981254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AECB02E-2447-55AB-F1D5-22876344C573}"/>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8DF250D2-F8EC-A085-8CD8-86EB80768F8B}"/>
              </a:ext>
            </a:extLst>
          </p:cNvPr>
          <p:cNvSpPr>
            <a:spLocks noGrp="1" noRot="1" noChangeAspect="1"/>
          </p:cNvSpPr>
          <p:nvPr>
            <p:ph type="sldImg"/>
          </p:nvPr>
        </p:nvSpPr>
        <p:spPr>
          <a:xfrm>
            <a:off x="800100" y="249238"/>
            <a:ext cx="5518150" cy="3819525"/>
          </a:xfrm>
        </p:spPr>
      </p:sp>
      <p:sp>
        <p:nvSpPr>
          <p:cNvPr id="3" name="ノート プレースホルダー 2">
            <a:extLst>
              <a:ext uri="{FF2B5EF4-FFF2-40B4-BE49-F238E27FC236}">
                <a16:creationId xmlns:a16="http://schemas.microsoft.com/office/drawing/2014/main" id="{F41FC0F2-D1B0-F67C-780E-46E69821225C}"/>
              </a:ext>
            </a:extLst>
          </p:cNvPr>
          <p:cNvSpPr>
            <a:spLocks noGrp="1"/>
          </p:cNvSpPr>
          <p:nvPr>
            <p:ph type="body" idx="1"/>
          </p:nvPr>
        </p:nvSpPr>
        <p:spPr/>
        <p:txBody>
          <a:bodyPr/>
          <a:lstStyle/>
          <a:p>
            <a:pPr defTabSz="913648">
              <a:defRPr/>
            </a:pPr>
            <a:endParaRPr kumimoji="1"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a:extLst>
              <a:ext uri="{FF2B5EF4-FFF2-40B4-BE49-F238E27FC236}">
                <a16:creationId xmlns:a16="http://schemas.microsoft.com/office/drawing/2014/main" id="{200750F1-FCD9-2B4A-167D-6B73831616D2}"/>
              </a:ext>
            </a:extLst>
          </p:cNvPr>
          <p:cNvSpPr>
            <a:spLocks noGrp="1"/>
          </p:cNvSpPr>
          <p:nvPr>
            <p:ph type="sldNum" sz="quarter" idx="10"/>
          </p:nvPr>
        </p:nvSpPr>
        <p:spPr/>
        <p:txBody>
          <a:bodyPr/>
          <a:lstStyle/>
          <a:p>
            <a:fld id="{D99FE50C-2332-474A-B68A-521316CFC10A}" type="slidenum">
              <a:rPr kumimoji="1" lang="ja-JP" altLang="en-US" smtClean="0"/>
              <a:t>24</a:t>
            </a:fld>
            <a:endParaRPr kumimoji="1" lang="ja-JP" altLang="en-US"/>
          </a:p>
        </p:txBody>
      </p:sp>
    </p:spTree>
    <p:extLst>
      <p:ext uri="{BB962C8B-B14F-4D97-AF65-F5344CB8AC3E}">
        <p14:creationId xmlns:p14="http://schemas.microsoft.com/office/powerpoint/2010/main" val="127313054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908544">
              <a:defRPr/>
            </a:pPr>
            <a:endParaRPr lang="ja-JP" altLang="ja-JP" dirty="0"/>
          </a:p>
        </p:txBody>
      </p:sp>
      <p:sp>
        <p:nvSpPr>
          <p:cNvPr id="4" name="スライド番号プレースホルダー 3"/>
          <p:cNvSpPr>
            <a:spLocks noGrp="1"/>
          </p:cNvSpPr>
          <p:nvPr>
            <p:ph type="sldNum" sz="quarter" idx="10"/>
          </p:nvPr>
        </p:nvSpPr>
        <p:spPr/>
        <p:txBody>
          <a:bodyPr/>
          <a:lstStyle/>
          <a:p>
            <a:fld id="{D99FE50C-2332-474A-B68A-521316CFC10A}" type="slidenum">
              <a:rPr kumimoji="1" lang="ja-JP" altLang="en-US" smtClean="0"/>
              <a:t>25</a:t>
            </a:fld>
            <a:endParaRPr kumimoji="1" lang="ja-JP" altLang="en-US"/>
          </a:p>
        </p:txBody>
      </p:sp>
    </p:spTree>
    <p:extLst>
      <p:ext uri="{BB962C8B-B14F-4D97-AF65-F5344CB8AC3E}">
        <p14:creationId xmlns:p14="http://schemas.microsoft.com/office/powerpoint/2010/main" val="310558996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908544">
              <a:defRPr/>
            </a:pPr>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10"/>
          </p:nvPr>
        </p:nvSpPr>
        <p:spPr/>
        <p:txBody>
          <a:bodyPr/>
          <a:lstStyle/>
          <a:p>
            <a:fld id="{D99FE50C-2332-474A-B68A-521316CFC10A}" type="slidenum">
              <a:rPr kumimoji="1" lang="ja-JP" altLang="en-US" smtClean="0"/>
              <a:t>26</a:t>
            </a:fld>
            <a:endParaRPr kumimoji="1" lang="ja-JP" altLang="en-US"/>
          </a:p>
        </p:txBody>
      </p:sp>
    </p:spTree>
    <p:extLst>
      <p:ext uri="{BB962C8B-B14F-4D97-AF65-F5344CB8AC3E}">
        <p14:creationId xmlns:p14="http://schemas.microsoft.com/office/powerpoint/2010/main" val="1199850152"/>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8513" y="249238"/>
            <a:ext cx="5510212" cy="3814762"/>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FDB4C390-704E-47FD-86C2-9A046C79CF26}" type="slidenum">
              <a:rPr kumimoji="1" lang="ja-JP" altLang="en-US" smtClean="0"/>
              <a:t>27</a:t>
            </a:fld>
            <a:endParaRPr kumimoji="1" lang="ja-JP" altLang="en-US"/>
          </a:p>
        </p:txBody>
      </p:sp>
    </p:spTree>
    <p:extLst>
      <p:ext uri="{BB962C8B-B14F-4D97-AF65-F5344CB8AC3E}">
        <p14:creationId xmlns:p14="http://schemas.microsoft.com/office/powerpoint/2010/main" val="140728791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DB4C390-704E-47FD-86C2-9A046C79CF26}" type="slidenum">
              <a:rPr kumimoji="1" lang="ja-JP" altLang="en-US" smtClean="0"/>
              <a:t>28</a:t>
            </a:fld>
            <a:endParaRPr kumimoji="1" lang="ja-JP" altLang="en-US"/>
          </a:p>
        </p:txBody>
      </p:sp>
    </p:spTree>
    <p:extLst>
      <p:ext uri="{BB962C8B-B14F-4D97-AF65-F5344CB8AC3E}">
        <p14:creationId xmlns:p14="http://schemas.microsoft.com/office/powerpoint/2010/main" val="337312364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6925" y="249238"/>
            <a:ext cx="5502275" cy="3810000"/>
          </a:xfrm>
        </p:spPr>
      </p:sp>
      <p:sp>
        <p:nvSpPr>
          <p:cNvPr id="3" name="ノート プレースホルダー 2"/>
          <p:cNvSpPr>
            <a:spLocks noGrp="1"/>
          </p:cNvSpPr>
          <p:nvPr>
            <p:ph type="body" idx="1"/>
          </p:nvPr>
        </p:nvSpPr>
        <p:spPr/>
        <p:txBody>
          <a:bodyPr/>
          <a:lstStyle/>
          <a:p>
            <a:endParaRPr kumimoji="1" lang="ja-JP" altLang="en-US"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5592">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5592">
                <a:defRPr/>
              </a:pPr>
              <a:t>29</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85442527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01688" y="249238"/>
            <a:ext cx="5514975" cy="3819525"/>
          </a:xfrm>
        </p:spPr>
      </p:sp>
      <p:sp>
        <p:nvSpPr>
          <p:cNvPr id="3" name="ノート プレースホルダー 2"/>
          <p:cNvSpPr>
            <a:spLocks noGrp="1"/>
          </p:cNvSpPr>
          <p:nvPr>
            <p:ph type="body" idx="1"/>
          </p:nvPr>
        </p:nvSpPr>
        <p:spPr/>
        <p:txBody>
          <a:bodyPr/>
          <a:lstStyle/>
          <a:p>
            <a:pPr defTabSz="909818">
              <a:defRPr/>
            </a:pPr>
            <a:endParaRPr lang="en-US" altLang="ja-JP"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D99FE50C-2332-474A-B68A-521316CFC10A}"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30</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414258128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DB4C390-704E-47FD-86C2-9A046C79CF26}" type="slidenum">
              <a:rPr kumimoji="1" lang="ja-JP" altLang="en-US" smtClean="0"/>
              <a:t>4</a:t>
            </a:fld>
            <a:endParaRPr kumimoji="1" lang="ja-JP" altLang="en-US"/>
          </a:p>
        </p:txBody>
      </p:sp>
    </p:spTree>
    <p:extLst>
      <p:ext uri="{BB962C8B-B14F-4D97-AF65-F5344CB8AC3E}">
        <p14:creationId xmlns:p14="http://schemas.microsoft.com/office/powerpoint/2010/main" val="4156580359"/>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8513" y="249238"/>
            <a:ext cx="5510212" cy="3814762"/>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99FE50C-2332-474A-B68A-521316CFC10A}" type="slidenum">
              <a:rPr kumimoji="1" lang="ja-JP" altLang="en-US" smtClean="0"/>
              <a:t>31</a:t>
            </a:fld>
            <a:endParaRPr kumimoji="1" lang="ja-JP" altLang="en-US"/>
          </a:p>
        </p:txBody>
      </p:sp>
    </p:spTree>
    <p:extLst>
      <p:ext uri="{BB962C8B-B14F-4D97-AF65-F5344CB8AC3E}">
        <p14:creationId xmlns:p14="http://schemas.microsoft.com/office/powerpoint/2010/main" val="412899803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01688" y="249238"/>
            <a:ext cx="5514975" cy="3819525"/>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99FE50C-2332-474A-B68A-521316CFC10A}" type="slidenum">
              <a:rPr kumimoji="1" lang="ja-JP" altLang="en-US" smtClean="0"/>
              <a:t>32</a:t>
            </a:fld>
            <a:endParaRPr kumimoji="1" lang="ja-JP" altLang="en-US"/>
          </a:p>
        </p:txBody>
      </p:sp>
    </p:spTree>
    <p:extLst>
      <p:ext uri="{BB962C8B-B14F-4D97-AF65-F5344CB8AC3E}">
        <p14:creationId xmlns:p14="http://schemas.microsoft.com/office/powerpoint/2010/main" val="58965578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AE4C372-B53F-19CC-58D9-B52363074E33}"/>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D3BA3152-9F19-9977-3609-9E179274D3F6}"/>
              </a:ext>
            </a:extLst>
          </p:cNvPr>
          <p:cNvSpPr>
            <a:spLocks noGrp="1" noRot="1" noChangeAspect="1"/>
          </p:cNvSpPr>
          <p:nvPr>
            <p:ph type="sldImg"/>
          </p:nvPr>
        </p:nvSpPr>
        <p:spPr>
          <a:xfrm>
            <a:off x="801688" y="249238"/>
            <a:ext cx="5514975" cy="3819525"/>
          </a:xfrm>
        </p:spPr>
      </p:sp>
      <p:sp>
        <p:nvSpPr>
          <p:cNvPr id="3" name="ノート プレースホルダー 2">
            <a:extLst>
              <a:ext uri="{FF2B5EF4-FFF2-40B4-BE49-F238E27FC236}">
                <a16:creationId xmlns:a16="http://schemas.microsoft.com/office/drawing/2014/main" id="{D78D9326-7150-9295-D033-567F301DF30C}"/>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B1276AE7-06FD-B821-7273-EBDF88A86B08}"/>
              </a:ext>
            </a:extLst>
          </p:cNvPr>
          <p:cNvSpPr>
            <a:spLocks noGrp="1"/>
          </p:cNvSpPr>
          <p:nvPr>
            <p:ph type="sldNum" sz="quarter" idx="10"/>
          </p:nvPr>
        </p:nvSpPr>
        <p:spPr/>
        <p:txBody>
          <a:bodyPr/>
          <a:lstStyle/>
          <a:p>
            <a:fld id="{D99FE50C-2332-474A-B68A-521316CFC10A}" type="slidenum">
              <a:rPr kumimoji="1" lang="ja-JP" altLang="en-US" smtClean="0"/>
              <a:t>33</a:t>
            </a:fld>
            <a:endParaRPr kumimoji="1" lang="ja-JP" altLang="en-US"/>
          </a:p>
        </p:txBody>
      </p:sp>
    </p:spTree>
    <p:extLst>
      <p:ext uri="{BB962C8B-B14F-4D97-AF65-F5344CB8AC3E}">
        <p14:creationId xmlns:p14="http://schemas.microsoft.com/office/powerpoint/2010/main" val="136177633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B9DBB59-8F95-D6BA-9000-2A1073DBB80A}"/>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2F05ED09-8AFA-B28F-2F48-72B8BDEC44C6}"/>
              </a:ext>
            </a:extLst>
          </p:cNvPr>
          <p:cNvSpPr>
            <a:spLocks noGrp="1" noRot="1" noChangeAspect="1"/>
          </p:cNvSpPr>
          <p:nvPr>
            <p:ph type="sldImg"/>
          </p:nvPr>
        </p:nvSpPr>
        <p:spPr>
          <a:xfrm>
            <a:off x="801688" y="249238"/>
            <a:ext cx="5514975" cy="3819525"/>
          </a:xfrm>
        </p:spPr>
      </p:sp>
      <p:sp>
        <p:nvSpPr>
          <p:cNvPr id="3" name="ノート プレースホルダー 2">
            <a:extLst>
              <a:ext uri="{FF2B5EF4-FFF2-40B4-BE49-F238E27FC236}">
                <a16:creationId xmlns:a16="http://schemas.microsoft.com/office/drawing/2014/main" id="{228847E2-9382-0F62-C46E-3C6792442363}"/>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3F6072A1-EB7B-BDB5-B1A8-E9CD19D0F820}"/>
              </a:ext>
            </a:extLst>
          </p:cNvPr>
          <p:cNvSpPr>
            <a:spLocks noGrp="1"/>
          </p:cNvSpPr>
          <p:nvPr>
            <p:ph type="sldNum" sz="quarter" idx="10"/>
          </p:nvPr>
        </p:nvSpPr>
        <p:spPr/>
        <p:txBody>
          <a:bodyPr/>
          <a:lstStyle/>
          <a:p>
            <a:fld id="{D99FE50C-2332-474A-B68A-521316CFC10A}" type="slidenum">
              <a:rPr kumimoji="1" lang="ja-JP" altLang="en-US" smtClean="0"/>
              <a:t>34</a:t>
            </a:fld>
            <a:endParaRPr kumimoji="1" lang="ja-JP" altLang="en-US"/>
          </a:p>
        </p:txBody>
      </p:sp>
    </p:spTree>
    <p:extLst>
      <p:ext uri="{BB962C8B-B14F-4D97-AF65-F5344CB8AC3E}">
        <p14:creationId xmlns:p14="http://schemas.microsoft.com/office/powerpoint/2010/main" val="260364628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01688" y="249238"/>
            <a:ext cx="5514975" cy="3819525"/>
          </a:xfrm>
        </p:spPr>
      </p:sp>
      <p:sp>
        <p:nvSpPr>
          <p:cNvPr id="3" name="ノート プレースホルダー 2"/>
          <p:cNvSpPr>
            <a:spLocks noGrp="1"/>
          </p:cNvSpPr>
          <p:nvPr>
            <p:ph type="body" idx="1"/>
          </p:nvPr>
        </p:nvSpPr>
        <p:spPr/>
        <p:txBody>
          <a:bodyPr/>
          <a:lstStyle/>
          <a:p>
            <a:pPr defTabSz="909818">
              <a:defRPr/>
            </a:pPr>
            <a:endParaRPr lang="en-US" altLang="ja-JP" dirty="0"/>
          </a:p>
        </p:txBody>
      </p:sp>
      <p:sp>
        <p:nvSpPr>
          <p:cNvPr id="4" name="スライド番号プレースホルダー 3"/>
          <p:cNvSpPr>
            <a:spLocks noGrp="1"/>
          </p:cNvSpPr>
          <p:nvPr>
            <p:ph type="sldNum" sz="quarter" idx="10"/>
          </p:nvPr>
        </p:nvSpPr>
        <p:spPr/>
        <p:txBody>
          <a:bodyPr/>
          <a:lstStyle/>
          <a:p>
            <a:fld id="{D99FE50C-2332-474A-B68A-521316CFC10A}" type="slidenum">
              <a:rPr kumimoji="1" lang="ja-JP" altLang="en-US" smtClean="0"/>
              <a:t>35</a:t>
            </a:fld>
            <a:endParaRPr kumimoji="1" lang="ja-JP" altLang="en-US"/>
          </a:p>
        </p:txBody>
      </p:sp>
    </p:spTree>
    <p:extLst>
      <p:ext uri="{BB962C8B-B14F-4D97-AF65-F5344CB8AC3E}">
        <p14:creationId xmlns:p14="http://schemas.microsoft.com/office/powerpoint/2010/main" val="186473959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6925" y="249238"/>
            <a:ext cx="5502275" cy="3810000"/>
          </a:xfrm>
        </p:spPr>
      </p:sp>
      <p:sp>
        <p:nvSpPr>
          <p:cNvPr id="3" name="ノート プレースホルダー 2"/>
          <p:cNvSpPr>
            <a:spLocks noGrp="1"/>
          </p:cNvSpPr>
          <p:nvPr>
            <p:ph type="body" idx="1"/>
          </p:nvPr>
        </p:nvSpPr>
        <p:spPr/>
        <p:txBody>
          <a:bodyPr/>
          <a:lstStyle/>
          <a:p>
            <a:endParaRPr kumimoji="1"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5592">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5592">
                <a:defRPr/>
              </a:pPr>
              <a:t>36</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68525551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B6ECE64-314C-0535-7B62-F077665EAD5F}"/>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54800264-517A-0E2B-FDE4-EC4C0A9B8137}"/>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9F170209-FBD0-11D9-EB59-B43C2DDD65F9}"/>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7B83200C-4E75-F75E-EF42-791A7686CCE4}"/>
              </a:ext>
            </a:extLst>
          </p:cNvPr>
          <p:cNvSpPr>
            <a:spLocks noGrp="1"/>
          </p:cNvSpPr>
          <p:nvPr>
            <p:ph type="sldNum" sz="quarter" idx="10"/>
          </p:nvPr>
        </p:nvSpPr>
        <p:spPr/>
        <p:txBody>
          <a:bodyPr/>
          <a:lstStyle/>
          <a:p>
            <a:fld id="{FDB4C390-704E-47FD-86C2-9A046C79CF26}" type="slidenum">
              <a:rPr kumimoji="1" lang="ja-JP" altLang="en-US" smtClean="0"/>
              <a:t>37</a:t>
            </a:fld>
            <a:endParaRPr kumimoji="1" lang="ja-JP" altLang="en-US"/>
          </a:p>
        </p:txBody>
      </p:sp>
    </p:spTree>
    <p:extLst>
      <p:ext uri="{BB962C8B-B14F-4D97-AF65-F5344CB8AC3E}">
        <p14:creationId xmlns:p14="http://schemas.microsoft.com/office/powerpoint/2010/main" val="92294310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CF4BF29-E748-B642-5114-28206C03C408}"/>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B29489B2-D685-76C3-2804-CE4393D60B68}"/>
              </a:ext>
            </a:extLst>
          </p:cNvPr>
          <p:cNvSpPr>
            <a:spLocks noGrp="1" noRot="1" noChangeAspect="1"/>
          </p:cNvSpPr>
          <p:nvPr>
            <p:ph type="sldImg"/>
          </p:nvPr>
        </p:nvSpPr>
        <p:spPr>
          <a:xfrm>
            <a:off x="796925" y="249238"/>
            <a:ext cx="5502275" cy="3810000"/>
          </a:xfrm>
        </p:spPr>
      </p:sp>
      <p:sp>
        <p:nvSpPr>
          <p:cNvPr id="3" name="ノート プレースホルダー 2">
            <a:extLst>
              <a:ext uri="{FF2B5EF4-FFF2-40B4-BE49-F238E27FC236}">
                <a16:creationId xmlns:a16="http://schemas.microsoft.com/office/drawing/2014/main" id="{2B399589-E919-B133-2A8E-19B6B910B61E}"/>
              </a:ext>
            </a:extLst>
          </p:cNvPr>
          <p:cNvSpPr>
            <a:spLocks noGrp="1"/>
          </p:cNvSpPr>
          <p:nvPr>
            <p:ph type="body" idx="1"/>
          </p:nvPr>
        </p:nvSpPr>
        <p:spPr/>
        <p:txBody>
          <a:bodyPr/>
          <a:lstStyle/>
          <a:p>
            <a:endParaRPr kumimoji="1"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a:extLst>
              <a:ext uri="{FF2B5EF4-FFF2-40B4-BE49-F238E27FC236}">
                <a16:creationId xmlns:a16="http://schemas.microsoft.com/office/drawing/2014/main" id="{BE1AF43E-ED91-3E20-0AAD-DE089B4DA573}"/>
              </a:ext>
            </a:extLst>
          </p:cNvPr>
          <p:cNvSpPr>
            <a:spLocks noGrp="1"/>
          </p:cNvSpPr>
          <p:nvPr>
            <p:ph type="sldNum" sz="quarter" idx="5"/>
          </p:nvPr>
        </p:nvSpPr>
        <p:spPr/>
        <p:txBody>
          <a:bodyPr/>
          <a:lstStyle/>
          <a:p>
            <a:pPr defTabSz="455592">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5592">
                <a:defRPr/>
              </a:pPr>
              <a:t>38</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450497038"/>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E0D2870-F525-DF31-53F4-024EB2997DD9}"/>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DCBA8BA4-D5FF-43B5-EBBC-D0EA55FF1094}"/>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CC12E591-A01D-5091-5553-7F9D8D307CAF}"/>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3B3F50B0-B58D-598A-8EF6-4265B3F3DD04}"/>
              </a:ext>
            </a:extLst>
          </p:cNvPr>
          <p:cNvSpPr>
            <a:spLocks noGrp="1"/>
          </p:cNvSpPr>
          <p:nvPr>
            <p:ph type="sldNum" sz="quarter" idx="10"/>
          </p:nvPr>
        </p:nvSpPr>
        <p:spPr/>
        <p:txBody>
          <a:bodyPr/>
          <a:lstStyle/>
          <a:p>
            <a:fld id="{FDB4C390-704E-47FD-86C2-9A046C79CF26}" type="slidenum">
              <a:rPr kumimoji="1" lang="ja-JP" altLang="en-US" smtClean="0"/>
              <a:t>39</a:t>
            </a:fld>
            <a:endParaRPr kumimoji="1" lang="ja-JP" altLang="en-US"/>
          </a:p>
        </p:txBody>
      </p:sp>
    </p:spTree>
    <p:extLst>
      <p:ext uri="{BB962C8B-B14F-4D97-AF65-F5344CB8AC3E}">
        <p14:creationId xmlns:p14="http://schemas.microsoft.com/office/powerpoint/2010/main" val="119578648"/>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6925" y="249238"/>
            <a:ext cx="5502275" cy="3810000"/>
          </a:xfrm>
        </p:spPr>
      </p:sp>
      <p:sp>
        <p:nvSpPr>
          <p:cNvPr id="3" name="ノート プレースホルダー 2"/>
          <p:cNvSpPr>
            <a:spLocks noGrp="1"/>
          </p:cNvSpPr>
          <p:nvPr>
            <p:ph type="body" idx="1"/>
          </p:nvPr>
        </p:nvSpPr>
        <p:spPr/>
        <p:txBody>
          <a:bodyPr/>
          <a:lstStyle/>
          <a:p>
            <a:endParaRPr kumimoji="1"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5592">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5592">
                <a:defRPr/>
              </a:pPr>
              <a:t>40</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406348793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533400" y="271463"/>
            <a:ext cx="5986463" cy="4144962"/>
          </a:xfrm>
        </p:spPr>
      </p:sp>
      <p:sp>
        <p:nvSpPr>
          <p:cNvPr id="3" name="ノート プレースホルダー 2"/>
          <p:cNvSpPr>
            <a:spLocks noGrp="1"/>
          </p:cNvSpPr>
          <p:nvPr>
            <p:ph type="body" idx="1"/>
          </p:nvPr>
        </p:nvSpPr>
        <p:spPr/>
        <p:txBody>
          <a:bodyPr/>
          <a:lstStyle/>
          <a:p>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6324">
              <a:defRPr/>
            </a:pPr>
            <a:fld id="{FDB4C390-704E-47FD-86C2-9A046C79CF26}" type="slidenum">
              <a:rPr lang="ja-JP" altLang="en-US">
                <a:solidFill>
                  <a:prstClr val="black"/>
                </a:solidFill>
                <a:latin typeface="游ゴシック" panose="020F0502020204030204"/>
                <a:ea typeface="游ゴシック" panose="020B0400000000000000" pitchFamily="50" charset="-128"/>
              </a:rPr>
              <a:pPr defTabSz="456324">
                <a:defRPr/>
              </a:pPr>
              <a:t>5</a:t>
            </a:fld>
            <a:endParaRPr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656388138"/>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DB4C390-704E-47FD-86C2-9A046C79CF26}" type="slidenum">
              <a:rPr kumimoji="1" lang="ja-JP" altLang="en-US" smtClean="0"/>
              <a:t>41</a:t>
            </a:fld>
            <a:endParaRPr kumimoji="1" lang="ja-JP" altLang="en-US"/>
          </a:p>
        </p:txBody>
      </p:sp>
    </p:spTree>
    <p:extLst>
      <p:ext uri="{BB962C8B-B14F-4D97-AF65-F5344CB8AC3E}">
        <p14:creationId xmlns:p14="http://schemas.microsoft.com/office/powerpoint/2010/main" val="2706797520"/>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07D8762-C193-E73C-B98A-290E80CDF6BE}"/>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E945C380-ABC5-1AC7-3370-267EBAD2856B}"/>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8D6B07A1-A2F0-E1FC-A070-037E89393BEF}"/>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2F97052B-F585-1A9E-0463-D750BA3C3C68}"/>
              </a:ext>
            </a:extLst>
          </p:cNvPr>
          <p:cNvSpPr>
            <a:spLocks noGrp="1"/>
          </p:cNvSpPr>
          <p:nvPr>
            <p:ph type="sldNum" sz="quarter" idx="5"/>
          </p:nvPr>
        </p:nvSpPr>
        <p:spPr/>
        <p:txBody>
          <a:bodyPr/>
          <a:lstStyle/>
          <a:p>
            <a:fld id="{FDB4C390-704E-47FD-86C2-9A046C79CF26}" type="slidenum">
              <a:rPr kumimoji="1" lang="ja-JP" altLang="en-US" smtClean="0"/>
              <a:t>42</a:t>
            </a:fld>
            <a:endParaRPr kumimoji="1" lang="ja-JP" altLang="en-US"/>
          </a:p>
        </p:txBody>
      </p:sp>
    </p:spTree>
    <p:extLst>
      <p:ext uri="{BB962C8B-B14F-4D97-AF65-F5344CB8AC3E}">
        <p14:creationId xmlns:p14="http://schemas.microsoft.com/office/powerpoint/2010/main" val="238893585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715B705-4372-0CCF-09C7-3563AD2F8097}"/>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BC13E163-6B1D-E5B9-320A-8A823E211EA5}"/>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7D7888BF-3124-66D1-3A73-7B2D1CC1941C}"/>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EA0093CF-B4C3-DC74-4A71-1E323E8E4E4A}"/>
              </a:ext>
            </a:extLst>
          </p:cNvPr>
          <p:cNvSpPr>
            <a:spLocks noGrp="1"/>
          </p:cNvSpPr>
          <p:nvPr>
            <p:ph type="sldNum" sz="quarter" idx="10"/>
          </p:nvPr>
        </p:nvSpPr>
        <p:spPr/>
        <p:txBody>
          <a:bodyPr/>
          <a:lstStyle/>
          <a:p>
            <a:fld id="{FDB4C390-704E-47FD-86C2-9A046C79CF26}" type="slidenum">
              <a:rPr kumimoji="1" lang="ja-JP" altLang="en-US" smtClean="0"/>
              <a:t>43</a:t>
            </a:fld>
            <a:endParaRPr kumimoji="1" lang="ja-JP" altLang="en-US"/>
          </a:p>
        </p:txBody>
      </p:sp>
    </p:spTree>
    <p:extLst>
      <p:ext uri="{BB962C8B-B14F-4D97-AF65-F5344CB8AC3E}">
        <p14:creationId xmlns:p14="http://schemas.microsoft.com/office/powerpoint/2010/main" val="1072863837"/>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6925" y="249238"/>
            <a:ext cx="5502275" cy="3810000"/>
          </a:xfrm>
        </p:spPr>
      </p:sp>
      <p:sp>
        <p:nvSpPr>
          <p:cNvPr id="3" name="ノート プレースホルダー 2"/>
          <p:cNvSpPr>
            <a:spLocks noGrp="1"/>
          </p:cNvSpPr>
          <p:nvPr>
            <p:ph type="body" idx="1"/>
          </p:nvPr>
        </p:nvSpPr>
        <p:spPr/>
        <p:txBody>
          <a:bodyPr/>
          <a:lstStyle/>
          <a:p>
            <a:endParaRPr kumimoji="1"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5592">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5592">
                <a:defRPr/>
              </a:pPr>
              <a:t>44</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10770177"/>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DB4C390-704E-47FD-86C2-9A046C79CF26}" type="slidenum">
              <a:rPr kumimoji="1" lang="ja-JP" altLang="en-US" smtClean="0"/>
              <a:t>45</a:t>
            </a:fld>
            <a:endParaRPr kumimoji="1" lang="ja-JP" altLang="en-US"/>
          </a:p>
        </p:txBody>
      </p:sp>
    </p:spTree>
    <p:extLst>
      <p:ext uri="{BB962C8B-B14F-4D97-AF65-F5344CB8AC3E}">
        <p14:creationId xmlns:p14="http://schemas.microsoft.com/office/powerpoint/2010/main" val="1865360315"/>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DB4C390-704E-47FD-86C2-9A046C79CF26}" type="slidenum">
              <a:rPr kumimoji="1" lang="ja-JP" altLang="en-US" smtClean="0"/>
              <a:t>46</a:t>
            </a:fld>
            <a:endParaRPr kumimoji="1" lang="ja-JP" altLang="en-US"/>
          </a:p>
        </p:txBody>
      </p:sp>
    </p:spTree>
    <p:extLst>
      <p:ext uri="{BB962C8B-B14F-4D97-AF65-F5344CB8AC3E}">
        <p14:creationId xmlns:p14="http://schemas.microsoft.com/office/powerpoint/2010/main" val="213510038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DB4C390-704E-47FD-86C2-9A046C79CF26}" type="slidenum">
              <a:rPr kumimoji="1" lang="ja-JP" altLang="en-US" smtClean="0"/>
              <a:t>47</a:t>
            </a:fld>
            <a:endParaRPr kumimoji="1" lang="ja-JP" altLang="en-US"/>
          </a:p>
        </p:txBody>
      </p:sp>
    </p:spTree>
    <p:extLst>
      <p:ext uri="{BB962C8B-B14F-4D97-AF65-F5344CB8AC3E}">
        <p14:creationId xmlns:p14="http://schemas.microsoft.com/office/powerpoint/2010/main" val="427682817"/>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DB4C390-704E-47FD-86C2-9A046C79CF26}" type="slidenum">
              <a:rPr kumimoji="1" lang="ja-JP" altLang="en-US" smtClean="0"/>
              <a:t>48</a:t>
            </a:fld>
            <a:endParaRPr kumimoji="1" lang="ja-JP" altLang="en-US"/>
          </a:p>
        </p:txBody>
      </p:sp>
    </p:spTree>
    <p:extLst>
      <p:ext uri="{BB962C8B-B14F-4D97-AF65-F5344CB8AC3E}">
        <p14:creationId xmlns:p14="http://schemas.microsoft.com/office/powerpoint/2010/main" val="3307138912"/>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D490ED0-5F56-46B0-2F53-E6B88FD44C6F}"/>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1C9E31DB-8625-69D7-71C4-796468098D18}"/>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8ED3B979-4F6F-5969-0108-82CDA4304C17}"/>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E7FDCFD7-1B2D-BC70-AB86-ECDC66236914}"/>
              </a:ext>
            </a:extLst>
          </p:cNvPr>
          <p:cNvSpPr>
            <a:spLocks noGrp="1"/>
          </p:cNvSpPr>
          <p:nvPr>
            <p:ph type="sldNum" sz="quarter" idx="5"/>
          </p:nvPr>
        </p:nvSpPr>
        <p:spPr/>
        <p:txBody>
          <a:bodyPr/>
          <a:lstStyle/>
          <a:p>
            <a:fld id="{FDB4C390-704E-47FD-86C2-9A046C79CF26}" type="slidenum">
              <a:rPr kumimoji="1" lang="ja-JP" altLang="en-US" smtClean="0"/>
              <a:t>49</a:t>
            </a:fld>
            <a:endParaRPr kumimoji="1" lang="ja-JP" altLang="en-US"/>
          </a:p>
        </p:txBody>
      </p:sp>
    </p:spTree>
    <p:extLst>
      <p:ext uri="{BB962C8B-B14F-4D97-AF65-F5344CB8AC3E}">
        <p14:creationId xmlns:p14="http://schemas.microsoft.com/office/powerpoint/2010/main" val="790050733"/>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6925" y="249238"/>
            <a:ext cx="5502275" cy="3810000"/>
          </a:xfrm>
        </p:spPr>
      </p:sp>
      <p:sp>
        <p:nvSpPr>
          <p:cNvPr id="3" name="ノート プレースホルダー 2"/>
          <p:cNvSpPr>
            <a:spLocks noGrp="1"/>
          </p:cNvSpPr>
          <p:nvPr>
            <p:ph type="body" idx="1"/>
          </p:nvPr>
        </p:nvSpPr>
        <p:spPr/>
        <p:txBody>
          <a:bodyPr/>
          <a:lstStyle/>
          <a:p>
            <a:endParaRPr kumimoji="1"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5592">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5592">
                <a:defRPr/>
              </a:pPr>
              <a:t>50</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42093611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6925" y="249238"/>
            <a:ext cx="5502275" cy="3810000"/>
          </a:xfrm>
        </p:spPr>
      </p:sp>
      <p:sp>
        <p:nvSpPr>
          <p:cNvPr id="3" name="ノート プレースホルダー 2"/>
          <p:cNvSpPr>
            <a:spLocks noGrp="1"/>
          </p:cNvSpPr>
          <p:nvPr>
            <p:ph type="body" idx="1"/>
          </p:nvPr>
        </p:nvSpPr>
        <p:spPr/>
        <p:txBody>
          <a:bodyPr/>
          <a:lstStyle/>
          <a:p>
            <a:endParaRPr kumimoji="1" lang="ja-JP" altLang="en-US"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5592">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5592">
                <a:defRPr/>
              </a:pPr>
              <a:t>6</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102032915"/>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DB4C390-704E-47FD-86C2-9A046C79CF26}" type="slidenum">
              <a:rPr kumimoji="1" lang="ja-JP" altLang="en-US" smtClean="0"/>
              <a:t>51</a:t>
            </a:fld>
            <a:endParaRPr kumimoji="1" lang="ja-JP" altLang="en-US"/>
          </a:p>
        </p:txBody>
      </p:sp>
    </p:spTree>
    <p:extLst>
      <p:ext uri="{BB962C8B-B14F-4D97-AF65-F5344CB8AC3E}">
        <p14:creationId xmlns:p14="http://schemas.microsoft.com/office/powerpoint/2010/main" val="126044986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DB4C390-704E-47FD-86C2-9A046C79CF26}" type="slidenum">
              <a:rPr kumimoji="1" lang="ja-JP" altLang="en-US" smtClean="0"/>
              <a:t>52</a:t>
            </a:fld>
            <a:endParaRPr kumimoji="1" lang="ja-JP" altLang="en-US"/>
          </a:p>
        </p:txBody>
      </p:sp>
    </p:spTree>
    <p:extLst>
      <p:ext uri="{BB962C8B-B14F-4D97-AF65-F5344CB8AC3E}">
        <p14:creationId xmlns:p14="http://schemas.microsoft.com/office/powerpoint/2010/main" val="2307829486"/>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DB4C390-704E-47FD-86C2-9A046C79CF26}" type="slidenum">
              <a:rPr kumimoji="1" lang="ja-JP" altLang="en-US" smtClean="0"/>
              <a:t>53</a:t>
            </a:fld>
            <a:endParaRPr kumimoji="1" lang="ja-JP" altLang="en-US"/>
          </a:p>
        </p:txBody>
      </p:sp>
    </p:spTree>
    <p:extLst>
      <p:ext uri="{BB962C8B-B14F-4D97-AF65-F5344CB8AC3E}">
        <p14:creationId xmlns:p14="http://schemas.microsoft.com/office/powerpoint/2010/main" val="3969312363"/>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6925" y="249238"/>
            <a:ext cx="5502275" cy="3810000"/>
          </a:xfrm>
        </p:spPr>
      </p:sp>
      <p:sp>
        <p:nvSpPr>
          <p:cNvPr id="3" name="ノート プレースホルダー 2"/>
          <p:cNvSpPr>
            <a:spLocks noGrp="1"/>
          </p:cNvSpPr>
          <p:nvPr>
            <p:ph type="body" idx="1"/>
          </p:nvPr>
        </p:nvSpPr>
        <p:spPr/>
        <p:txBody>
          <a:bodyPr/>
          <a:lstStyle/>
          <a:p>
            <a:endParaRPr kumimoji="1"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5592">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5592">
                <a:defRPr/>
              </a:pPr>
              <a:t>54</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29652248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57AF0DD-470A-294D-586A-BDEA7A109DB7}"/>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6BD6F953-9890-89D4-541D-81AE97B65462}"/>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53558D26-22A9-D2F3-5ECB-99CCA9498D21}"/>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1738352E-8858-A45A-90D7-462E7A6CAEF6}"/>
              </a:ext>
            </a:extLst>
          </p:cNvPr>
          <p:cNvSpPr>
            <a:spLocks noGrp="1"/>
          </p:cNvSpPr>
          <p:nvPr>
            <p:ph type="sldNum" sz="quarter" idx="5"/>
          </p:nvPr>
        </p:nvSpPr>
        <p:spPr/>
        <p:txBody>
          <a:bodyPr/>
          <a:lstStyle/>
          <a:p>
            <a:fld id="{FDB4C390-704E-47FD-86C2-9A046C79CF26}" type="slidenum">
              <a:rPr kumimoji="1" lang="ja-JP" altLang="en-US" smtClean="0"/>
              <a:t>55</a:t>
            </a:fld>
            <a:endParaRPr kumimoji="1" lang="ja-JP" altLang="en-US"/>
          </a:p>
        </p:txBody>
      </p:sp>
    </p:spTree>
    <p:extLst>
      <p:ext uri="{BB962C8B-B14F-4D97-AF65-F5344CB8AC3E}">
        <p14:creationId xmlns:p14="http://schemas.microsoft.com/office/powerpoint/2010/main" val="2197892999"/>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F2274338-55EE-FA68-8D86-0F8571B2F836}"/>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3F04562C-9371-F198-F696-F429CEC47976}"/>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2E28AFF5-66FD-341D-486E-AB4C502F4829}"/>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953A56C6-33D9-5A70-0E13-CFE829AB80DF}"/>
              </a:ext>
            </a:extLst>
          </p:cNvPr>
          <p:cNvSpPr>
            <a:spLocks noGrp="1"/>
          </p:cNvSpPr>
          <p:nvPr>
            <p:ph type="sldNum" sz="quarter" idx="5"/>
          </p:nvPr>
        </p:nvSpPr>
        <p:spPr/>
        <p:txBody>
          <a:bodyPr/>
          <a:lstStyle/>
          <a:p>
            <a:fld id="{FDB4C390-704E-47FD-86C2-9A046C79CF26}" type="slidenum">
              <a:rPr kumimoji="1" lang="ja-JP" altLang="en-US" smtClean="0"/>
              <a:t>56</a:t>
            </a:fld>
            <a:endParaRPr kumimoji="1" lang="ja-JP" altLang="en-US"/>
          </a:p>
        </p:txBody>
      </p:sp>
    </p:spTree>
    <p:extLst>
      <p:ext uri="{BB962C8B-B14F-4D97-AF65-F5344CB8AC3E}">
        <p14:creationId xmlns:p14="http://schemas.microsoft.com/office/powerpoint/2010/main" val="808990050"/>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714375" y="746125"/>
            <a:ext cx="5376863" cy="3724275"/>
          </a:xfrm>
        </p:spPr>
      </p:sp>
      <p:sp>
        <p:nvSpPr>
          <p:cNvPr id="3" name="ノート プレースホルダ 2"/>
          <p:cNvSpPr>
            <a:spLocks noGrp="1"/>
          </p:cNvSpPr>
          <p:nvPr>
            <p:ph type="body" idx="1"/>
          </p:nvPr>
        </p:nvSpPr>
        <p:spPr/>
        <p:txBody>
          <a:bodyPr>
            <a:normAutofit/>
          </a:bodyPr>
          <a:lstStyle/>
          <a:p>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 3"/>
          <p:cNvSpPr>
            <a:spLocks noGrp="1"/>
          </p:cNvSpPr>
          <p:nvPr>
            <p:ph type="sldNum" sz="quarter" idx="10"/>
          </p:nvPr>
        </p:nvSpPr>
        <p:spPr/>
        <p:txBody>
          <a:bodyPr/>
          <a:lstStyle/>
          <a:p>
            <a:fld id="{4F6DD2ED-2D0F-4113-8EF2-C95DE39AD346}" type="slidenum">
              <a:rPr kumimoji="1" lang="ja-JP" altLang="en-US" smtClean="0"/>
              <a:pPr/>
              <a:t>57</a:t>
            </a:fld>
            <a:endParaRPr kumimoji="1" lang="ja-JP" altLang="en-US"/>
          </a:p>
        </p:txBody>
      </p:sp>
    </p:spTree>
    <p:extLst>
      <p:ext uri="{BB962C8B-B14F-4D97-AF65-F5344CB8AC3E}">
        <p14:creationId xmlns:p14="http://schemas.microsoft.com/office/powerpoint/2010/main" val="4280764289"/>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8513" y="249238"/>
            <a:ext cx="5508625" cy="3814762"/>
          </a:xfrm>
        </p:spPr>
      </p:sp>
      <p:sp>
        <p:nvSpPr>
          <p:cNvPr id="3" name="ノート プレースホルダー 2"/>
          <p:cNvSpPr>
            <a:spLocks noGrp="1"/>
          </p:cNvSpPr>
          <p:nvPr>
            <p:ph type="body" idx="1"/>
          </p:nvPr>
        </p:nvSpPr>
        <p:spPr/>
        <p:txBody>
          <a:bodyPr/>
          <a:lstStyle/>
          <a:p>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6419">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6419">
                <a:defRPr/>
              </a:pPr>
              <a:t>58</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436547064"/>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98513" y="249238"/>
            <a:ext cx="5508625" cy="3814762"/>
          </a:xfrm>
        </p:spPr>
      </p:sp>
      <p:sp>
        <p:nvSpPr>
          <p:cNvPr id="3" name="ノート プレースホルダー 2"/>
          <p:cNvSpPr>
            <a:spLocks noGrp="1"/>
          </p:cNvSpPr>
          <p:nvPr>
            <p:ph type="body" idx="1"/>
          </p:nvPr>
        </p:nvSpPr>
        <p:spPr/>
        <p:txBody>
          <a:bodyPr/>
          <a:lstStyle/>
          <a:p>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6419">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6419">
                <a:defRPr/>
              </a:pPr>
              <a:t>59</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692579688"/>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82280B1-DBD1-8A7B-E4AE-4E231729F7A5}"/>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E4565606-3988-A8F3-D871-F0BCA9B09D47}"/>
              </a:ext>
            </a:extLst>
          </p:cNvPr>
          <p:cNvSpPr>
            <a:spLocks noGrp="1" noRot="1" noChangeAspect="1"/>
          </p:cNvSpPr>
          <p:nvPr>
            <p:ph type="sldImg"/>
          </p:nvPr>
        </p:nvSpPr>
        <p:spPr>
          <a:xfrm>
            <a:off x="798513" y="249238"/>
            <a:ext cx="5508625" cy="3814762"/>
          </a:xfrm>
        </p:spPr>
      </p:sp>
      <p:sp>
        <p:nvSpPr>
          <p:cNvPr id="3" name="ノート プレースホルダー 2">
            <a:extLst>
              <a:ext uri="{FF2B5EF4-FFF2-40B4-BE49-F238E27FC236}">
                <a16:creationId xmlns:a16="http://schemas.microsoft.com/office/drawing/2014/main" id="{28907354-4EA9-B850-2750-00B7FDE153A1}"/>
              </a:ext>
            </a:extLst>
          </p:cNvPr>
          <p:cNvSpPr>
            <a:spLocks noGrp="1"/>
          </p:cNvSpPr>
          <p:nvPr>
            <p:ph type="body" idx="1"/>
          </p:nvPr>
        </p:nvSpPr>
        <p:spPr/>
        <p:txBody>
          <a:bodyPr/>
          <a:lstStyle/>
          <a:p>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a:extLst>
              <a:ext uri="{FF2B5EF4-FFF2-40B4-BE49-F238E27FC236}">
                <a16:creationId xmlns:a16="http://schemas.microsoft.com/office/drawing/2014/main" id="{6A0CB651-23F8-B636-902B-D4874858A3A7}"/>
              </a:ext>
            </a:extLst>
          </p:cNvPr>
          <p:cNvSpPr>
            <a:spLocks noGrp="1"/>
          </p:cNvSpPr>
          <p:nvPr>
            <p:ph type="sldNum" sz="quarter" idx="5"/>
          </p:nvPr>
        </p:nvSpPr>
        <p:spPr/>
        <p:txBody>
          <a:bodyPr/>
          <a:lstStyle/>
          <a:p>
            <a:pPr defTabSz="456419">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6419">
                <a:defRPr/>
              </a:pPr>
              <a:t>60</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32624362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56513">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6513">
                <a:defRPr/>
              </a:pPr>
              <a:t>7</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331032356"/>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714375" y="746125"/>
            <a:ext cx="5376863" cy="3724275"/>
          </a:xfrm>
        </p:spPr>
      </p:sp>
      <p:sp>
        <p:nvSpPr>
          <p:cNvPr id="3" name="ノート プレースホルダ 2"/>
          <p:cNvSpPr>
            <a:spLocks noGrp="1"/>
          </p:cNvSpPr>
          <p:nvPr>
            <p:ph type="body" idx="1"/>
          </p:nvPr>
        </p:nvSpPr>
        <p:spPr/>
        <p:txBody>
          <a:bodyPr>
            <a:normAutofit/>
          </a:bodyPr>
          <a:lstStyle/>
          <a:p>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 3"/>
          <p:cNvSpPr>
            <a:spLocks noGrp="1"/>
          </p:cNvSpPr>
          <p:nvPr>
            <p:ph type="sldNum" sz="quarter" idx="10"/>
          </p:nvPr>
        </p:nvSpPr>
        <p:spPr/>
        <p:txBody>
          <a:bodyPr/>
          <a:lstStyle/>
          <a:p>
            <a:fld id="{4F6DD2ED-2D0F-4113-8EF2-C95DE39AD346}" type="slidenum">
              <a:rPr kumimoji="1" lang="ja-JP" altLang="en-US" smtClean="0"/>
              <a:pPr/>
              <a:t>63</a:t>
            </a:fld>
            <a:endParaRPr kumimoji="1" lang="ja-JP" altLang="en-US"/>
          </a:p>
        </p:txBody>
      </p:sp>
    </p:spTree>
    <p:extLst>
      <p:ext uri="{BB962C8B-B14F-4D97-AF65-F5344CB8AC3E}">
        <p14:creationId xmlns:p14="http://schemas.microsoft.com/office/powerpoint/2010/main" val="2766500990"/>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00100" y="249238"/>
            <a:ext cx="5516563" cy="3819525"/>
          </a:xfrm>
        </p:spPr>
      </p:sp>
      <p:sp>
        <p:nvSpPr>
          <p:cNvPr id="3" name="ノート プレースホルダー 2"/>
          <p:cNvSpPr>
            <a:spLocks noGrp="1"/>
          </p:cNvSpPr>
          <p:nvPr>
            <p:ph type="body" idx="1"/>
          </p:nvPr>
        </p:nvSpPr>
        <p:spPr/>
        <p:txBody>
          <a:bodyPr/>
          <a:lstStyle/>
          <a:p>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57059">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57059">
                <a:defRPr/>
              </a:pPr>
              <a:t>64</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47382928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74713" y="257175"/>
            <a:ext cx="5678487" cy="3932238"/>
          </a:xfrm>
        </p:spPr>
      </p:sp>
      <p:sp>
        <p:nvSpPr>
          <p:cNvPr id="3" name="ノート プレースホルダー 2"/>
          <p:cNvSpPr>
            <a:spLocks noGrp="1"/>
          </p:cNvSpPr>
          <p:nvPr>
            <p:ph type="body" idx="1"/>
          </p:nvPr>
        </p:nvSpPr>
        <p:spPr/>
        <p:txBody>
          <a:bodyPr/>
          <a:lstStyle/>
          <a:p>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5"/>
          </p:nvPr>
        </p:nvSpPr>
        <p:spPr/>
        <p:txBody>
          <a:bodyPr/>
          <a:lstStyle/>
          <a:p>
            <a:pPr defTabSz="473120">
              <a:defRPr/>
            </a:pPr>
            <a:fld id="{FDB4C390-704E-47FD-86C2-9A046C79CF26}" type="slidenum">
              <a:rPr kumimoji="1" lang="ja-JP" altLang="en-US">
                <a:solidFill>
                  <a:prstClr val="black"/>
                </a:solidFill>
                <a:latin typeface="游ゴシック" panose="020F0502020204030204"/>
                <a:ea typeface="游ゴシック" panose="020B0400000000000000" pitchFamily="50" charset="-128"/>
              </a:rPr>
              <a:pPr defTabSz="473120">
                <a:defRPr/>
              </a:pPr>
              <a:t>65</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587510299"/>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74713" y="257175"/>
            <a:ext cx="5678487" cy="3932238"/>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FDB4C390-704E-47FD-86C2-9A046C79CF26}" type="slidenum">
              <a:rPr kumimoji="1" lang="ja-JP" altLang="en-US" smtClean="0"/>
              <a:t>66</a:t>
            </a:fld>
            <a:endParaRPr kumimoji="1" lang="ja-JP" altLang="en-US"/>
          </a:p>
        </p:txBody>
      </p:sp>
    </p:spTree>
    <p:extLst>
      <p:ext uri="{BB962C8B-B14F-4D97-AF65-F5344CB8AC3E}">
        <p14:creationId xmlns:p14="http://schemas.microsoft.com/office/powerpoint/2010/main" val="1651222232"/>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74713" y="257175"/>
            <a:ext cx="5678487" cy="3932238"/>
          </a:xfrm>
        </p:spPr>
      </p:sp>
      <p:sp>
        <p:nvSpPr>
          <p:cNvPr id="3" name="ノート プレースホルダー 2"/>
          <p:cNvSpPr>
            <a:spLocks noGrp="1"/>
          </p:cNvSpPr>
          <p:nvPr>
            <p:ph type="body" idx="1"/>
          </p:nvPr>
        </p:nvSpPr>
        <p:spPr/>
        <p:txBody>
          <a:bodyPr/>
          <a:lstStyle/>
          <a:p>
            <a:endParaRPr kumimoji="1" lang="ja-JP" altLang="en-US" dirty="0">
              <a:solidFill>
                <a:srgbClr val="FF0000"/>
              </a:solidFill>
            </a:endParaRPr>
          </a:p>
        </p:txBody>
      </p:sp>
      <p:sp>
        <p:nvSpPr>
          <p:cNvPr id="4" name="スライド番号プレースホルダー 3"/>
          <p:cNvSpPr>
            <a:spLocks noGrp="1"/>
          </p:cNvSpPr>
          <p:nvPr>
            <p:ph type="sldNum" sz="quarter" idx="10"/>
          </p:nvPr>
        </p:nvSpPr>
        <p:spPr/>
        <p:txBody>
          <a:bodyPr/>
          <a:lstStyle/>
          <a:p>
            <a:fld id="{FDB4C390-704E-47FD-86C2-9A046C79CF26}" type="slidenum">
              <a:rPr kumimoji="1" lang="ja-JP" altLang="en-US" smtClean="0"/>
              <a:t>67</a:t>
            </a:fld>
            <a:endParaRPr kumimoji="1" lang="ja-JP" altLang="en-US"/>
          </a:p>
        </p:txBody>
      </p:sp>
    </p:spTree>
    <p:extLst>
      <p:ext uri="{BB962C8B-B14F-4D97-AF65-F5344CB8AC3E}">
        <p14:creationId xmlns:p14="http://schemas.microsoft.com/office/powerpoint/2010/main" val="713209687"/>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74713" y="257175"/>
            <a:ext cx="5678487" cy="3932238"/>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FDB4C390-704E-47FD-86C2-9A046C79CF26}" type="slidenum">
              <a:rPr kumimoji="1" lang="ja-JP" altLang="en-US" smtClean="0"/>
              <a:t>68</a:t>
            </a:fld>
            <a:endParaRPr kumimoji="1" lang="ja-JP" altLang="en-US"/>
          </a:p>
        </p:txBody>
      </p:sp>
    </p:spTree>
    <p:extLst>
      <p:ext uri="{BB962C8B-B14F-4D97-AF65-F5344CB8AC3E}">
        <p14:creationId xmlns:p14="http://schemas.microsoft.com/office/powerpoint/2010/main" val="721223108"/>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DB4C390-704E-47FD-86C2-9A046C79CF26}" type="slidenum">
              <a:rPr kumimoji="1" lang="ja-JP" altLang="en-US" smtClean="0"/>
              <a:t>69</a:t>
            </a:fld>
            <a:endParaRPr kumimoji="1" lang="ja-JP" altLang="en-US"/>
          </a:p>
        </p:txBody>
      </p:sp>
    </p:spTree>
    <p:extLst>
      <p:ext uri="{BB962C8B-B14F-4D97-AF65-F5344CB8AC3E}">
        <p14:creationId xmlns:p14="http://schemas.microsoft.com/office/powerpoint/2010/main" val="2796747958"/>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74713" y="257175"/>
            <a:ext cx="5678487" cy="3932238"/>
          </a:xfrm>
        </p:spPr>
      </p:sp>
      <p:sp>
        <p:nvSpPr>
          <p:cNvPr id="3" name="ノート プレースホルダー 2"/>
          <p:cNvSpPr>
            <a:spLocks noGrp="1"/>
          </p:cNvSpPr>
          <p:nvPr>
            <p:ph type="body" idx="1"/>
          </p:nvPr>
        </p:nvSpPr>
        <p:spPr/>
        <p:txBody>
          <a:bodyPr/>
          <a:lstStyle/>
          <a:p>
            <a:pPr defTabSz="946047">
              <a:defRPr/>
            </a:pPr>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10"/>
          </p:nvPr>
        </p:nvSpPr>
        <p:spPr/>
        <p:txBody>
          <a:bodyPr/>
          <a:lstStyle/>
          <a:p>
            <a:fld id="{FDB4C390-704E-47FD-86C2-9A046C79CF26}" type="slidenum">
              <a:rPr kumimoji="1" lang="ja-JP" altLang="en-US" smtClean="0"/>
              <a:t>70</a:t>
            </a:fld>
            <a:endParaRPr kumimoji="1" lang="ja-JP" altLang="en-US"/>
          </a:p>
        </p:txBody>
      </p:sp>
    </p:spTree>
    <p:extLst>
      <p:ext uri="{BB962C8B-B14F-4D97-AF65-F5344CB8AC3E}">
        <p14:creationId xmlns:p14="http://schemas.microsoft.com/office/powerpoint/2010/main" val="2056152630"/>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74713" y="257175"/>
            <a:ext cx="5678487" cy="3932238"/>
          </a:xfrm>
        </p:spPr>
      </p:sp>
      <p:sp>
        <p:nvSpPr>
          <p:cNvPr id="3" name="ノート プレースホルダー 2"/>
          <p:cNvSpPr>
            <a:spLocks noGrp="1"/>
          </p:cNvSpPr>
          <p:nvPr>
            <p:ph type="body" idx="1"/>
          </p:nvPr>
        </p:nvSpPr>
        <p:spPr/>
        <p:txBody>
          <a:bodyPr/>
          <a:lstStyle/>
          <a:p>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10"/>
          </p:nvPr>
        </p:nvSpPr>
        <p:spPr/>
        <p:txBody>
          <a:bodyPr/>
          <a:lstStyle/>
          <a:p>
            <a:fld id="{FDB4C390-704E-47FD-86C2-9A046C79CF26}" type="slidenum">
              <a:rPr kumimoji="1" lang="ja-JP" altLang="en-US" smtClean="0"/>
              <a:t>71</a:t>
            </a:fld>
            <a:endParaRPr kumimoji="1" lang="ja-JP" altLang="en-US"/>
          </a:p>
        </p:txBody>
      </p:sp>
    </p:spTree>
    <p:extLst>
      <p:ext uri="{BB962C8B-B14F-4D97-AF65-F5344CB8AC3E}">
        <p14:creationId xmlns:p14="http://schemas.microsoft.com/office/powerpoint/2010/main" val="719935579"/>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74713" y="257175"/>
            <a:ext cx="5678487" cy="3932238"/>
          </a:xfrm>
        </p:spPr>
      </p:sp>
      <p:sp>
        <p:nvSpPr>
          <p:cNvPr id="3" name="ノート プレースホルダー 2"/>
          <p:cNvSpPr>
            <a:spLocks noGrp="1"/>
          </p:cNvSpPr>
          <p:nvPr>
            <p:ph type="body" idx="1"/>
          </p:nvPr>
        </p:nvSpPr>
        <p:spPr/>
        <p:txBody>
          <a:bodyPr/>
          <a:lstStyle/>
          <a:p>
            <a:endParaRPr lang="en-US" altLang="ja-JP"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3"/>
          <p:cNvSpPr>
            <a:spLocks noGrp="1"/>
          </p:cNvSpPr>
          <p:nvPr>
            <p:ph type="sldNum" sz="quarter" idx="10"/>
          </p:nvPr>
        </p:nvSpPr>
        <p:spPr/>
        <p:txBody>
          <a:bodyPr/>
          <a:lstStyle/>
          <a:p>
            <a:fld id="{FDB4C390-704E-47FD-86C2-9A046C79CF26}" type="slidenum">
              <a:rPr kumimoji="1" lang="ja-JP" altLang="en-US" smtClean="0"/>
              <a:t>72</a:t>
            </a:fld>
            <a:endParaRPr kumimoji="1" lang="ja-JP" altLang="en-US"/>
          </a:p>
        </p:txBody>
      </p:sp>
    </p:spTree>
    <p:extLst>
      <p:ext uri="{BB962C8B-B14F-4D97-AF65-F5344CB8AC3E}">
        <p14:creationId xmlns:p14="http://schemas.microsoft.com/office/powerpoint/2010/main" val="76543067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FDB4C390-704E-47FD-86C2-9A046C79CF26}" type="slidenum">
              <a:rPr kumimoji="1" lang="ja-JP" altLang="en-US" smtClean="0"/>
              <a:t>8</a:t>
            </a:fld>
            <a:endParaRPr kumimoji="1" lang="ja-JP" altLang="en-US"/>
          </a:p>
        </p:txBody>
      </p:sp>
    </p:spTree>
    <p:extLst>
      <p:ext uri="{BB962C8B-B14F-4D97-AF65-F5344CB8AC3E}">
        <p14:creationId xmlns:p14="http://schemas.microsoft.com/office/powerpoint/2010/main" val="190177377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1B6003C-E730-A390-7D3F-EB56D846C041}"/>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76F49D4C-8E3D-F5BC-69F4-506D1841B6BF}"/>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0B15F69B-DA76-0B6A-6FC1-E02B6C65A193}"/>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E3B5F0F9-013D-F3FD-46E4-3A07B05D1EC8}"/>
              </a:ext>
            </a:extLst>
          </p:cNvPr>
          <p:cNvSpPr>
            <a:spLocks noGrp="1"/>
          </p:cNvSpPr>
          <p:nvPr>
            <p:ph type="sldNum" sz="quarter" idx="10"/>
          </p:nvPr>
        </p:nvSpPr>
        <p:spPr/>
        <p:txBody>
          <a:bodyPr/>
          <a:lstStyle/>
          <a:p>
            <a:fld id="{FDB4C390-704E-47FD-86C2-9A046C79CF26}" type="slidenum">
              <a:rPr kumimoji="1" lang="ja-JP" altLang="en-US" smtClean="0"/>
              <a:t>9</a:t>
            </a:fld>
            <a:endParaRPr kumimoji="1" lang="ja-JP" altLang="en-US"/>
          </a:p>
        </p:txBody>
      </p:sp>
    </p:spTree>
    <p:extLst>
      <p:ext uri="{BB962C8B-B14F-4D97-AF65-F5344CB8AC3E}">
        <p14:creationId xmlns:p14="http://schemas.microsoft.com/office/powerpoint/2010/main" val="84908918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4D56CE4-CC7B-6F9D-0EA0-F2E8E3585F3E}"/>
            </a:ext>
          </a:extLst>
        </p:cNvPr>
        <p:cNvGrpSpPr/>
        <p:nvPr/>
      </p:nvGrpSpPr>
      <p:grpSpPr>
        <a:xfrm>
          <a:off x="0" y="0"/>
          <a:ext cx="0" cy="0"/>
          <a:chOff x="0" y="0"/>
          <a:chExt cx="0" cy="0"/>
        </a:xfrm>
      </p:grpSpPr>
      <p:sp>
        <p:nvSpPr>
          <p:cNvPr id="2" name="スライド イメージ プレースホルダー 1">
            <a:extLst>
              <a:ext uri="{FF2B5EF4-FFF2-40B4-BE49-F238E27FC236}">
                <a16:creationId xmlns:a16="http://schemas.microsoft.com/office/drawing/2014/main" id="{29A063FA-F2DE-F822-194A-304EC84715BF}"/>
              </a:ext>
            </a:extLst>
          </p:cNvPr>
          <p:cNvSpPr>
            <a:spLocks noGrp="1" noRot="1" noChangeAspect="1"/>
          </p:cNvSpPr>
          <p:nvPr>
            <p:ph type="sldImg"/>
          </p:nvPr>
        </p:nvSpPr>
        <p:spPr/>
      </p:sp>
      <p:sp>
        <p:nvSpPr>
          <p:cNvPr id="3" name="ノート プレースホルダー 2">
            <a:extLst>
              <a:ext uri="{FF2B5EF4-FFF2-40B4-BE49-F238E27FC236}">
                <a16:creationId xmlns:a16="http://schemas.microsoft.com/office/drawing/2014/main" id="{2CFAD5EF-99AF-470A-D6B4-A862DD4A7F1C}"/>
              </a:ext>
            </a:extLst>
          </p:cNvPr>
          <p:cNvSpPr>
            <a:spLocks noGrp="1"/>
          </p:cNvSpPr>
          <p:nvPr>
            <p:ph type="body" idx="1"/>
          </p:nvPr>
        </p:nvSpPr>
        <p:spPr/>
        <p:txBody>
          <a:bodyPr/>
          <a:lstStyle/>
          <a:p>
            <a:endParaRPr kumimoji="1" lang="ja-JP" altLang="en-US" dirty="0"/>
          </a:p>
        </p:txBody>
      </p:sp>
      <p:sp>
        <p:nvSpPr>
          <p:cNvPr id="4" name="スライド番号プレースホルダー 3">
            <a:extLst>
              <a:ext uri="{FF2B5EF4-FFF2-40B4-BE49-F238E27FC236}">
                <a16:creationId xmlns:a16="http://schemas.microsoft.com/office/drawing/2014/main" id="{64EE1737-8764-54A9-D71C-EA4600857359}"/>
              </a:ext>
            </a:extLst>
          </p:cNvPr>
          <p:cNvSpPr>
            <a:spLocks noGrp="1"/>
          </p:cNvSpPr>
          <p:nvPr>
            <p:ph type="sldNum" sz="quarter" idx="10"/>
          </p:nvPr>
        </p:nvSpPr>
        <p:spPr/>
        <p:txBody>
          <a:bodyPr/>
          <a:lstStyle/>
          <a:p>
            <a:fld id="{FDB4C390-704E-47FD-86C2-9A046C79CF26}" type="slidenum">
              <a:rPr kumimoji="1" lang="ja-JP" altLang="en-US" smtClean="0"/>
              <a:t>10</a:t>
            </a:fld>
            <a:endParaRPr kumimoji="1" lang="ja-JP" altLang="en-US"/>
          </a:p>
        </p:txBody>
      </p:sp>
    </p:spTree>
    <p:extLst>
      <p:ext uri="{BB962C8B-B14F-4D97-AF65-F5344CB8AC3E}">
        <p14:creationId xmlns:p14="http://schemas.microsoft.com/office/powerpoint/2010/main" val="64839314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742950" y="1122363"/>
            <a:ext cx="84201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238250" y="3602038"/>
            <a:ext cx="74295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D84917F9-2EED-4C78-9326-BE8027C33945}" type="datetime1">
              <a:rPr kumimoji="1" lang="ja-JP" altLang="en-US" smtClean="0"/>
              <a:t>2026/1/14</a:t>
            </a:fld>
            <a:endParaRPr kumimoji="1" lang="ja-JP" altLang="en-US"/>
          </a:p>
        </p:txBody>
      </p:sp>
      <p:sp>
        <p:nvSpPr>
          <p:cNvPr id="5" name="Footer Placeholder 4"/>
          <p:cNvSpPr>
            <a:spLocks noGrp="1"/>
          </p:cNvSpPr>
          <p:nvPr>
            <p:ph type="ftr" sz="quarter" idx="11"/>
          </p:nvPr>
        </p:nvSpPr>
        <p:spPr/>
        <p:txBody>
          <a:bodyPr/>
          <a:lstStyle/>
          <a:p>
            <a:r>
              <a:rPr kumimoji="1" lang="en-US" altLang="ja-JP" dirty="0"/>
              <a:t>1</a:t>
            </a:r>
            <a:endParaRPr kumimoji="1" lang="ja-JP" altLang="en-US"/>
          </a:p>
        </p:txBody>
      </p:sp>
      <p:sp>
        <p:nvSpPr>
          <p:cNvPr id="6" name="Slide Number Placeholder 5"/>
          <p:cNvSpPr>
            <a:spLocks noGrp="1"/>
          </p:cNvSpPr>
          <p:nvPr>
            <p:ph type="sldNum" sz="quarter" idx="12"/>
          </p:nvPr>
        </p:nvSpPr>
        <p:spPr/>
        <p:txBody>
          <a:bodyPr/>
          <a:lstStyle/>
          <a:p>
            <a:fld id="{36EC18DB-A5DF-4E0E-B815-FCD04A2C4B2C}" type="slidenum">
              <a:rPr kumimoji="1" lang="ja-JP" altLang="en-US" smtClean="0"/>
              <a:t>‹#›</a:t>
            </a:fld>
            <a:endParaRPr kumimoji="1" lang="ja-JP" altLang="en-US"/>
          </a:p>
        </p:txBody>
      </p:sp>
      <p:sp>
        <p:nvSpPr>
          <p:cNvPr id="7" name="正方形/長方形 6"/>
          <p:cNvSpPr/>
          <p:nvPr/>
        </p:nvSpPr>
        <p:spPr>
          <a:xfrm rot="10800000">
            <a:off x="0" y="4011275"/>
            <a:ext cx="9906000" cy="202516"/>
          </a:xfrm>
          <a:prstGeom prst="rect">
            <a:avLst/>
          </a:prstGeom>
          <a:gradFill flip="none" rotWithShape="1">
            <a:gsLst>
              <a:gs pos="0">
                <a:schemeClr val="accent1">
                  <a:lumMod val="5000"/>
                  <a:lumOff val="95000"/>
                </a:schemeClr>
              </a:gs>
              <a:gs pos="74000">
                <a:schemeClr val="accent1">
                  <a:lumMod val="45000"/>
                  <a:lumOff val="55000"/>
                </a:schemeClr>
              </a:gs>
              <a:gs pos="100000">
                <a:schemeClr val="accent1">
                  <a:lumMod val="75000"/>
                </a:schemeClr>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43014647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C5E5A776-3398-4C42-86FC-62C9A22A9CA4}" type="datetime1">
              <a:rPr kumimoji="1" lang="ja-JP" altLang="en-US" smtClean="0"/>
              <a:t>2026/1/14</a:t>
            </a:fld>
            <a:endParaRPr kumimoji="1" lang="ja-JP" altLang="en-US"/>
          </a:p>
        </p:txBody>
      </p:sp>
      <p:sp>
        <p:nvSpPr>
          <p:cNvPr id="5" name="Footer Placeholder 4"/>
          <p:cNvSpPr>
            <a:spLocks noGrp="1"/>
          </p:cNvSpPr>
          <p:nvPr>
            <p:ph type="ftr" sz="quarter" idx="11"/>
          </p:nvPr>
        </p:nvSpPr>
        <p:spPr/>
        <p:txBody>
          <a:bodyPr/>
          <a:lstStyle/>
          <a:p>
            <a:r>
              <a:rPr kumimoji="1" lang="en-US" altLang="ja-JP" dirty="0"/>
              <a:t>1</a:t>
            </a:r>
            <a:endParaRPr kumimoji="1" lang="ja-JP" altLang="en-US"/>
          </a:p>
        </p:txBody>
      </p:sp>
      <p:sp>
        <p:nvSpPr>
          <p:cNvPr id="6" name="Slide Number Placeholder 5"/>
          <p:cNvSpPr>
            <a:spLocks noGrp="1"/>
          </p:cNvSpPr>
          <p:nvPr>
            <p:ph type="sldNum" sz="quarter" idx="12"/>
          </p:nvPr>
        </p:nvSpPr>
        <p:spPr/>
        <p:txBody>
          <a:bodyPr/>
          <a:lstStyle/>
          <a:p>
            <a:fld id="{36EC18DB-A5DF-4E0E-B815-FCD04A2C4B2C}" type="slidenum">
              <a:rPr kumimoji="1" lang="ja-JP" altLang="en-US" smtClean="0"/>
              <a:t>‹#›</a:t>
            </a:fld>
            <a:endParaRPr kumimoji="1" lang="ja-JP" altLang="en-US"/>
          </a:p>
        </p:txBody>
      </p:sp>
    </p:spTree>
    <p:extLst>
      <p:ext uri="{BB962C8B-B14F-4D97-AF65-F5344CB8AC3E}">
        <p14:creationId xmlns:p14="http://schemas.microsoft.com/office/powerpoint/2010/main" val="15457884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088982" y="365125"/>
            <a:ext cx="2135981"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81038" y="365125"/>
            <a:ext cx="6284119"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6932DB89-2E09-409C-B8B0-1CAE6E9B52F3}" type="datetime1">
              <a:rPr kumimoji="1" lang="ja-JP" altLang="en-US" smtClean="0"/>
              <a:t>2026/1/14</a:t>
            </a:fld>
            <a:endParaRPr kumimoji="1" lang="ja-JP" altLang="en-US"/>
          </a:p>
        </p:txBody>
      </p:sp>
      <p:sp>
        <p:nvSpPr>
          <p:cNvPr id="5" name="Footer Placeholder 4"/>
          <p:cNvSpPr>
            <a:spLocks noGrp="1"/>
          </p:cNvSpPr>
          <p:nvPr>
            <p:ph type="ftr" sz="quarter" idx="11"/>
          </p:nvPr>
        </p:nvSpPr>
        <p:spPr/>
        <p:txBody>
          <a:bodyPr/>
          <a:lstStyle/>
          <a:p>
            <a:r>
              <a:rPr kumimoji="1" lang="en-US" altLang="ja-JP" dirty="0"/>
              <a:t>1</a:t>
            </a:r>
            <a:endParaRPr kumimoji="1" lang="ja-JP" altLang="en-US"/>
          </a:p>
        </p:txBody>
      </p:sp>
      <p:sp>
        <p:nvSpPr>
          <p:cNvPr id="6" name="Slide Number Placeholder 5"/>
          <p:cNvSpPr>
            <a:spLocks noGrp="1"/>
          </p:cNvSpPr>
          <p:nvPr>
            <p:ph type="sldNum" sz="quarter" idx="12"/>
          </p:nvPr>
        </p:nvSpPr>
        <p:spPr/>
        <p:txBody>
          <a:bodyPr/>
          <a:lstStyle/>
          <a:p>
            <a:fld id="{36EC18DB-A5DF-4E0E-B815-FCD04A2C4B2C}" type="slidenum">
              <a:rPr kumimoji="1" lang="ja-JP" altLang="en-US" smtClean="0"/>
              <a:t>‹#›</a:t>
            </a:fld>
            <a:endParaRPr kumimoji="1" lang="ja-JP" altLang="en-US"/>
          </a:p>
        </p:txBody>
      </p:sp>
    </p:spTree>
    <p:extLst>
      <p:ext uri="{BB962C8B-B14F-4D97-AF65-F5344CB8AC3E}">
        <p14:creationId xmlns:p14="http://schemas.microsoft.com/office/powerpoint/2010/main" val="129487280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323F65F2-11ED-47D6-9961-9E59A92C2D72}" type="datetime1">
              <a:rPr kumimoji="1" lang="ja-JP" altLang="en-US" smtClean="0"/>
              <a:t>2026/1/14</a:t>
            </a:fld>
            <a:endParaRPr kumimoji="1" lang="ja-JP" altLang="en-US"/>
          </a:p>
        </p:txBody>
      </p:sp>
      <p:sp>
        <p:nvSpPr>
          <p:cNvPr id="5" name="Footer Placeholder 4"/>
          <p:cNvSpPr>
            <a:spLocks noGrp="1"/>
          </p:cNvSpPr>
          <p:nvPr>
            <p:ph type="ftr" sz="quarter" idx="11"/>
          </p:nvPr>
        </p:nvSpPr>
        <p:spPr/>
        <p:txBody>
          <a:bodyPr/>
          <a:lstStyle/>
          <a:p>
            <a:r>
              <a:rPr kumimoji="1" lang="en-US" altLang="ja-JP" dirty="0"/>
              <a:t>1</a:t>
            </a:r>
            <a:endParaRPr kumimoji="1" lang="ja-JP" altLang="en-US"/>
          </a:p>
        </p:txBody>
      </p:sp>
      <p:sp>
        <p:nvSpPr>
          <p:cNvPr id="6" name="Slide Number Placeholder 5"/>
          <p:cNvSpPr>
            <a:spLocks noGrp="1"/>
          </p:cNvSpPr>
          <p:nvPr>
            <p:ph type="sldNum" sz="quarter" idx="12"/>
          </p:nvPr>
        </p:nvSpPr>
        <p:spPr/>
        <p:txBody>
          <a:bodyPr/>
          <a:lstStyle/>
          <a:p>
            <a:fld id="{36EC18DB-A5DF-4E0E-B815-FCD04A2C4B2C}" type="slidenum">
              <a:rPr kumimoji="1" lang="ja-JP" altLang="en-US" smtClean="0"/>
              <a:t>‹#›</a:t>
            </a:fld>
            <a:endParaRPr kumimoji="1" lang="ja-JP" altLang="en-US"/>
          </a:p>
        </p:txBody>
      </p:sp>
      <p:sp>
        <p:nvSpPr>
          <p:cNvPr id="7" name="正方形/長方形 6"/>
          <p:cNvSpPr/>
          <p:nvPr/>
        </p:nvSpPr>
        <p:spPr>
          <a:xfrm rot="10800000">
            <a:off x="0" y="495756"/>
            <a:ext cx="9906000" cy="104319"/>
          </a:xfrm>
          <a:prstGeom prst="rect">
            <a:avLst/>
          </a:prstGeom>
          <a:gradFill flip="none" rotWithShape="1">
            <a:gsLst>
              <a:gs pos="0">
                <a:schemeClr val="accent1">
                  <a:lumMod val="5000"/>
                  <a:lumOff val="95000"/>
                </a:schemeClr>
              </a:gs>
              <a:gs pos="74000">
                <a:schemeClr val="accent1">
                  <a:lumMod val="45000"/>
                  <a:lumOff val="55000"/>
                </a:schemeClr>
              </a:gs>
              <a:gs pos="100000">
                <a:schemeClr val="accent1">
                  <a:lumMod val="75000"/>
                </a:schemeClr>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25860782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75879" y="1709740"/>
            <a:ext cx="8543925"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75879" y="4589465"/>
            <a:ext cx="8543925"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6042B838-F57D-4312-92AE-21A1633312B4}" type="datetime1">
              <a:rPr kumimoji="1" lang="ja-JP" altLang="en-US" smtClean="0"/>
              <a:t>2026/1/14</a:t>
            </a:fld>
            <a:endParaRPr kumimoji="1" lang="ja-JP" altLang="en-US"/>
          </a:p>
        </p:txBody>
      </p:sp>
      <p:sp>
        <p:nvSpPr>
          <p:cNvPr id="5" name="Footer Placeholder 4"/>
          <p:cNvSpPr>
            <a:spLocks noGrp="1"/>
          </p:cNvSpPr>
          <p:nvPr>
            <p:ph type="ftr" sz="quarter" idx="11"/>
          </p:nvPr>
        </p:nvSpPr>
        <p:spPr/>
        <p:txBody>
          <a:bodyPr/>
          <a:lstStyle/>
          <a:p>
            <a:r>
              <a:rPr kumimoji="1" lang="en-US" altLang="ja-JP" dirty="0"/>
              <a:t>1</a:t>
            </a:r>
            <a:endParaRPr kumimoji="1" lang="ja-JP" altLang="en-US"/>
          </a:p>
        </p:txBody>
      </p:sp>
      <p:sp>
        <p:nvSpPr>
          <p:cNvPr id="6" name="Slide Number Placeholder 5"/>
          <p:cNvSpPr>
            <a:spLocks noGrp="1"/>
          </p:cNvSpPr>
          <p:nvPr>
            <p:ph type="sldNum" sz="quarter" idx="12"/>
          </p:nvPr>
        </p:nvSpPr>
        <p:spPr/>
        <p:txBody>
          <a:bodyPr/>
          <a:lstStyle/>
          <a:p>
            <a:fld id="{36EC18DB-A5DF-4E0E-B815-FCD04A2C4B2C}" type="slidenum">
              <a:rPr kumimoji="1" lang="ja-JP" altLang="en-US" smtClean="0"/>
              <a:t>‹#›</a:t>
            </a:fld>
            <a:endParaRPr kumimoji="1" lang="ja-JP" altLang="en-US"/>
          </a:p>
        </p:txBody>
      </p:sp>
      <p:sp>
        <p:nvSpPr>
          <p:cNvPr id="7" name="正方形/長方形 6"/>
          <p:cNvSpPr/>
          <p:nvPr/>
        </p:nvSpPr>
        <p:spPr>
          <a:xfrm rot="10800000">
            <a:off x="0" y="495756"/>
            <a:ext cx="9906000" cy="104319"/>
          </a:xfrm>
          <a:prstGeom prst="rect">
            <a:avLst/>
          </a:prstGeom>
          <a:gradFill flip="none" rotWithShape="1">
            <a:gsLst>
              <a:gs pos="0">
                <a:schemeClr val="accent1">
                  <a:lumMod val="5000"/>
                  <a:lumOff val="95000"/>
                </a:schemeClr>
              </a:gs>
              <a:gs pos="74000">
                <a:schemeClr val="accent1">
                  <a:lumMod val="45000"/>
                  <a:lumOff val="55000"/>
                </a:schemeClr>
              </a:gs>
              <a:gs pos="100000">
                <a:schemeClr val="accent1">
                  <a:lumMod val="75000"/>
                </a:schemeClr>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4452455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81038"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5014913"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1BC6900F-8AC1-4703-AD85-DE9D6D005FED}" type="datetime1">
              <a:rPr kumimoji="1" lang="ja-JP" altLang="en-US" smtClean="0"/>
              <a:t>2026/1/14</a:t>
            </a:fld>
            <a:endParaRPr kumimoji="1" lang="ja-JP" altLang="en-US"/>
          </a:p>
        </p:txBody>
      </p:sp>
      <p:sp>
        <p:nvSpPr>
          <p:cNvPr id="6" name="Footer Placeholder 5"/>
          <p:cNvSpPr>
            <a:spLocks noGrp="1"/>
          </p:cNvSpPr>
          <p:nvPr>
            <p:ph type="ftr" sz="quarter" idx="11"/>
          </p:nvPr>
        </p:nvSpPr>
        <p:spPr/>
        <p:txBody>
          <a:bodyPr/>
          <a:lstStyle/>
          <a:p>
            <a:r>
              <a:rPr kumimoji="1" lang="en-US" altLang="ja-JP" dirty="0"/>
              <a:t>1</a:t>
            </a:r>
            <a:endParaRPr kumimoji="1" lang="ja-JP" altLang="en-US"/>
          </a:p>
        </p:txBody>
      </p:sp>
      <p:sp>
        <p:nvSpPr>
          <p:cNvPr id="7" name="Slide Number Placeholder 6"/>
          <p:cNvSpPr>
            <a:spLocks noGrp="1"/>
          </p:cNvSpPr>
          <p:nvPr>
            <p:ph type="sldNum" sz="quarter" idx="12"/>
          </p:nvPr>
        </p:nvSpPr>
        <p:spPr/>
        <p:txBody>
          <a:bodyPr/>
          <a:lstStyle/>
          <a:p>
            <a:fld id="{36EC18DB-A5DF-4E0E-B815-FCD04A2C4B2C}" type="slidenum">
              <a:rPr kumimoji="1" lang="ja-JP" altLang="en-US" smtClean="0"/>
              <a:t>‹#›</a:t>
            </a:fld>
            <a:endParaRPr kumimoji="1" lang="ja-JP" altLang="en-US"/>
          </a:p>
        </p:txBody>
      </p:sp>
      <p:sp>
        <p:nvSpPr>
          <p:cNvPr id="8" name="正方形/長方形 7"/>
          <p:cNvSpPr/>
          <p:nvPr/>
        </p:nvSpPr>
        <p:spPr>
          <a:xfrm rot="10800000">
            <a:off x="0" y="495756"/>
            <a:ext cx="9906000" cy="104319"/>
          </a:xfrm>
          <a:prstGeom prst="rect">
            <a:avLst/>
          </a:prstGeom>
          <a:gradFill flip="none" rotWithShape="1">
            <a:gsLst>
              <a:gs pos="0">
                <a:schemeClr val="accent1">
                  <a:lumMod val="5000"/>
                  <a:lumOff val="95000"/>
                </a:schemeClr>
              </a:gs>
              <a:gs pos="74000">
                <a:schemeClr val="accent1">
                  <a:lumMod val="45000"/>
                  <a:lumOff val="55000"/>
                </a:schemeClr>
              </a:gs>
              <a:gs pos="100000">
                <a:schemeClr val="accent1">
                  <a:lumMod val="75000"/>
                </a:schemeClr>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33939816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82328" y="365127"/>
            <a:ext cx="8543925"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2329" y="1681163"/>
            <a:ext cx="4190702"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82329" y="2505075"/>
            <a:ext cx="4190702"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5014913" y="1681163"/>
            <a:ext cx="4211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5014913" y="2505075"/>
            <a:ext cx="4211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D2D2F48F-E5D4-4293-B625-9F68D1DA60CA}" type="datetime1">
              <a:rPr kumimoji="1" lang="ja-JP" altLang="en-US" smtClean="0"/>
              <a:t>2026/1/14</a:t>
            </a:fld>
            <a:endParaRPr kumimoji="1" lang="ja-JP" altLang="en-US"/>
          </a:p>
        </p:txBody>
      </p:sp>
      <p:sp>
        <p:nvSpPr>
          <p:cNvPr id="8" name="Footer Placeholder 7"/>
          <p:cNvSpPr>
            <a:spLocks noGrp="1"/>
          </p:cNvSpPr>
          <p:nvPr>
            <p:ph type="ftr" sz="quarter" idx="11"/>
          </p:nvPr>
        </p:nvSpPr>
        <p:spPr/>
        <p:txBody>
          <a:bodyPr/>
          <a:lstStyle/>
          <a:p>
            <a:r>
              <a:rPr kumimoji="1" lang="en-US" altLang="ja-JP" dirty="0"/>
              <a:t>1</a:t>
            </a:r>
            <a:endParaRPr kumimoji="1" lang="ja-JP" altLang="en-US"/>
          </a:p>
        </p:txBody>
      </p:sp>
      <p:sp>
        <p:nvSpPr>
          <p:cNvPr id="9" name="Slide Number Placeholder 8"/>
          <p:cNvSpPr>
            <a:spLocks noGrp="1"/>
          </p:cNvSpPr>
          <p:nvPr>
            <p:ph type="sldNum" sz="quarter" idx="12"/>
          </p:nvPr>
        </p:nvSpPr>
        <p:spPr/>
        <p:txBody>
          <a:bodyPr/>
          <a:lstStyle/>
          <a:p>
            <a:fld id="{36EC18DB-A5DF-4E0E-B815-FCD04A2C4B2C}" type="slidenum">
              <a:rPr kumimoji="1" lang="ja-JP" altLang="en-US" smtClean="0"/>
              <a:t>‹#›</a:t>
            </a:fld>
            <a:endParaRPr kumimoji="1" lang="ja-JP" altLang="en-US"/>
          </a:p>
        </p:txBody>
      </p:sp>
    </p:spTree>
    <p:extLst>
      <p:ext uri="{BB962C8B-B14F-4D97-AF65-F5344CB8AC3E}">
        <p14:creationId xmlns:p14="http://schemas.microsoft.com/office/powerpoint/2010/main" val="321204712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3B6EDFBA-D541-4636-B285-6FFAC833A6B8}" type="datetime1">
              <a:rPr kumimoji="1" lang="ja-JP" altLang="en-US" smtClean="0"/>
              <a:t>2026/1/14</a:t>
            </a:fld>
            <a:endParaRPr kumimoji="1" lang="ja-JP" altLang="en-US"/>
          </a:p>
        </p:txBody>
      </p:sp>
      <p:sp>
        <p:nvSpPr>
          <p:cNvPr id="4" name="Footer Placeholder 3"/>
          <p:cNvSpPr>
            <a:spLocks noGrp="1"/>
          </p:cNvSpPr>
          <p:nvPr>
            <p:ph type="ftr" sz="quarter" idx="11"/>
          </p:nvPr>
        </p:nvSpPr>
        <p:spPr/>
        <p:txBody>
          <a:bodyPr/>
          <a:lstStyle/>
          <a:p>
            <a:r>
              <a:rPr kumimoji="1" lang="en-US" altLang="ja-JP" dirty="0"/>
              <a:t>1</a:t>
            </a:r>
            <a:endParaRPr kumimoji="1" lang="ja-JP" altLang="en-US"/>
          </a:p>
        </p:txBody>
      </p:sp>
      <p:sp>
        <p:nvSpPr>
          <p:cNvPr id="5" name="Slide Number Placeholder 4"/>
          <p:cNvSpPr>
            <a:spLocks noGrp="1"/>
          </p:cNvSpPr>
          <p:nvPr>
            <p:ph type="sldNum" sz="quarter" idx="12"/>
          </p:nvPr>
        </p:nvSpPr>
        <p:spPr/>
        <p:txBody>
          <a:bodyPr/>
          <a:lstStyle/>
          <a:p>
            <a:fld id="{36EC18DB-A5DF-4E0E-B815-FCD04A2C4B2C}" type="slidenum">
              <a:rPr kumimoji="1" lang="ja-JP" altLang="en-US" smtClean="0"/>
              <a:t>‹#›</a:t>
            </a:fld>
            <a:endParaRPr kumimoji="1" lang="ja-JP" altLang="en-US"/>
          </a:p>
        </p:txBody>
      </p:sp>
      <p:sp>
        <p:nvSpPr>
          <p:cNvPr id="6" name="正方形/長方形 5"/>
          <p:cNvSpPr/>
          <p:nvPr/>
        </p:nvSpPr>
        <p:spPr>
          <a:xfrm rot="10800000">
            <a:off x="0" y="495756"/>
            <a:ext cx="9906000" cy="104319"/>
          </a:xfrm>
          <a:prstGeom prst="rect">
            <a:avLst/>
          </a:prstGeom>
          <a:gradFill flip="none" rotWithShape="1">
            <a:gsLst>
              <a:gs pos="0">
                <a:schemeClr val="accent1">
                  <a:lumMod val="5000"/>
                  <a:lumOff val="95000"/>
                </a:schemeClr>
              </a:gs>
              <a:gs pos="74000">
                <a:schemeClr val="accent1">
                  <a:lumMod val="45000"/>
                  <a:lumOff val="55000"/>
                </a:schemeClr>
              </a:gs>
              <a:gs pos="100000">
                <a:schemeClr val="accent1">
                  <a:lumMod val="75000"/>
                </a:schemeClr>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94442094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7A913058-F670-4AAE-9411-17A37975CEE6}" type="datetime1">
              <a:rPr kumimoji="1" lang="ja-JP" altLang="en-US" smtClean="0"/>
              <a:t>2026/1/14</a:t>
            </a:fld>
            <a:endParaRPr kumimoji="1" lang="ja-JP" altLang="en-US"/>
          </a:p>
        </p:txBody>
      </p:sp>
      <p:sp>
        <p:nvSpPr>
          <p:cNvPr id="3" name="Footer Placeholder 2"/>
          <p:cNvSpPr>
            <a:spLocks noGrp="1"/>
          </p:cNvSpPr>
          <p:nvPr>
            <p:ph type="ftr" sz="quarter" idx="11"/>
          </p:nvPr>
        </p:nvSpPr>
        <p:spPr/>
        <p:txBody>
          <a:bodyPr/>
          <a:lstStyle/>
          <a:p>
            <a:r>
              <a:rPr kumimoji="1" lang="en-US" altLang="ja-JP" dirty="0"/>
              <a:t>1</a:t>
            </a:r>
            <a:endParaRPr kumimoji="1" lang="ja-JP" altLang="en-US"/>
          </a:p>
        </p:txBody>
      </p:sp>
      <p:sp>
        <p:nvSpPr>
          <p:cNvPr id="4" name="Slide Number Placeholder 3"/>
          <p:cNvSpPr>
            <a:spLocks noGrp="1"/>
          </p:cNvSpPr>
          <p:nvPr>
            <p:ph type="sldNum" sz="quarter" idx="12"/>
          </p:nvPr>
        </p:nvSpPr>
        <p:spPr/>
        <p:txBody>
          <a:bodyPr/>
          <a:lstStyle/>
          <a:p>
            <a:fld id="{36EC18DB-A5DF-4E0E-B815-FCD04A2C4B2C}" type="slidenum">
              <a:rPr kumimoji="1" lang="ja-JP" altLang="en-US" smtClean="0"/>
              <a:t>‹#›</a:t>
            </a:fld>
            <a:endParaRPr kumimoji="1" lang="ja-JP" altLang="en-US"/>
          </a:p>
        </p:txBody>
      </p:sp>
      <p:sp>
        <p:nvSpPr>
          <p:cNvPr id="5" name="正方形/長方形 4"/>
          <p:cNvSpPr/>
          <p:nvPr/>
        </p:nvSpPr>
        <p:spPr>
          <a:xfrm rot="10800000">
            <a:off x="0" y="495756"/>
            <a:ext cx="9906000" cy="104319"/>
          </a:xfrm>
          <a:prstGeom prst="rect">
            <a:avLst/>
          </a:prstGeom>
          <a:gradFill flip="none" rotWithShape="1">
            <a:gsLst>
              <a:gs pos="0">
                <a:schemeClr val="accent1">
                  <a:lumMod val="5000"/>
                  <a:lumOff val="95000"/>
                </a:schemeClr>
              </a:gs>
              <a:gs pos="74000">
                <a:schemeClr val="accent1">
                  <a:lumMod val="45000"/>
                  <a:lumOff val="55000"/>
                </a:schemeClr>
              </a:gs>
              <a:gs pos="100000">
                <a:schemeClr val="accent1">
                  <a:lumMod val="75000"/>
                </a:schemeClr>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80032032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4211340" y="987427"/>
            <a:ext cx="5014913"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2F7FF873-D241-42F8-843D-019499177D9E}" type="datetime1">
              <a:rPr kumimoji="1" lang="ja-JP" altLang="en-US" smtClean="0"/>
              <a:t>2026/1/14</a:t>
            </a:fld>
            <a:endParaRPr kumimoji="1" lang="ja-JP" altLang="en-US"/>
          </a:p>
        </p:txBody>
      </p:sp>
      <p:sp>
        <p:nvSpPr>
          <p:cNvPr id="6" name="Footer Placeholder 5"/>
          <p:cNvSpPr>
            <a:spLocks noGrp="1"/>
          </p:cNvSpPr>
          <p:nvPr>
            <p:ph type="ftr" sz="quarter" idx="11"/>
          </p:nvPr>
        </p:nvSpPr>
        <p:spPr/>
        <p:txBody>
          <a:bodyPr/>
          <a:lstStyle/>
          <a:p>
            <a:r>
              <a:rPr kumimoji="1" lang="en-US" altLang="ja-JP" dirty="0"/>
              <a:t>1</a:t>
            </a:r>
            <a:endParaRPr kumimoji="1" lang="ja-JP" altLang="en-US"/>
          </a:p>
        </p:txBody>
      </p:sp>
      <p:sp>
        <p:nvSpPr>
          <p:cNvPr id="7" name="Slide Number Placeholder 6"/>
          <p:cNvSpPr>
            <a:spLocks noGrp="1"/>
          </p:cNvSpPr>
          <p:nvPr>
            <p:ph type="sldNum" sz="quarter" idx="12"/>
          </p:nvPr>
        </p:nvSpPr>
        <p:spPr/>
        <p:txBody>
          <a:bodyPr/>
          <a:lstStyle/>
          <a:p>
            <a:fld id="{36EC18DB-A5DF-4E0E-B815-FCD04A2C4B2C}" type="slidenum">
              <a:rPr kumimoji="1" lang="ja-JP" altLang="en-US" smtClean="0"/>
              <a:t>‹#›</a:t>
            </a:fld>
            <a:endParaRPr kumimoji="1" lang="ja-JP" altLang="en-US"/>
          </a:p>
        </p:txBody>
      </p:sp>
    </p:spTree>
    <p:extLst>
      <p:ext uri="{BB962C8B-B14F-4D97-AF65-F5344CB8AC3E}">
        <p14:creationId xmlns:p14="http://schemas.microsoft.com/office/powerpoint/2010/main" val="15353845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4211340" y="987427"/>
            <a:ext cx="5014913"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図を追加</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1007C461-7FB6-46B3-B625-63A6392AB974}" type="datetime1">
              <a:rPr kumimoji="1" lang="ja-JP" altLang="en-US" smtClean="0"/>
              <a:t>2026/1/14</a:t>
            </a:fld>
            <a:endParaRPr kumimoji="1" lang="ja-JP" altLang="en-US"/>
          </a:p>
        </p:txBody>
      </p:sp>
      <p:sp>
        <p:nvSpPr>
          <p:cNvPr id="6" name="Footer Placeholder 5"/>
          <p:cNvSpPr>
            <a:spLocks noGrp="1"/>
          </p:cNvSpPr>
          <p:nvPr>
            <p:ph type="ftr" sz="quarter" idx="11"/>
          </p:nvPr>
        </p:nvSpPr>
        <p:spPr/>
        <p:txBody>
          <a:bodyPr/>
          <a:lstStyle/>
          <a:p>
            <a:r>
              <a:rPr kumimoji="1" lang="en-US" altLang="ja-JP" dirty="0"/>
              <a:t>1</a:t>
            </a:r>
            <a:endParaRPr kumimoji="1" lang="ja-JP" altLang="en-US"/>
          </a:p>
        </p:txBody>
      </p:sp>
      <p:sp>
        <p:nvSpPr>
          <p:cNvPr id="7" name="Slide Number Placeholder 6"/>
          <p:cNvSpPr>
            <a:spLocks noGrp="1"/>
          </p:cNvSpPr>
          <p:nvPr>
            <p:ph type="sldNum" sz="quarter" idx="12"/>
          </p:nvPr>
        </p:nvSpPr>
        <p:spPr/>
        <p:txBody>
          <a:bodyPr/>
          <a:lstStyle/>
          <a:p>
            <a:fld id="{36EC18DB-A5DF-4E0E-B815-FCD04A2C4B2C}" type="slidenum">
              <a:rPr kumimoji="1" lang="ja-JP" altLang="en-US" smtClean="0"/>
              <a:t>‹#›</a:t>
            </a:fld>
            <a:endParaRPr kumimoji="1" lang="ja-JP" altLang="en-US"/>
          </a:p>
        </p:txBody>
      </p:sp>
    </p:spTree>
    <p:extLst>
      <p:ext uri="{BB962C8B-B14F-4D97-AF65-F5344CB8AC3E}">
        <p14:creationId xmlns:p14="http://schemas.microsoft.com/office/powerpoint/2010/main" val="114542995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81038" y="365127"/>
            <a:ext cx="8543925"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1038" y="1825625"/>
            <a:ext cx="8543925"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81038" y="6356352"/>
            <a:ext cx="222885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2C135B6-3F7A-4700-9534-C58F4EBB7F61}" type="datetime1">
              <a:rPr kumimoji="1" lang="ja-JP" altLang="en-US" smtClean="0"/>
              <a:t>2026/1/14</a:t>
            </a:fld>
            <a:endParaRPr kumimoji="1" lang="ja-JP" altLang="en-US"/>
          </a:p>
        </p:txBody>
      </p:sp>
      <p:sp>
        <p:nvSpPr>
          <p:cNvPr id="5" name="Footer Placeholder 4"/>
          <p:cNvSpPr>
            <a:spLocks noGrp="1"/>
          </p:cNvSpPr>
          <p:nvPr>
            <p:ph type="ftr" sz="quarter" idx="3"/>
          </p:nvPr>
        </p:nvSpPr>
        <p:spPr>
          <a:xfrm>
            <a:off x="3281363" y="6356352"/>
            <a:ext cx="3343275"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r>
              <a:rPr kumimoji="1" lang="en-US" altLang="ja-JP" dirty="0"/>
              <a:t>1</a:t>
            </a:r>
            <a:endParaRPr kumimoji="1" lang="ja-JP" altLang="en-US"/>
          </a:p>
        </p:txBody>
      </p:sp>
      <p:sp>
        <p:nvSpPr>
          <p:cNvPr id="6" name="Slide Number Placeholder 5"/>
          <p:cNvSpPr>
            <a:spLocks noGrp="1"/>
          </p:cNvSpPr>
          <p:nvPr>
            <p:ph type="sldNum" sz="quarter" idx="4"/>
          </p:nvPr>
        </p:nvSpPr>
        <p:spPr>
          <a:xfrm>
            <a:off x="7677150" y="6462941"/>
            <a:ext cx="2228850" cy="365125"/>
          </a:xfrm>
          <a:prstGeom prst="rect">
            <a:avLst/>
          </a:prstGeom>
        </p:spPr>
        <p:txBody>
          <a:bodyPr vert="horz" lIns="91440" tIns="45720" rIns="91440" bIns="45720" rtlCol="0" anchor="ctr"/>
          <a:lstStyle>
            <a:lvl1pPr algn="r">
              <a:defRPr sz="1600">
                <a:solidFill>
                  <a:schemeClr val="tx1"/>
                </a:solidFill>
              </a:defRPr>
            </a:lvl1pPr>
          </a:lstStyle>
          <a:p>
            <a:fld id="{36EC18DB-A5DF-4E0E-B815-FCD04A2C4B2C}" type="slidenum">
              <a:rPr kumimoji="1" lang="ja-JP" altLang="en-US" smtClean="0"/>
              <a:t>‹#›</a:t>
            </a:fld>
            <a:endParaRPr kumimoji="1" lang="ja-JP" altLang="en-US"/>
          </a:p>
        </p:txBody>
      </p:sp>
    </p:spTree>
    <p:extLst>
      <p:ext uri="{BB962C8B-B14F-4D97-AF65-F5344CB8AC3E}">
        <p14:creationId xmlns:p14="http://schemas.microsoft.com/office/powerpoint/2010/main" val="354271990"/>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13.emf"/><Relationship Id="rId2" Type="http://schemas.openxmlformats.org/officeDocument/2006/relationships/notesSlide" Target="../notesSlides/notesSlide27.xml"/><Relationship Id="rId1" Type="http://schemas.openxmlformats.org/officeDocument/2006/relationships/slideLayout" Target="../slideLayouts/slideLayout2.xml"/><Relationship Id="rId4" Type="http://schemas.openxmlformats.org/officeDocument/2006/relationships/image" Target="../media/image14.emf"/></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15.emf"/><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16.emf"/><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notesSlide" Target="../notesSlides/notesSlide32.xml"/><Relationship Id="rId1" Type="http://schemas.openxmlformats.org/officeDocument/2006/relationships/slideLayout" Target="../slideLayouts/slideLayout2.xml"/><Relationship Id="rId5" Type="http://schemas.openxmlformats.org/officeDocument/2006/relationships/image" Target="../media/image19.png"/><Relationship Id="rId4" Type="http://schemas.openxmlformats.org/officeDocument/2006/relationships/image" Target="../media/image18.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xml"/></Relationships>
</file>

<file path=ppt/slides/_rels/slide3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38.xml"/><Relationship Id="rId1" Type="http://schemas.openxmlformats.org/officeDocument/2006/relationships/slideLayout" Target="../slideLayouts/slideLayout7.xml"/><Relationship Id="rId4" Type="http://schemas.openxmlformats.org/officeDocument/2006/relationships/image" Target="../media/image21.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40.xml"/><Relationship Id="rId1" Type="http://schemas.openxmlformats.org/officeDocument/2006/relationships/slideLayout" Target="../slideLayouts/slideLayout2.xml"/><Relationship Id="rId4" Type="http://schemas.openxmlformats.org/officeDocument/2006/relationships/image" Target="../media/image23.emf"/></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1.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3" Type="http://schemas.openxmlformats.org/officeDocument/2006/relationships/image" Target="../media/image24.emf"/><Relationship Id="rId2" Type="http://schemas.openxmlformats.org/officeDocument/2006/relationships/notesSlide" Target="../notesSlides/notesSlide45.xml"/><Relationship Id="rId1" Type="http://schemas.openxmlformats.org/officeDocument/2006/relationships/slideLayout" Target="../slideLayouts/slideLayout2.xml"/><Relationship Id="rId4" Type="http://schemas.openxmlformats.org/officeDocument/2006/relationships/image" Target="../media/image25.emf"/></Relationships>
</file>

<file path=ppt/slides/_rels/slide47.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46.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27.emf"/><Relationship Id="rId2" Type="http://schemas.openxmlformats.org/officeDocument/2006/relationships/notesSlide" Target="../notesSlides/notesSlide47.xml"/><Relationship Id="rId1" Type="http://schemas.openxmlformats.org/officeDocument/2006/relationships/slideLayout" Target="../slideLayouts/slideLayout2.xml"/><Relationship Id="rId4" Type="http://schemas.openxmlformats.org/officeDocument/2006/relationships/image" Target="../media/image28.emf"/></Relationships>
</file>

<file path=ppt/slides/_rels/slide49.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48.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1.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52.xml"/><Relationship Id="rId1" Type="http://schemas.openxmlformats.org/officeDocument/2006/relationships/slideLayout" Target="../slideLayouts/slideLayout2.xml"/><Relationship Id="rId4" Type="http://schemas.openxmlformats.org/officeDocument/2006/relationships/image" Target="../media/image30.png"/></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openxmlformats.org/officeDocument/2006/relationships/notesSlide" Target="../notesSlides/notesSlide54.xml"/><Relationship Id="rId1" Type="http://schemas.openxmlformats.org/officeDocument/2006/relationships/slideLayout" Target="../slideLayouts/slideLayout2.xml"/><Relationship Id="rId5" Type="http://schemas.openxmlformats.org/officeDocument/2006/relationships/image" Target="../media/image32.png"/><Relationship Id="rId4" Type="http://schemas.openxmlformats.org/officeDocument/2006/relationships/image" Target="../media/image31.emf"/></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1.xml"/></Relationships>
</file>

<file path=ppt/slides/_rels/slide58.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57.xml"/><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3" Type="http://schemas.openxmlformats.org/officeDocument/2006/relationships/package" Target="../embeddings/Microsoft_Word_Document.docx"/><Relationship Id="rId7" Type="http://schemas.openxmlformats.org/officeDocument/2006/relationships/image" Target="../media/image36.png"/><Relationship Id="rId2" Type="http://schemas.openxmlformats.org/officeDocument/2006/relationships/notesSlide" Target="../notesSlides/notesSlide58.xml"/><Relationship Id="rId1" Type="http://schemas.openxmlformats.org/officeDocument/2006/relationships/slideLayout" Target="../slideLayouts/slideLayout2.xml"/><Relationship Id="rId6" Type="http://schemas.openxmlformats.org/officeDocument/2006/relationships/image" Target="../media/image35.emf"/><Relationship Id="rId5" Type="http://schemas.openxmlformats.org/officeDocument/2006/relationships/package" Target="../embeddings/Microsoft_Word_Document1.docx"/><Relationship Id="rId4" Type="http://schemas.openxmlformats.org/officeDocument/2006/relationships/image" Target="../media/image34.emf"/></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60.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59.xml"/><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2.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image" Target="../media/image38.emf"/><Relationship Id="rId1" Type="http://schemas.openxmlformats.org/officeDocument/2006/relationships/slideLayout" Target="../slideLayouts/slideLayout6.xml"/><Relationship Id="rId4" Type="http://schemas.openxmlformats.org/officeDocument/2006/relationships/image" Target="../media/image40.png"/></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1.xml"/></Relationships>
</file>

<file path=ppt/slides/_rels/slide64.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61.xml"/><Relationship Id="rId1" Type="http://schemas.openxmlformats.org/officeDocument/2006/relationships/slideLayout" Target="../slideLayouts/slideLayout2.xml"/><Relationship Id="rId5" Type="http://schemas.openxmlformats.org/officeDocument/2006/relationships/image" Target="../media/image43.jpeg"/><Relationship Id="rId4" Type="http://schemas.openxmlformats.org/officeDocument/2006/relationships/image" Target="../media/image42.png"/></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3" Type="http://schemas.openxmlformats.org/officeDocument/2006/relationships/image" Target="../media/image44.emf"/><Relationship Id="rId2" Type="http://schemas.openxmlformats.org/officeDocument/2006/relationships/notesSlide" Target="../notesSlides/notesSlide63.xml"/><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3" Type="http://schemas.openxmlformats.org/officeDocument/2006/relationships/image" Target="../media/image45.emf"/><Relationship Id="rId2" Type="http://schemas.openxmlformats.org/officeDocument/2006/relationships/notesSlide" Target="../notesSlides/notesSlide64.xml"/><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3" Type="http://schemas.openxmlformats.org/officeDocument/2006/relationships/image" Target="../media/image46.emf"/><Relationship Id="rId2" Type="http://schemas.openxmlformats.org/officeDocument/2006/relationships/notesSlide" Target="../notesSlides/notesSlide65.xml"/><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3" Type="http://schemas.openxmlformats.org/officeDocument/2006/relationships/image" Target="../media/image47.emf"/><Relationship Id="rId2" Type="http://schemas.openxmlformats.org/officeDocument/2006/relationships/notesSlide" Target="../notesSlides/notesSlide6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1.jpeg"/><Relationship Id="rId7" Type="http://schemas.openxmlformats.org/officeDocument/2006/relationships/image" Target="../media/image5.jpeg"/><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image" Target="../media/image4.jpeg"/><Relationship Id="rId5" Type="http://schemas.openxmlformats.org/officeDocument/2006/relationships/image" Target="../media/image3.jpeg"/><Relationship Id="rId4" Type="http://schemas.openxmlformats.org/officeDocument/2006/relationships/image" Target="../media/image2.jpeg"/></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16326" y="1861180"/>
            <a:ext cx="8673347" cy="1384962"/>
          </a:xfrm>
          <a:prstGeom prst="rect">
            <a:avLst/>
          </a:prstGeom>
          <a:noFill/>
        </p:spPr>
        <p:txBody>
          <a:bodyPr vert="horz" wrap="square" lIns="91407" tIns="45704" rIns="91407" bIns="45704" rtlCol="0" anchor="ctr">
            <a:spAutoFit/>
          </a:bodyPr>
          <a:lstStyle/>
          <a:p>
            <a:pPr algn="ctr"/>
            <a:r>
              <a:rPr lang="ja-JP" altLang="ja-JP" sz="2800" b="1" dirty="0"/>
              <a:t>第</a:t>
            </a:r>
            <a:r>
              <a:rPr lang="ja-JP" altLang="en-US" sz="2800" b="1" dirty="0"/>
              <a:t>２</a:t>
            </a:r>
            <a:r>
              <a:rPr lang="ja-JP" altLang="ja-JP" sz="2800" b="1" dirty="0"/>
              <a:t>回　</a:t>
            </a:r>
            <a:r>
              <a:rPr lang="ja-JP" altLang="en-US" sz="2800" b="1" dirty="0"/>
              <a:t>大阪市</a:t>
            </a:r>
            <a:r>
              <a:rPr lang="ja-JP" altLang="ja-JP" sz="2800" b="1" dirty="0"/>
              <a:t>下水道施設</a:t>
            </a:r>
            <a:r>
              <a:rPr lang="ja-JP" altLang="en-US" sz="2800" b="1" dirty="0"/>
              <a:t>維持管理審議会</a:t>
            </a:r>
            <a:endParaRPr lang="en-US" altLang="ja-JP" sz="2800" b="1" dirty="0"/>
          </a:p>
          <a:p>
            <a:endParaRPr lang="en-US" altLang="ja-JP" sz="2800" b="1" dirty="0"/>
          </a:p>
          <a:p>
            <a:pPr algn="ctr"/>
            <a:r>
              <a:rPr lang="ja-JP" altLang="en-US" sz="2800" b="1" dirty="0"/>
              <a:t>議事説明資料</a:t>
            </a:r>
            <a:endParaRPr lang="en-US" altLang="ja-JP" sz="2800" b="1" dirty="0"/>
          </a:p>
        </p:txBody>
      </p:sp>
      <p:sp>
        <p:nvSpPr>
          <p:cNvPr id="13" name="テキスト ボックス 12"/>
          <p:cNvSpPr txBox="1"/>
          <p:nvPr/>
        </p:nvSpPr>
        <p:spPr>
          <a:xfrm>
            <a:off x="8354595" y="297540"/>
            <a:ext cx="906969" cy="369300"/>
          </a:xfrm>
          <a:prstGeom prst="rect">
            <a:avLst/>
          </a:prstGeom>
          <a:noFill/>
          <a:ln>
            <a:solidFill>
              <a:schemeClr val="tx1"/>
            </a:solidFill>
          </a:ln>
        </p:spPr>
        <p:txBody>
          <a:bodyPr vert="horz" wrap="square" lIns="91407" tIns="45704" rIns="91407" bIns="45704" rtlCol="0" anchor="ctr">
            <a:spAutoFit/>
          </a:bodyPr>
          <a:lstStyle/>
          <a:p>
            <a:pPr algn="ctr"/>
            <a:r>
              <a:rPr lang="ja-JP" altLang="en-US" b="1" dirty="0"/>
              <a:t>資料３</a:t>
            </a:r>
            <a:endParaRPr lang="ja-JP" altLang="en-US" sz="1600" b="1" dirty="0">
              <a:latin typeface="HG丸ｺﾞｼｯｸM-PRO" panose="020F0600000000000000" pitchFamily="50" charset="-128"/>
              <a:ea typeface="HG丸ｺﾞｼｯｸM-PRO" panose="020F0600000000000000" pitchFamily="50" charset="-128"/>
            </a:endParaRPr>
          </a:p>
        </p:txBody>
      </p:sp>
      <p:sp>
        <p:nvSpPr>
          <p:cNvPr id="14" name="テキスト ボックス 13"/>
          <p:cNvSpPr txBox="1"/>
          <p:nvPr/>
        </p:nvSpPr>
        <p:spPr>
          <a:xfrm>
            <a:off x="791203" y="5026294"/>
            <a:ext cx="8470361" cy="369300"/>
          </a:xfrm>
          <a:prstGeom prst="rect">
            <a:avLst/>
          </a:prstGeom>
          <a:noFill/>
        </p:spPr>
        <p:txBody>
          <a:bodyPr vert="horz" wrap="square" lIns="91407" tIns="45704" rIns="91407" bIns="45704" rtlCol="0" anchor="ctr">
            <a:spAutoFit/>
          </a:bodyPr>
          <a:lstStyle/>
          <a:p>
            <a:pPr algn="ctr"/>
            <a:r>
              <a:rPr lang="ja-JP" altLang="en-US" b="1" dirty="0"/>
              <a:t>令和 </a:t>
            </a:r>
            <a:r>
              <a:rPr lang="en-US" altLang="ja-JP" b="1" dirty="0"/>
              <a:t>7 </a:t>
            </a:r>
            <a:r>
              <a:rPr lang="ja-JP" altLang="en-US" b="1" dirty="0"/>
              <a:t>年 １１月 ２５</a:t>
            </a:r>
            <a:r>
              <a:rPr lang="en-US" altLang="ja-JP" b="1" dirty="0"/>
              <a:t> </a:t>
            </a:r>
            <a:r>
              <a:rPr lang="ja-JP" altLang="en-US" b="1" dirty="0"/>
              <a:t>日</a:t>
            </a:r>
            <a:endParaRPr lang="ja-JP" altLang="en-US" sz="1600" b="1" dirty="0">
              <a:latin typeface="HG丸ｺﾞｼｯｸM-PRO" panose="020F0600000000000000" pitchFamily="50" charset="-128"/>
              <a:ea typeface="HG丸ｺﾞｼｯｸM-PRO" panose="020F0600000000000000" pitchFamily="50" charset="-128"/>
            </a:endParaRPr>
          </a:p>
        </p:txBody>
      </p:sp>
      <p:sp>
        <p:nvSpPr>
          <p:cNvPr id="3" name="スライド番号プレースホルダー 2"/>
          <p:cNvSpPr>
            <a:spLocks noGrp="1"/>
          </p:cNvSpPr>
          <p:nvPr>
            <p:ph type="sldNum" sz="quarter" idx="12"/>
          </p:nvPr>
        </p:nvSpPr>
        <p:spPr/>
        <p:txBody>
          <a:bodyPr/>
          <a:lstStyle/>
          <a:p>
            <a:fld id="{36EC18DB-A5DF-4E0E-B815-FCD04A2C4B2C}" type="slidenum">
              <a:rPr kumimoji="1" lang="ja-JP" altLang="en-US" smtClean="0"/>
              <a:t>1</a:t>
            </a:fld>
            <a:endParaRPr kumimoji="1" lang="ja-JP" altLang="en-US"/>
          </a:p>
        </p:txBody>
      </p:sp>
    </p:spTree>
    <p:extLst>
      <p:ext uri="{BB962C8B-B14F-4D97-AF65-F5344CB8AC3E}">
        <p14:creationId xmlns:p14="http://schemas.microsoft.com/office/powerpoint/2010/main" val="59908288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E6132F0E-A668-B171-E6AF-7BFFB2300315}"/>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9DB52836-DB48-F6A2-05E4-713A3FA9F2AC}"/>
              </a:ext>
            </a:extLst>
          </p:cNvPr>
          <p:cNvSpPr>
            <a:spLocks noGrp="1"/>
          </p:cNvSpPr>
          <p:nvPr>
            <p:ph type="sldNum" sz="quarter" idx="12"/>
          </p:nvPr>
        </p:nvSpPr>
        <p:spPr/>
        <p:txBody>
          <a:bodyPr/>
          <a:lstStyle/>
          <a:p>
            <a:fld id="{36EC18DB-A5DF-4E0E-B815-FCD04A2C4B2C}" type="slidenum">
              <a:rPr kumimoji="1" lang="ja-JP" altLang="en-US" smtClean="0"/>
              <a:t>10</a:t>
            </a:fld>
            <a:endParaRPr kumimoji="1" lang="ja-JP" altLang="en-US" dirty="0"/>
          </a:p>
        </p:txBody>
      </p:sp>
      <p:sp>
        <p:nvSpPr>
          <p:cNvPr id="200" name="コンテンツ プレースホルダー 2">
            <a:extLst>
              <a:ext uri="{FF2B5EF4-FFF2-40B4-BE49-F238E27FC236}">
                <a16:creationId xmlns:a16="http://schemas.microsoft.com/office/drawing/2014/main" id="{6452E386-81FD-442A-B9A6-6B2CB7D5E7BD}"/>
              </a:ext>
            </a:extLst>
          </p:cNvPr>
          <p:cNvSpPr txBox="1">
            <a:spLocks/>
          </p:cNvSpPr>
          <p:nvPr/>
        </p:nvSpPr>
        <p:spPr>
          <a:xfrm>
            <a:off x="1452222" y="772986"/>
            <a:ext cx="9174469" cy="951562"/>
          </a:xfrm>
          <a:prstGeom prst="rect">
            <a:avLst/>
          </a:prstGeom>
        </p:spPr>
        <p:txBody>
          <a:bodyPr>
            <a:noAutofit/>
          </a:bodyPr>
          <a:lstStyle>
            <a:defPPr>
              <a:defRPr lang="ja-JP"/>
            </a:defPPr>
            <a:lvl1pPr marL="228600" indent="-228600">
              <a:lnSpc>
                <a:spcPct val="50000"/>
              </a:lnSpc>
              <a:spcBef>
                <a:spcPts val="600"/>
              </a:spcBef>
              <a:buFont typeface="Arial" panose="020B0604020202020204" pitchFamily="34" charset="0"/>
              <a:buNone/>
              <a:defRPr sz="1600">
                <a:latin typeface="HG丸ｺﾞｼｯｸM-PRO" pitchFamily="50" charset="-128"/>
                <a:ea typeface="HG丸ｺﾞｼｯｸM-PRO" pitchFamily="50" charset="-128"/>
              </a:defRPr>
            </a:lvl1pPr>
            <a:lvl2pPr marL="685800" indent="-228600">
              <a:lnSpc>
                <a:spcPct val="90000"/>
              </a:lnSpc>
              <a:spcBef>
                <a:spcPts val="500"/>
              </a:spcBef>
              <a:buFont typeface="Arial" panose="020B0604020202020204" pitchFamily="34" charset="0"/>
              <a:buChar char="•"/>
              <a:defRPr sz="2400"/>
            </a:lvl2pPr>
            <a:lvl3pPr marL="1143000" indent="-228600">
              <a:lnSpc>
                <a:spcPct val="90000"/>
              </a:lnSpc>
              <a:spcBef>
                <a:spcPts val="500"/>
              </a:spcBef>
              <a:buFont typeface="Arial" panose="020B0604020202020204" pitchFamily="34" charset="0"/>
              <a:buChar char="•"/>
              <a:defRPr sz="2000"/>
            </a:lvl3pPr>
            <a:lvl4pPr marL="1600200" indent="-228600">
              <a:lnSpc>
                <a:spcPct val="90000"/>
              </a:lnSpc>
              <a:spcBef>
                <a:spcPts val="500"/>
              </a:spcBef>
              <a:buFont typeface="Arial" panose="020B0604020202020204" pitchFamily="34" charset="0"/>
              <a:buChar char="•"/>
            </a:lvl4pPr>
            <a:lvl5pPr marL="2057400" indent="-228600">
              <a:lnSpc>
                <a:spcPct val="90000"/>
              </a:lnSpc>
              <a:spcBef>
                <a:spcPts val="500"/>
              </a:spcBef>
              <a:buFont typeface="Arial" panose="020B0604020202020204" pitchFamily="34" charset="0"/>
              <a:buChar char="•"/>
            </a:lvl5pPr>
            <a:lvl6pPr marL="2514600" indent="-228600">
              <a:lnSpc>
                <a:spcPct val="90000"/>
              </a:lnSpc>
              <a:spcBef>
                <a:spcPts val="500"/>
              </a:spcBef>
              <a:buFont typeface="Arial" panose="020B0604020202020204" pitchFamily="34" charset="0"/>
              <a:buChar char="•"/>
            </a:lvl6pPr>
            <a:lvl7pPr marL="2971800" indent="-228600">
              <a:lnSpc>
                <a:spcPct val="90000"/>
              </a:lnSpc>
              <a:spcBef>
                <a:spcPts val="500"/>
              </a:spcBef>
              <a:buFont typeface="Arial" panose="020B0604020202020204" pitchFamily="34" charset="0"/>
              <a:buChar char="•"/>
            </a:lvl7pPr>
            <a:lvl8pPr marL="3429000" indent="-228600">
              <a:lnSpc>
                <a:spcPct val="90000"/>
              </a:lnSpc>
              <a:spcBef>
                <a:spcPts val="500"/>
              </a:spcBef>
              <a:buFont typeface="Arial" panose="020B0604020202020204" pitchFamily="34" charset="0"/>
              <a:buChar char="•"/>
            </a:lvl8pPr>
            <a:lvl9pPr marL="3886200" indent="-228600">
              <a:lnSpc>
                <a:spcPct val="90000"/>
              </a:lnSpc>
              <a:spcBef>
                <a:spcPts val="500"/>
              </a:spcBef>
              <a:buFont typeface="Arial" panose="020B0604020202020204" pitchFamily="34" charset="0"/>
              <a:buChar char="•"/>
            </a:lvl9pPr>
          </a:lstStyle>
          <a:p>
            <a:pPr>
              <a:spcBef>
                <a:spcPts val="1200"/>
              </a:spcBef>
            </a:pPr>
            <a:endParaRPr lang="en-US" altLang="ja-JP" dirty="0">
              <a:latin typeface="+mn-ea"/>
              <a:ea typeface="+mn-ea"/>
            </a:endParaRPr>
          </a:p>
        </p:txBody>
      </p:sp>
      <p:sp>
        <p:nvSpPr>
          <p:cNvPr id="10" name="テキスト ボックス 9">
            <a:extLst>
              <a:ext uri="{FF2B5EF4-FFF2-40B4-BE49-F238E27FC236}">
                <a16:creationId xmlns:a16="http://schemas.microsoft.com/office/drawing/2014/main" id="{1D277C15-0A57-B890-6915-64DE3EB7E49C}"/>
              </a:ext>
            </a:extLst>
          </p:cNvPr>
          <p:cNvSpPr txBox="1"/>
          <p:nvPr/>
        </p:nvSpPr>
        <p:spPr>
          <a:xfrm>
            <a:off x="967953" y="6492875"/>
            <a:ext cx="8820443" cy="261610"/>
          </a:xfrm>
          <a:prstGeom prst="rect">
            <a:avLst/>
          </a:prstGeom>
          <a:noFill/>
        </p:spPr>
        <p:txBody>
          <a:bodyPr wrap="square" rtlCol="0">
            <a:spAutoFit/>
          </a:bodyPr>
          <a:lstStyle/>
          <a:p>
            <a:r>
              <a:rPr kumimoji="1" lang="en-US" altLang="ja-JP" sz="1100" dirty="0"/>
              <a:t>2022.12.14</a:t>
            </a:r>
            <a:r>
              <a:rPr kumimoji="1" lang="ja-JP" altLang="en-US" sz="1100" dirty="0"/>
              <a:t>第</a:t>
            </a:r>
            <a:r>
              <a:rPr kumimoji="1" lang="en-US" altLang="ja-JP" sz="1100" dirty="0"/>
              <a:t>19</a:t>
            </a:r>
            <a:r>
              <a:rPr kumimoji="1" lang="ja-JP" altLang="en-US" sz="1100" dirty="0"/>
              <a:t>回「副首都ビジョン」のバージョンアップに向けた意見交換会参考資料（大阪市役所の点検・棚卸結果</a:t>
            </a:r>
            <a:r>
              <a:rPr kumimoji="1" lang="en-US" altLang="ja-JP" sz="1100" dirty="0"/>
              <a:t>2008</a:t>
            </a:r>
            <a:r>
              <a:rPr kumimoji="1" lang="ja-JP" altLang="en-US" sz="1100" dirty="0"/>
              <a:t>年～</a:t>
            </a:r>
            <a:r>
              <a:rPr kumimoji="1" lang="en-US" altLang="ja-JP" sz="1100" dirty="0"/>
              <a:t>2022</a:t>
            </a:r>
            <a:r>
              <a:rPr kumimoji="1" lang="ja-JP" altLang="en-US" sz="1100" dirty="0"/>
              <a:t>年）より抜粋</a:t>
            </a:r>
          </a:p>
        </p:txBody>
      </p:sp>
      <p:sp>
        <p:nvSpPr>
          <p:cNvPr id="22" name="角丸四角形 6">
            <a:extLst>
              <a:ext uri="{FF2B5EF4-FFF2-40B4-BE49-F238E27FC236}">
                <a16:creationId xmlns:a16="http://schemas.microsoft.com/office/drawing/2014/main" id="{B3B997AC-36CD-B385-C2FE-1595E3E01249}"/>
              </a:ext>
            </a:extLst>
          </p:cNvPr>
          <p:cNvSpPr/>
          <p:nvPr/>
        </p:nvSpPr>
        <p:spPr>
          <a:xfrm>
            <a:off x="1057695" y="1192426"/>
            <a:ext cx="8607425" cy="1386399"/>
          </a:xfrm>
          <a:prstGeom prst="roundRect">
            <a:avLst>
              <a:gd name="adj" fmla="val 6545"/>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88900" indent="-88900">
              <a:lnSpc>
                <a:spcPts val="2000"/>
              </a:lnSpc>
              <a:defRPr/>
            </a:pPr>
            <a:r>
              <a:rPr lang="ja-JP" altLang="en-US" sz="1400" dirty="0">
                <a:solidFill>
                  <a:schemeClr val="tx1"/>
                </a:solidFill>
              </a:rPr>
              <a:t>・維持管理と建設投資を一体的に実施することでより効率的に事業運営ができる、上下分離（運営管理と施設保有を分離）方式を導入し、当面は包括委託を実施する。</a:t>
            </a:r>
            <a:endParaRPr lang="en-US" altLang="ja-JP" sz="1400" dirty="0">
              <a:solidFill>
                <a:schemeClr val="tx1"/>
              </a:solidFill>
            </a:endParaRPr>
          </a:p>
          <a:p>
            <a:pPr marL="88900" indent="-88900">
              <a:lnSpc>
                <a:spcPts val="2000"/>
              </a:lnSpc>
              <a:defRPr/>
            </a:pPr>
            <a:r>
              <a:rPr lang="ja-JP" altLang="en-US" sz="1400" dirty="0">
                <a:solidFill>
                  <a:schemeClr val="tx1"/>
                </a:solidFill>
              </a:rPr>
              <a:t>・</a:t>
            </a:r>
            <a:r>
              <a:rPr lang="en-US" altLang="ja-JP" sz="1400" dirty="0">
                <a:solidFill>
                  <a:schemeClr val="tx1"/>
                </a:solidFill>
              </a:rPr>
              <a:t>20</a:t>
            </a:r>
            <a:r>
              <a:rPr lang="ja-JP" altLang="en-US" sz="1400" dirty="0">
                <a:solidFill>
                  <a:schemeClr val="tx1"/>
                </a:solidFill>
              </a:rPr>
              <a:t>年の長期契約を実施し、民間事業者との連携による新技術導入の促進など、技術力の向上とさらなる効率化によりコスト縮減を図り、効率化と市民サービスの確保を行う。</a:t>
            </a:r>
            <a:endParaRPr lang="en-US" altLang="ja-JP" sz="1400" dirty="0">
              <a:solidFill>
                <a:schemeClr val="tx1"/>
              </a:solidFill>
            </a:endParaRPr>
          </a:p>
          <a:p>
            <a:pPr marL="88900" indent="-88900">
              <a:lnSpc>
                <a:spcPts val="2000"/>
              </a:lnSpc>
              <a:defRPr/>
            </a:pPr>
            <a:r>
              <a:rPr lang="ja-JP" altLang="en-US" sz="1400" dirty="0">
                <a:solidFill>
                  <a:schemeClr val="tx1"/>
                </a:solidFill>
              </a:rPr>
              <a:t>・将来的には、コンセッション方式による運営管理を含めた経営形態を目指す。</a:t>
            </a:r>
            <a:endParaRPr lang="en-US" altLang="ja-JP" sz="1400" dirty="0">
              <a:solidFill>
                <a:schemeClr val="tx1"/>
              </a:solidFill>
            </a:endParaRPr>
          </a:p>
        </p:txBody>
      </p:sp>
      <p:sp>
        <p:nvSpPr>
          <p:cNvPr id="23" name="角丸四角形 11">
            <a:extLst>
              <a:ext uri="{FF2B5EF4-FFF2-40B4-BE49-F238E27FC236}">
                <a16:creationId xmlns:a16="http://schemas.microsoft.com/office/drawing/2014/main" id="{B0D37388-7ADC-49A9-070B-601D395F1668}"/>
              </a:ext>
            </a:extLst>
          </p:cNvPr>
          <p:cNvSpPr/>
          <p:nvPr/>
        </p:nvSpPr>
        <p:spPr>
          <a:xfrm>
            <a:off x="68784" y="1221414"/>
            <a:ext cx="894503" cy="302399"/>
          </a:xfrm>
          <a:prstGeom prst="roundRect">
            <a:avLst>
              <a:gd name="adj" fmla="val 9291"/>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lang="ja-JP" altLang="en-US" sz="1200" dirty="0">
                <a:solidFill>
                  <a:schemeClr val="tx1"/>
                </a:solidFill>
                <a:latin typeface="HG丸ｺﾞｼｯｸM-PRO" pitchFamily="50" charset="-128"/>
                <a:ea typeface="HG丸ｺﾞｼｯｸM-PRO" pitchFamily="50" charset="-128"/>
              </a:rPr>
              <a:t>考え方</a:t>
            </a:r>
          </a:p>
        </p:txBody>
      </p:sp>
      <p:sp>
        <p:nvSpPr>
          <p:cNvPr id="24" name="角丸四角形 78">
            <a:extLst>
              <a:ext uri="{FF2B5EF4-FFF2-40B4-BE49-F238E27FC236}">
                <a16:creationId xmlns:a16="http://schemas.microsoft.com/office/drawing/2014/main" id="{ADE2337D-6AA5-E3CE-61E3-9BCDDB95C8D6}"/>
              </a:ext>
            </a:extLst>
          </p:cNvPr>
          <p:cNvSpPr/>
          <p:nvPr/>
        </p:nvSpPr>
        <p:spPr>
          <a:xfrm>
            <a:off x="94909" y="3337229"/>
            <a:ext cx="880429" cy="347917"/>
          </a:xfrm>
          <a:prstGeom prst="roundRect">
            <a:avLst>
              <a:gd name="adj" fmla="val 9291"/>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lang="ja-JP" altLang="en-US" sz="1200" dirty="0">
                <a:solidFill>
                  <a:schemeClr val="tx1"/>
                </a:solidFill>
                <a:latin typeface="HG丸ｺﾞｼｯｸM-PRO" pitchFamily="50" charset="-128"/>
                <a:ea typeface="HG丸ｺﾞｼｯｸM-PRO" pitchFamily="50" charset="-128"/>
              </a:rPr>
              <a:t>実施計画</a:t>
            </a:r>
          </a:p>
        </p:txBody>
      </p:sp>
      <p:sp>
        <p:nvSpPr>
          <p:cNvPr id="25" name="角丸四角形 12">
            <a:extLst>
              <a:ext uri="{FF2B5EF4-FFF2-40B4-BE49-F238E27FC236}">
                <a16:creationId xmlns:a16="http://schemas.microsoft.com/office/drawing/2014/main" id="{01BC28AB-779A-F675-6BAF-6CC7899898B8}"/>
              </a:ext>
            </a:extLst>
          </p:cNvPr>
          <p:cNvSpPr/>
          <p:nvPr/>
        </p:nvSpPr>
        <p:spPr>
          <a:xfrm>
            <a:off x="54710" y="2777119"/>
            <a:ext cx="894503" cy="302399"/>
          </a:xfrm>
          <a:prstGeom prst="roundRect">
            <a:avLst>
              <a:gd name="adj" fmla="val 9291"/>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lang="ja-JP" altLang="en-US" sz="1200" dirty="0">
                <a:solidFill>
                  <a:schemeClr val="tx1"/>
                </a:solidFill>
                <a:latin typeface="HG丸ｺﾞｼｯｸM-PRO" pitchFamily="50" charset="-128"/>
                <a:ea typeface="HG丸ｺﾞｼｯｸM-PRO" pitchFamily="50" charset="-128"/>
              </a:rPr>
              <a:t>効果</a:t>
            </a:r>
          </a:p>
        </p:txBody>
      </p:sp>
      <p:sp>
        <p:nvSpPr>
          <p:cNvPr id="26" name="角丸四角形 13">
            <a:extLst>
              <a:ext uri="{FF2B5EF4-FFF2-40B4-BE49-F238E27FC236}">
                <a16:creationId xmlns:a16="http://schemas.microsoft.com/office/drawing/2014/main" id="{3A6CD73E-8DE4-9FE5-C84E-0064DCA424E5}"/>
              </a:ext>
            </a:extLst>
          </p:cNvPr>
          <p:cNvSpPr/>
          <p:nvPr/>
        </p:nvSpPr>
        <p:spPr>
          <a:xfrm>
            <a:off x="1057695" y="2751828"/>
            <a:ext cx="8856835" cy="541934"/>
          </a:xfrm>
          <a:prstGeom prst="roundRect">
            <a:avLst>
              <a:gd name="adj" fmla="val 6545"/>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88900" indent="-88900">
              <a:lnSpc>
                <a:spcPts val="2000"/>
              </a:lnSpc>
              <a:defRPr/>
            </a:pPr>
            <a:r>
              <a:rPr lang="ja-JP" altLang="en-US" sz="1400" dirty="0">
                <a:solidFill>
                  <a:schemeClr val="tx1"/>
                </a:solidFill>
              </a:rPr>
              <a:t>・包括委託の実施による効果として、</a:t>
            </a:r>
            <a:r>
              <a:rPr lang="en-US" altLang="ja-JP" sz="1400" dirty="0">
                <a:solidFill>
                  <a:schemeClr val="tx1"/>
                </a:solidFill>
              </a:rPr>
              <a:t>2017</a:t>
            </a:r>
            <a:r>
              <a:rPr lang="ja-JP" altLang="en-US" sz="1400" dirty="0">
                <a:solidFill>
                  <a:schemeClr val="tx1"/>
                </a:solidFill>
              </a:rPr>
              <a:t>年度からの</a:t>
            </a:r>
            <a:r>
              <a:rPr lang="en-US" altLang="ja-JP" sz="1400" dirty="0">
                <a:solidFill>
                  <a:schemeClr val="tx1"/>
                </a:solidFill>
              </a:rPr>
              <a:t>5</a:t>
            </a:r>
            <a:r>
              <a:rPr lang="ja-JP" altLang="en-US" sz="1400" dirty="0">
                <a:solidFill>
                  <a:schemeClr val="tx1"/>
                </a:solidFill>
              </a:rPr>
              <a:t>年間で約</a:t>
            </a:r>
            <a:r>
              <a:rPr lang="en-US" altLang="ja-JP" sz="1400" dirty="0">
                <a:solidFill>
                  <a:schemeClr val="tx1"/>
                </a:solidFill>
              </a:rPr>
              <a:t>55</a:t>
            </a:r>
            <a:r>
              <a:rPr lang="ja-JP" altLang="en-US" sz="1400" dirty="0">
                <a:solidFill>
                  <a:schemeClr val="tx1"/>
                </a:solidFill>
              </a:rPr>
              <a:t>億円の人件費相当額を縮減</a:t>
            </a:r>
            <a:r>
              <a:rPr lang="ja-JP" altLang="en-US" sz="1100" dirty="0">
                <a:solidFill>
                  <a:schemeClr val="tx1"/>
                </a:solidFill>
              </a:rPr>
              <a:t>（上下分離実施前との比較）</a:t>
            </a:r>
            <a:endParaRPr lang="en-US" altLang="ja-JP" sz="1100" dirty="0">
              <a:solidFill>
                <a:schemeClr val="tx1"/>
              </a:solidFill>
            </a:endParaRPr>
          </a:p>
          <a:p>
            <a:pPr marL="88900" indent="-88900">
              <a:lnSpc>
                <a:spcPts val="2000"/>
              </a:lnSpc>
              <a:defRPr/>
            </a:pPr>
            <a:r>
              <a:rPr lang="ja-JP" altLang="en-US" sz="1400" dirty="0">
                <a:solidFill>
                  <a:schemeClr val="tx1"/>
                </a:solidFill>
              </a:rPr>
              <a:t>・長期的な包括委託の実施による効果として、</a:t>
            </a:r>
            <a:r>
              <a:rPr lang="en-US" altLang="ja-JP" sz="1400" dirty="0">
                <a:solidFill>
                  <a:schemeClr val="tx1"/>
                </a:solidFill>
              </a:rPr>
              <a:t>2022</a:t>
            </a:r>
            <a:r>
              <a:rPr lang="ja-JP" altLang="en-US" sz="1400" dirty="0">
                <a:solidFill>
                  <a:schemeClr val="tx1"/>
                </a:solidFill>
              </a:rPr>
              <a:t>年度からの</a:t>
            </a:r>
            <a:r>
              <a:rPr lang="en-US" altLang="ja-JP" sz="1400" dirty="0">
                <a:solidFill>
                  <a:schemeClr val="tx1"/>
                </a:solidFill>
                <a:highlight>
                  <a:srgbClr val="FFFF00"/>
                </a:highlight>
              </a:rPr>
              <a:t>20</a:t>
            </a:r>
            <a:r>
              <a:rPr lang="ja-JP" altLang="en-US" sz="1400" dirty="0">
                <a:solidFill>
                  <a:schemeClr val="tx1"/>
                </a:solidFill>
                <a:highlight>
                  <a:srgbClr val="FFFF00"/>
                </a:highlight>
              </a:rPr>
              <a:t>年間で約</a:t>
            </a:r>
            <a:r>
              <a:rPr lang="en-US" altLang="ja-JP" sz="1400" dirty="0">
                <a:solidFill>
                  <a:schemeClr val="tx1"/>
                </a:solidFill>
                <a:highlight>
                  <a:srgbClr val="FFFF00"/>
                </a:highlight>
              </a:rPr>
              <a:t>320</a:t>
            </a:r>
            <a:r>
              <a:rPr lang="ja-JP" altLang="en-US" sz="1400" dirty="0">
                <a:solidFill>
                  <a:schemeClr val="tx1"/>
                </a:solidFill>
                <a:highlight>
                  <a:srgbClr val="FFFF00"/>
                </a:highlight>
              </a:rPr>
              <a:t>億円のコスト縮減</a:t>
            </a:r>
            <a:r>
              <a:rPr lang="ja-JP" altLang="en-US" sz="1400" dirty="0">
                <a:solidFill>
                  <a:schemeClr val="tx1"/>
                </a:solidFill>
              </a:rPr>
              <a:t>を図る</a:t>
            </a:r>
            <a:endParaRPr lang="ja-JP" altLang="en-US" sz="1100" dirty="0">
              <a:solidFill>
                <a:schemeClr val="tx1"/>
              </a:solidFill>
            </a:endParaRPr>
          </a:p>
        </p:txBody>
      </p:sp>
      <p:pic>
        <p:nvPicPr>
          <p:cNvPr id="27" name="図 26">
            <a:extLst>
              <a:ext uri="{FF2B5EF4-FFF2-40B4-BE49-F238E27FC236}">
                <a16:creationId xmlns:a16="http://schemas.microsoft.com/office/drawing/2014/main" id="{607D53A2-CD58-C3C7-6CE8-A61610685F0F}"/>
              </a:ext>
            </a:extLst>
          </p:cNvPr>
          <p:cNvPicPr>
            <a:picLocks noChangeAspect="1"/>
          </p:cNvPicPr>
          <p:nvPr/>
        </p:nvPicPr>
        <p:blipFill>
          <a:blip r:embed="rId3">
            <a:extLst>
              <a:ext uri="{28A0092B-C50C-407E-A947-70E740481C1C}">
                <a14:useLocalDpi xmlns:a14="http://schemas.microsoft.com/office/drawing/2010/main" val="0"/>
              </a:ext>
            </a:extLst>
          </a:blip>
          <a:srcRect b="11755"/>
          <a:stretch/>
        </p:blipFill>
        <p:spPr>
          <a:xfrm>
            <a:off x="1057695" y="3345596"/>
            <a:ext cx="8848305" cy="2704358"/>
          </a:xfrm>
          <a:prstGeom prst="rect">
            <a:avLst/>
          </a:prstGeom>
        </p:spPr>
      </p:pic>
      <p:sp>
        <p:nvSpPr>
          <p:cNvPr id="28" name="テキスト ボックス 27">
            <a:extLst>
              <a:ext uri="{FF2B5EF4-FFF2-40B4-BE49-F238E27FC236}">
                <a16:creationId xmlns:a16="http://schemas.microsoft.com/office/drawing/2014/main" id="{CB67450A-1C1D-EF7B-1873-FE1156ACF522}"/>
              </a:ext>
            </a:extLst>
          </p:cNvPr>
          <p:cNvSpPr txBox="1"/>
          <p:nvPr/>
        </p:nvSpPr>
        <p:spPr>
          <a:xfrm>
            <a:off x="7116546" y="2013164"/>
            <a:ext cx="2430010" cy="738664"/>
          </a:xfrm>
          <a:prstGeom prst="rect">
            <a:avLst/>
          </a:prstGeom>
          <a:solidFill>
            <a:schemeClr val="accent4">
              <a:lumMod val="20000"/>
              <a:lumOff val="80000"/>
            </a:schemeClr>
          </a:solidFill>
          <a:ln>
            <a:solidFill>
              <a:schemeClr val="tx1"/>
            </a:solidFill>
          </a:ln>
        </p:spPr>
        <p:txBody>
          <a:bodyPr wrap="square" rtlCol="0">
            <a:spAutoFit/>
          </a:bodyPr>
          <a:lstStyle/>
          <a:p>
            <a:r>
              <a:rPr kumimoji="1" lang="ja-JP" altLang="en-US" sz="1400" b="1" dirty="0">
                <a:solidFill>
                  <a:srgbClr val="FF0000"/>
                </a:solidFill>
              </a:rPr>
              <a:t>現時点での最も効率的な手法として、</a:t>
            </a:r>
            <a:r>
              <a:rPr kumimoji="1" lang="en-US" altLang="ja-JP" sz="1400" b="1" dirty="0">
                <a:solidFill>
                  <a:srgbClr val="FF0000"/>
                </a:solidFill>
              </a:rPr>
              <a:t>CWO</a:t>
            </a:r>
            <a:r>
              <a:rPr kumimoji="1" lang="ja-JP" altLang="en-US" sz="1400" b="1" dirty="0">
                <a:solidFill>
                  <a:srgbClr val="FF0000"/>
                </a:solidFill>
              </a:rPr>
              <a:t>を活用した長期契約による包括委託を採用</a:t>
            </a:r>
          </a:p>
        </p:txBody>
      </p:sp>
      <p:sp>
        <p:nvSpPr>
          <p:cNvPr id="29" name="矢印: 右 28">
            <a:extLst>
              <a:ext uri="{FF2B5EF4-FFF2-40B4-BE49-F238E27FC236}">
                <a16:creationId xmlns:a16="http://schemas.microsoft.com/office/drawing/2014/main" id="{9A7E9522-BC0E-386C-FE7A-778C6D3C183E}"/>
              </a:ext>
            </a:extLst>
          </p:cNvPr>
          <p:cNvSpPr/>
          <p:nvPr/>
        </p:nvSpPr>
        <p:spPr>
          <a:xfrm>
            <a:off x="6583749" y="2270338"/>
            <a:ext cx="438389" cy="381859"/>
          </a:xfrm>
          <a:prstGeom prst="rightArrow">
            <a:avLst/>
          </a:prstGeom>
        </p:spPr>
        <p:style>
          <a:lnRef idx="3">
            <a:schemeClr val="lt1"/>
          </a:lnRef>
          <a:fillRef idx="1">
            <a:schemeClr val="accent4"/>
          </a:fillRef>
          <a:effectRef idx="1">
            <a:schemeClr val="accent4"/>
          </a:effectRef>
          <a:fontRef idx="minor">
            <a:schemeClr val="lt1"/>
          </a:fontRef>
        </p:style>
        <p:txBody>
          <a:bodyPr rtlCol="0" anchor="ctr"/>
          <a:lstStyle/>
          <a:p>
            <a:pPr algn="ctr"/>
            <a:endParaRPr kumimoji="1" lang="ja-JP" altLang="en-US"/>
          </a:p>
        </p:txBody>
      </p:sp>
      <p:sp>
        <p:nvSpPr>
          <p:cNvPr id="20" name="Text Box 64">
            <a:extLst>
              <a:ext uri="{FF2B5EF4-FFF2-40B4-BE49-F238E27FC236}">
                <a16:creationId xmlns:a16="http://schemas.microsoft.com/office/drawing/2014/main" id="{9895E922-B484-A568-2E5E-B465F071CA6B}"/>
              </a:ext>
            </a:extLst>
          </p:cNvPr>
          <p:cNvSpPr txBox="1">
            <a:spLocks noChangeArrowheads="1"/>
          </p:cNvSpPr>
          <p:nvPr/>
        </p:nvSpPr>
        <p:spPr bwMode="auto">
          <a:xfrm>
            <a:off x="0" y="679142"/>
            <a:ext cx="9894750" cy="476209"/>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委託契約の概要（大阪市下水道事業の経営形態に関する実施計画）</a:t>
            </a:r>
          </a:p>
        </p:txBody>
      </p:sp>
      <p:sp>
        <p:nvSpPr>
          <p:cNvPr id="4" name="角丸四角形 17">
            <a:extLst>
              <a:ext uri="{FF2B5EF4-FFF2-40B4-BE49-F238E27FC236}">
                <a16:creationId xmlns:a16="http://schemas.microsoft.com/office/drawing/2014/main" id="{2C7B5E75-CFF6-A3C3-6E75-12271091D39C}"/>
              </a:ext>
            </a:extLst>
          </p:cNvPr>
          <p:cNvSpPr/>
          <p:nvPr/>
        </p:nvSpPr>
        <p:spPr>
          <a:xfrm>
            <a:off x="72908" y="96839"/>
            <a:ext cx="95282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２．</a:t>
            </a:r>
            <a:r>
              <a:rPr lang="zh-TW" altLang="en-US" sz="2275" dirty="0">
                <a:solidFill>
                  <a:schemeClr val="tx1"/>
                </a:solidFill>
                <a:latin typeface="HGPｺﾞｼｯｸE" panose="020B0900000000000000" pitchFamily="50" charset="-128"/>
                <a:ea typeface="HGPｺﾞｼｯｸE" panose="020B0900000000000000" pitchFamily="50" charset="-128"/>
              </a:rPr>
              <a:t>大阪市下水道施設包括的管理業務委託</a:t>
            </a:r>
            <a:r>
              <a:rPr lang="ja-JP" altLang="en-US" sz="2275" dirty="0">
                <a:solidFill>
                  <a:schemeClr val="tx1"/>
                </a:solidFill>
                <a:latin typeface="HGPｺﾞｼｯｸE" panose="020B0900000000000000" pitchFamily="50" charset="-128"/>
                <a:ea typeface="HGPｺﾞｼｯｸE" panose="020B0900000000000000" pitchFamily="50" charset="-128"/>
              </a:rPr>
              <a:t>の業務</a:t>
            </a:r>
            <a:r>
              <a:rPr lang="zh-TW" altLang="en-US" sz="2275" dirty="0">
                <a:solidFill>
                  <a:schemeClr val="tx1"/>
                </a:solidFill>
                <a:latin typeface="HGPｺﾞｼｯｸE" panose="020B0900000000000000" pitchFamily="50" charset="-128"/>
                <a:ea typeface="HGPｺﾞｼｯｸE" panose="020B0900000000000000" pitchFamily="50" charset="-128"/>
              </a:rPr>
              <a:t>内容</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41387767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800DECE-35D4-5DF0-2719-FF01CEF81D5B}"/>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81293DDD-1C16-FBC5-7F33-200E5B3241B7}"/>
              </a:ext>
            </a:extLst>
          </p:cNvPr>
          <p:cNvSpPr>
            <a:spLocks noGrp="1"/>
          </p:cNvSpPr>
          <p:nvPr>
            <p:ph type="sldNum" sz="quarter" idx="12"/>
          </p:nvPr>
        </p:nvSpPr>
        <p:spPr/>
        <p:txBody>
          <a:bodyPr/>
          <a:lstStyle/>
          <a:p>
            <a:fld id="{36EC18DB-A5DF-4E0E-B815-FCD04A2C4B2C}" type="slidenum">
              <a:rPr kumimoji="1" lang="ja-JP" altLang="en-US" smtClean="0"/>
              <a:t>11</a:t>
            </a:fld>
            <a:endParaRPr kumimoji="1" lang="ja-JP" altLang="en-US" dirty="0"/>
          </a:p>
        </p:txBody>
      </p:sp>
      <p:sp>
        <p:nvSpPr>
          <p:cNvPr id="17" name="Text Box 64">
            <a:extLst>
              <a:ext uri="{FF2B5EF4-FFF2-40B4-BE49-F238E27FC236}">
                <a16:creationId xmlns:a16="http://schemas.microsoft.com/office/drawing/2014/main" id="{9895E922-B484-A568-2E5E-B465F071CA6B}"/>
              </a:ext>
            </a:extLst>
          </p:cNvPr>
          <p:cNvSpPr txBox="1">
            <a:spLocks noChangeArrowheads="1"/>
          </p:cNvSpPr>
          <p:nvPr/>
        </p:nvSpPr>
        <p:spPr bwMode="auto">
          <a:xfrm>
            <a:off x="0" y="679142"/>
            <a:ext cx="9894750" cy="476209"/>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委託契約の概要（令和</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7</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年度からの</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W</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ー</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PPP</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導入）</a:t>
            </a:r>
          </a:p>
        </p:txBody>
      </p:sp>
      <p:sp>
        <p:nvSpPr>
          <p:cNvPr id="200" name="コンテンツ プレースホルダー 2">
            <a:extLst>
              <a:ext uri="{FF2B5EF4-FFF2-40B4-BE49-F238E27FC236}">
                <a16:creationId xmlns:a16="http://schemas.microsoft.com/office/drawing/2014/main" id="{F0E6E13D-6695-3815-B2D9-C5D54EE75237}"/>
              </a:ext>
            </a:extLst>
          </p:cNvPr>
          <p:cNvSpPr txBox="1">
            <a:spLocks/>
          </p:cNvSpPr>
          <p:nvPr/>
        </p:nvSpPr>
        <p:spPr>
          <a:xfrm>
            <a:off x="1452222" y="772986"/>
            <a:ext cx="9174469" cy="951562"/>
          </a:xfrm>
          <a:prstGeom prst="rect">
            <a:avLst/>
          </a:prstGeom>
        </p:spPr>
        <p:txBody>
          <a:bodyPr>
            <a:noAutofit/>
          </a:bodyPr>
          <a:lstStyle>
            <a:defPPr>
              <a:defRPr lang="ja-JP"/>
            </a:defPPr>
            <a:lvl1pPr marL="228600" indent="-228600">
              <a:lnSpc>
                <a:spcPct val="50000"/>
              </a:lnSpc>
              <a:spcBef>
                <a:spcPts val="600"/>
              </a:spcBef>
              <a:buFont typeface="Arial" panose="020B0604020202020204" pitchFamily="34" charset="0"/>
              <a:buNone/>
              <a:defRPr sz="1600">
                <a:latin typeface="HG丸ｺﾞｼｯｸM-PRO" pitchFamily="50" charset="-128"/>
                <a:ea typeface="HG丸ｺﾞｼｯｸM-PRO" pitchFamily="50" charset="-128"/>
              </a:defRPr>
            </a:lvl1pPr>
            <a:lvl2pPr marL="685800" indent="-228600">
              <a:lnSpc>
                <a:spcPct val="90000"/>
              </a:lnSpc>
              <a:spcBef>
                <a:spcPts val="500"/>
              </a:spcBef>
              <a:buFont typeface="Arial" panose="020B0604020202020204" pitchFamily="34" charset="0"/>
              <a:buChar char="•"/>
              <a:defRPr sz="2400"/>
            </a:lvl2pPr>
            <a:lvl3pPr marL="1143000" indent="-228600">
              <a:lnSpc>
                <a:spcPct val="90000"/>
              </a:lnSpc>
              <a:spcBef>
                <a:spcPts val="500"/>
              </a:spcBef>
              <a:buFont typeface="Arial" panose="020B0604020202020204" pitchFamily="34" charset="0"/>
              <a:buChar char="•"/>
              <a:defRPr sz="2000"/>
            </a:lvl3pPr>
            <a:lvl4pPr marL="1600200" indent="-228600">
              <a:lnSpc>
                <a:spcPct val="90000"/>
              </a:lnSpc>
              <a:spcBef>
                <a:spcPts val="500"/>
              </a:spcBef>
              <a:buFont typeface="Arial" panose="020B0604020202020204" pitchFamily="34" charset="0"/>
              <a:buChar char="•"/>
            </a:lvl4pPr>
            <a:lvl5pPr marL="2057400" indent="-228600">
              <a:lnSpc>
                <a:spcPct val="90000"/>
              </a:lnSpc>
              <a:spcBef>
                <a:spcPts val="500"/>
              </a:spcBef>
              <a:buFont typeface="Arial" panose="020B0604020202020204" pitchFamily="34" charset="0"/>
              <a:buChar char="•"/>
            </a:lvl5pPr>
            <a:lvl6pPr marL="2514600" indent="-228600">
              <a:lnSpc>
                <a:spcPct val="90000"/>
              </a:lnSpc>
              <a:spcBef>
                <a:spcPts val="500"/>
              </a:spcBef>
              <a:buFont typeface="Arial" panose="020B0604020202020204" pitchFamily="34" charset="0"/>
              <a:buChar char="•"/>
            </a:lvl6pPr>
            <a:lvl7pPr marL="2971800" indent="-228600">
              <a:lnSpc>
                <a:spcPct val="90000"/>
              </a:lnSpc>
              <a:spcBef>
                <a:spcPts val="500"/>
              </a:spcBef>
              <a:buFont typeface="Arial" panose="020B0604020202020204" pitchFamily="34" charset="0"/>
              <a:buChar char="•"/>
            </a:lvl7pPr>
            <a:lvl8pPr marL="3429000" indent="-228600">
              <a:lnSpc>
                <a:spcPct val="90000"/>
              </a:lnSpc>
              <a:spcBef>
                <a:spcPts val="500"/>
              </a:spcBef>
              <a:buFont typeface="Arial" panose="020B0604020202020204" pitchFamily="34" charset="0"/>
              <a:buChar char="•"/>
            </a:lvl8pPr>
            <a:lvl9pPr marL="3886200" indent="-228600">
              <a:lnSpc>
                <a:spcPct val="90000"/>
              </a:lnSpc>
              <a:spcBef>
                <a:spcPts val="500"/>
              </a:spcBef>
              <a:buFont typeface="Arial" panose="020B0604020202020204" pitchFamily="34" charset="0"/>
              <a:buChar char="•"/>
            </a:lvl9pPr>
          </a:lstStyle>
          <a:p>
            <a:pPr>
              <a:spcBef>
                <a:spcPts val="1200"/>
              </a:spcBef>
            </a:pPr>
            <a:endParaRPr lang="en-US" altLang="ja-JP" dirty="0">
              <a:latin typeface="+mn-ea"/>
              <a:ea typeface="+mn-ea"/>
            </a:endParaRPr>
          </a:p>
        </p:txBody>
      </p:sp>
      <p:sp>
        <p:nvSpPr>
          <p:cNvPr id="8" name="正方形/長方形 7">
            <a:extLst>
              <a:ext uri="{FF2B5EF4-FFF2-40B4-BE49-F238E27FC236}">
                <a16:creationId xmlns:a16="http://schemas.microsoft.com/office/drawing/2014/main" id="{1397A7D4-F812-C1ED-DAB7-E7DE8EC5702F}"/>
              </a:ext>
            </a:extLst>
          </p:cNvPr>
          <p:cNvSpPr/>
          <p:nvPr/>
        </p:nvSpPr>
        <p:spPr>
          <a:xfrm>
            <a:off x="125712" y="2615496"/>
            <a:ext cx="9646805" cy="810710"/>
          </a:xfrm>
          <a:prstGeom prst="rect">
            <a:avLst/>
          </a:prstGeom>
          <a:solidFill>
            <a:schemeClr val="bg1"/>
          </a:solidFill>
          <a:ln w="2857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400" dirty="0">
              <a:solidFill>
                <a:schemeClr val="tx1"/>
              </a:solidFill>
            </a:endParaRPr>
          </a:p>
        </p:txBody>
      </p:sp>
      <p:sp>
        <p:nvSpPr>
          <p:cNvPr id="14" name="四角形: 角を丸くする 13">
            <a:extLst>
              <a:ext uri="{FF2B5EF4-FFF2-40B4-BE49-F238E27FC236}">
                <a16:creationId xmlns:a16="http://schemas.microsoft.com/office/drawing/2014/main" id="{4E0A66EE-4222-72EC-5AF7-76D21ED238A5}"/>
              </a:ext>
            </a:extLst>
          </p:cNvPr>
          <p:cNvSpPr/>
          <p:nvPr/>
        </p:nvSpPr>
        <p:spPr>
          <a:xfrm>
            <a:off x="298924" y="2425293"/>
            <a:ext cx="3100556" cy="350478"/>
          </a:xfrm>
          <a:prstGeom prst="roundRect">
            <a:avLst>
              <a:gd name="adj" fmla="val 788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bg1"/>
                </a:solidFill>
              </a:rPr>
              <a:t>W</a:t>
            </a:r>
            <a:r>
              <a:rPr lang="ja-JP" altLang="en-US" sz="1400" b="1" dirty="0">
                <a:solidFill>
                  <a:schemeClr val="bg1"/>
                </a:solidFill>
              </a:rPr>
              <a:t>ー</a:t>
            </a:r>
            <a:r>
              <a:rPr lang="en-US" altLang="ja-JP" sz="1400" b="1" dirty="0">
                <a:solidFill>
                  <a:schemeClr val="bg1"/>
                </a:solidFill>
              </a:rPr>
              <a:t>PPP</a:t>
            </a:r>
            <a:r>
              <a:rPr lang="ja-JP" altLang="en-US" sz="1400" b="1" dirty="0">
                <a:solidFill>
                  <a:schemeClr val="bg1"/>
                </a:solidFill>
              </a:rPr>
              <a:t>導入の必須条件</a:t>
            </a:r>
            <a:endParaRPr lang="en-US" altLang="ja-JP" sz="1400" b="1" dirty="0"/>
          </a:p>
        </p:txBody>
      </p:sp>
      <p:sp>
        <p:nvSpPr>
          <p:cNvPr id="15" name="テキスト ボックス 14">
            <a:extLst>
              <a:ext uri="{FF2B5EF4-FFF2-40B4-BE49-F238E27FC236}">
                <a16:creationId xmlns:a16="http://schemas.microsoft.com/office/drawing/2014/main" id="{3F23BF2C-DAC0-4C41-FC58-F41646099A88}"/>
              </a:ext>
            </a:extLst>
          </p:cNvPr>
          <p:cNvSpPr txBox="1"/>
          <p:nvPr/>
        </p:nvSpPr>
        <p:spPr>
          <a:xfrm>
            <a:off x="100524" y="2826042"/>
            <a:ext cx="9716592" cy="600164"/>
          </a:xfrm>
          <a:prstGeom prst="rect">
            <a:avLst/>
          </a:prstGeom>
          <a:noFill/>
        </p:spPr>
        <p:txBody>
          <a:bodyPr wrap="square">
            <a:spAutoFit/>
          </a:bodyPr>
          <a:lstStyle/>
          <a:p>
            <a:pPr marL="342900" indent="-342900">
              <a:spcAft>
                <a:spcPts val="600"/>
              </a:spcAft>
              <a:buFont typeface="Wingdings" panose="05000000000000000000" pitchFamily="2" charset="2"/>
              <a:buChar char="l"/>
            </a:pPr>
            <a:r>
              <a:rPr lang="ja-JP" altLang="en-US" sz="1400" spc="-150" dirty="0"/>
              <a:t>下記</a:t>
            </a:r>
            <a:r>
              <a:rPr lang="ja-JP" altLang="en-US" sz="1400" spc="-150" dirty="0">
                <a:solidFill>
                  <a:schemeClr val="tx1"/>
                </a:solidFill>
              </a:rPr>
              <a:t>の①から④までの</a:t>
            </a:r>
            <a:r>
              <a:rPr lang="ja-JP" altLang="en-US" sz="1400" b="1" spc="-150" dirty="0">
                <a:solidFill>
                  <a:schemeClr val="accent1"/>
                </a:solidFill>
              </a:rPr>
              <a:t>４要件をすべて充足</a:t>
            </a:r>
            <a:r>
              <a:rPr lang="ja-JP" altLang="en-US" sz="1400" spc="-150" dirty="0">
                <a:solidFill>
                  <a:schemeClr val="tx1"/>
                </a:solidFill>
              </a:rPr>
              <a:t>する民間委託</a:t>
            </a:r>
            <a:endParaRPr lang="en-US" altLang="ja-JP" sz="1400" spc="-150" dirty="0">
              <a:solidFill>
                <a:schemeClr val="tx1"/>
              </a:solidFill>
            </a:endParaRPr>
          </a:p>
          <a:p>
            <a:pPr marL="342900" indent="-342900">
              <a:spcAft>
                <a:spcPts val="600"/>
              </a:spcAft>
              <a:buFont typeface="Wingdings" panose="05000000000000000000" pitchFamily="2" charset="2"/>
              <a:buChar char="l"/>
            </a:pPr>
            <a:r>
              <a:rPr lang="ja-JP" altLang="en-US" sz="1400" dirty="0"/>
              <a:t>対象施設・業務範囲の設定が、少なくとも一つの処理区の</a:t>
            </a:r>
            <a:r>
              <a:rPr lang="ja-JP" altLang="en-US" sz="1400" b="1" dirty="0">
                <a:solidFill>
                  <a:schemeClr val="accent1"/>
                </a:solidFill>
              </a:rPr>
              <a:t>すべての施設・業務ではない場合、客観的な情報に基づく説明が必要</a:t>
            </a:r>
            <a:endParaRPr lang="en-US" altLang="ja-JP" sz="1400" b="1" dirty="0">
              <a:solidFill>
                <a:schemeClr val="accent1"/>
              </a:solidFill>
            </a:endParaRPr>
          </a:p>
        </p:txBody>
      </p:sp>
      <p:sp>
        <p:nvSpPr>
          <p:cNvPr id="16" name="正方形/長方形 15">
            <a:extLst>
              <a:ext uri="{FF2B5EF4-FFF2-40B4-BE49-F238E27FC236}">
                <a16:creationId xmlns:a16="http://schemas.microsoft.com/office/drawing/2014/main" id="{494CA00F-14D7-E5AE-2D15-B9FFB010366C}"/>
              </a:ext>
            </a:extLst>
          </p:cNvPr>
          <p:cNvSpPr/>
          <p:nvPr/>
        </p:nvSpPr>
        <p:spPr>
          <a:xfrm>
            <a:off x="125712" y="1379015"/>
            <a:ext cx="9646805" cy="986398"/>
          </a:xfrm>
          <a:prstGeom prst="rect">
            <a:avLst/>
          </a:prstGeom>
          <a:solidFill>
            <a:schemeClr val="bg1"/>
          </a:solidFill>
          <a:ln w="2857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400" dirty="0">
              <a:solidFill>
                <a:schemeClr val="tx1"/>
              </a:solidFill>
            </a:endParaRPr>
          </a:p>
        </p:txBody>
      </p:sp>
      <p:sp>
        <p:nvSpPr>
          <p:cNvPr id="3" name="四角形: 角を丸くする 2">
            <a:extLst>
              <a:ext uri="{FF2B5EF4-FFF2-40B4-BE49-F238E27FC236}">
                <a16:creationId xmlns:a16="http://schemas.microsoft.com/office/drawing/2014/main" id="{EEFE6AD4-FF44-E2C1-86C0-5B697D75D9D1}"/>
              </a:ext>
            </a:extLst>
          </p:cNvPr>
          <p:cNvSpPr/>
          <p:nvPr/>
        </p:nvSpPr>
        <p:spPr>
          <a:xfrm>
            <a:off x="298924" y="1188812"/>
            <a:ext cx="3100556" cy="350478"/>
          </a:xfrm>
          <a:prstGeom prst="roundRect">
            <a:avLst>
              <a:gd name="adj" fmla="val 788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a:solidFill>
                  <a:schemeClr val="bg1"/>
                </a:solidFill>
              </a:rPr>
              <a:t>大阪市の包括委託について</a:t>
            </a:r>
            <a:endParaRPr lang="en-US" altLang="ja-JP" sz="1400" b="1" dirty="0"/>
          </a:p>
        </p:txBody>
      </p:sp>
      <p:sp>
        <p:nvSpPr>
          <p:cNvPr id="18" name="テキスト ボックス 17">
            <a:extLst>
              <a:ext uri="{FF2B5EF4-FFF2-40B4-BE49-F238E27FC236}">
                <a16:creationId xmlns:a16="http://schemas.microsoft.com/office/drawing/2014/main" id="{B6F10B48-E757-503A-B4CF-96C8A293888C}"/>
              </a:ext>
            </a:extLst>
          </p:cNvPr>
          <p:cNvSpPr txBox="1"/>
          <p:nvPr/>
        </p:nvSpPr>
        <p:spPr>
          <a:xfrm>
            <a:off x="112064" y="1549805"/>
            <a:ext cx="9512955" cy="815608"/>
          </a:xfrm>
          <a:prstGeom prst="rect">
            <a:avLst/>
          </a:prstGeom>
          <a:noFill/>
        </p:spPr>
        <p:txBody>
          <a:bodyPr wrap="square">
            <a:spAutoFit/>
          </a:bodyPr>
          <a:lstStyle/>
          <a:p>
            <a:pPr marL="342900" indent="-342900">
              <a:spcAft>
                <a:spcPts val="600"/>
              </a:spcAft>
              <a:buFont typeface="Wingdings" panose="05000000000000000000" pitchFamily="2" charset="2"/>
              <a:buChar char="l"/>
            </a:pPr>
            <a:r>
              <a:rPr lang="ja-JP" altLang="en-US" sz="1400" b="1" spc="-150" dirty="0">
                <a:solidFill>
                  <a:schemeClr val="accent1"/>
                </a:solidFill>
              </a:rPr>
              <a:t>市全体の管路、処理場、ポンプ場施設</a:t>
            </a:r>
            <a:r>
              <a:rPr lang="ja-JP" altLang="en-US" sz="1400" spc="-150" dirty="0"/>
              <a:t>の運転・維持管理から修繕計画作成・実施までを含む包括委託</a:t>
            </a:r>
            <a:r>
              <a:rPr lang="ja-JP" altLang="en-US" sz="1400" b="1" spc="-150" dirty="0">
                <a:solidFill>
                  <a:schemeClr val="accent1"/>
                </a:solidFill>
              </a:rPr>
              <a:t>（レベル３）</a:t>
            </a:r>
          </a:p>
          <a:p>
            <a:pPr marL="342900" indent="-342900">
              <a:spcAft>
                <a:spcPts val="600"/>
              </a:spcAft>
              <a:buFont typeface="Wingdings" panose="05000000000000000000" pitchFamily="2" charset="2"/>
              <a:buChar char="l"/>
            </a:pPr>
            <a:r>
              <a:rPr lang="ja-JP" altLang="en-US" sz="1400" spc="-150" dirty="0"/>
              <a:t>民間事業者へのヒアリングの結果、</a:t>
            </a:r>
            <a:r>
              <a:rPr lang="ja-JP" altLang="en-US" sz="1400" b="1" spc="-150" dirty="0">
                <a:solidFill>
                  <a:schemeClr val="accent1"/>
                </a:solidFill>
              </a:rPr>
              <a:t>市全体の施設の一体的な管理が可能な事業者はなく</a:t>
            </a:r>
            <a:r>
              <a:rPr lang="ja-JP" altLang="en-US" sz="1400" spc="-150" dirty="0"/>
              <a:t>、施設の</a:t>
            </a:r>
            <a:r>
              <a:rPr lang="ja-JP" altLang="en-US" sz="1400" b="1" spc="-150" dirty="0">
                <a:solidFill>
                  <a:schemeClr val="accent1"/>
                </a:solidFill>
              </a:rPr>
              <a:t>老朽化リスク、浸水リスクも限定的な対応</a:t>
            </a:r>
            <a:r>
              <a:rPr lang="ja-JP" altLang="en-US" sz="1400" spc="-150" dirty="0"/>
              <a:t>しかできないことから、</a:t>
            </a:r>
            <a:r>
              <a:rPr lang="en-US" altLang="ja-JP" sz="1400" spc="-150" dirty="0"/>
              <a:t>CWO</a:t>
            </a:r>
            <a:r>
              <a:rPr lang="ja-JP" altLang="en-US" sz="1400" spc="-150" dirty="0"/>
              <a:t>に随意契約</a:t>
            </a:r>
            <a:endParaRPr lang="ja-JP" altLang="en-US" sz="1400" b="1" spc="-150" dirty="0">
              <a:solidFill>
                <a:schemeClr val="accent1"/>
              </a:solidFill>
            </a:endParaRPr>
          </a:p>
        </p:txBody>
      </p:sp>
      <p:sp>
        <p:nvSpPr>
          <p:cNvPr id="19" name="正方形/長方形 18">
            <a:extLst>
              <a:ext uri="{FF2B5EF4-FFF2-40B4-BE49-F238E27FC236}">
                <a16:creationId xmlns:a16="http://schemas.microsoft.com/office/drawing/2014/main" id="{9919B4F4-D45B-27F4-9BD6-D10305A37B99}"/>
              </a:ext>
            </a:extLst>
          </p:cNvPr>
          <p:cNvSpPr/>
          <p:nvPr/>
        </p:nvSpPr>
        <p:spPr>
          <a:xfrm>
            <a:off x="124667" y="3648557"/>
            <a:ext cx="9647850" cy="2953897"/>
          </a:xfrm>
          <a:prstGeom prst="rect">
            <a:avLst/>
          </a:prstGeom>
          <a:solidFill>
            <a:schemeClr val="bg1"/>
          </a:solidFill>
          <a:ln w="2857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400" dirty="0">
              <a:solidFill>
                <a:schemeClr val="tx1"/>
              </a:solidFill>
            </a:endParaRPr>
          </a:p>
        </p:txBody>
      </p:sp>
      <p:sp>
        <p:nvSpPr>
          <p:cNvPr id="20" name="正方形/長方形 19">
            <a:extLst>
              <a:ext uri="{FF2B5EF4-FFF2-40B4-BE49-F238E27FC236}">
                <a16:creationId xmlns:a16="http://schemas.microsoft.com/office/drawing/2014/main" id="{77C47660-C9AF-1D0D-E5C5-CE0B82E78946}"/>
              </a:ext>
            </a:extLst>
          </p:cNvPr>
          <p:cNvSpPr/>
          <p:nvPr/>
        </p:nvSpPr>
        <p:spPr>
          <a:xfrm>
            <a:off x="193171" y="3895892"/>
            <a:ext cx="1116000" cy="1604668"/>
          </a:xfrm>
          <a:prstGeom prst="rect">
            <a:avLst/>
          </a:prstGeom>
          <a:solidFill>
            <a:schemeClr val="accent1"/>
          </a:solidFill>
          <a:ln>
            <a:solidFill>
              <a:schemeClr val="accent1"/>
            </a:solidFill>
          </a:ln>
        </p:spPr>
        <p:style>
          <a:lnRef idx="1">
            <a:schemeClr val="accent2"/>
          </a:lnRef>
          <a:fillRef idx="2">
            <a:schemeClr val="accent2"/>
          </a:fillRef>
          <a:effectRef idx="1">
            <a:schemeClr val="accent2"/>
          </a:effectRef>
          <a:fontRef idx="minor">
            <a:schemeClr val="dk1"/>
          </a:fontRef>
        </p:style>
        <p:txBody>
          <a:bodyPr rtlCol="0" anchor="ctr"/>
          <a:lstStyle/>
          <a:p>
            <a:pPr algn="ctr"/>
            <a:r>
              <a:rPr lang="en-US" altLang="ja-JP" sz="1400" b="1" dirty="0">
                <a:solidFill>
                  <a:schemeClr val="bg1"/>
                </a:solidFill>
              </a:rPr>
              <a:t>W</a:t>
            </a:r>
            <a:r>
              <a:rPr lang="ja-JP" altLang="en-US" sz="1400" b="1" dirty="0">
                <a:solidFill>
                  <a:schemeClr val="bg1"/>
                </a:solidFill>
              </a:rPr>
              <a:t>ー</a:t>
            </a:r>
            <a:r>
              <a:rPr lang="en-US" altLang="ja-JP" sz="1400" b="1" dirty="0">
                <a:solidFill>
                  <a:schemeClr val="bg1"/>
                </a:solidFill>
              </a:rPr>
              <a:t>PPP</a:t>
            </a:r>
            <a:r>
              <a:rPr lang="ja-JP" altLang="en-US" sz="1400" b="1" dirty="0">
                <a:solidFill>
                  <a:schemeClr val="bg1"/>
                </a:solidFill>
              </a:rPr>
              <a:t>の</a:t>
            </a:r>
            <a:endParaRPr lang="en-US" altLang="ja-JP" sz="1400" b="1" dirty="0">
              <a:solidFill>
                <a:schemeClr val="bg1"/>
              </a:solidFill>
            </a:endParaRPr>
          </a:p>
          <a:p>
            <a:pPr algn="ctr"/>
            <a:r>
              <a:rPr lang="ja-JP" altLang="en-US" sz="1400" b="1" dirty="0">
                <a:solidFill>
                  <a:schemeClr val="bg1"/>
                </a:solidFill>
              </a:rPr>
              <a:t>４要件</a:t>
            </a:r>
            <a:endParaRPr lang="en-US" altLang="ja-JP" sz="1100" dirty="0">
              <a:solidFill>
                <a:schemeClr val="bg1"/>
              </a:solidFill>
            </a:endParaRPr>
          </a:p>
        </p:txBody>
      </p:sp>
      <p:sp>
        <p:nvSpPr>
          <p:cNvPr id="4" name="正方形/長方形 3">
            <a:extLst>
              <a:ext uri="{FF2B5EF4-FFF2-40B4-BE49-F238E27FC236}">
                <a16:creationId xmlns:a16="http://schemas.microsoft.com/office/drawing/2014/main" id="{C7EB6B91-5724-CD4A-548B-B273E6D44781}"/>
              </a:ext>
            </a:extLst>
          </p:cNvPr>
          <p:cNvSpPr/>
          <p:nvPr/>
        </p:nvSpPr>
        <p:spPr>
          <a:xfrm>
            <a:off x="194809" y="5541761"/>
            <a:ext cx="1116000" cy="10361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客観的な</a:t>
            </a:r>
            <a:endParaRPr lang="en-US" altLang="ja-JP" sz="1400" b="1" dirty="0">
              <a:solidFill>
                <a:schemeClr val="bg1"/>
              </a:solidFill>
            </a:endParaRPr>
          </a:p>
          <a:p>
            <a:pPr algn="ctr"/>
            <a:r>
              <a:rPr lang="ja-JP" altLang="en-US" sz="1400" b="1" dirty="0">
                <a:solidFill>
                  <a:schemeClr val="bg1"/>
                </a:solidFill>
              </a:rPr>
              <a:t>情報に基づく</a:t>
            </a:r>
            <a:endParaRPr lang="en-US" altLang="ja-JP" sz="1400" b="1" dirty="0">
              <a:solidFill>
                <a:schemeClr val="bg1"/>
              </a:solidFill>
            </a:endParaRPr>
          </a:p>
          <a:p>
            <a:pPr algn="ctr"/>
            <a:r>
              <a:rPr lang="ja-JP" altLang="en-US" sz="1400" b="1" dirty="0">
                <a:solidFill>
                  <a:schemeClr val="bg1"/>
                </a:solidFill>
              </a:rPr>
              <a:t>説明</a:t>
            </a:r>
            <a:endParaRPr lang="en-US" altLang="ja-JP" sz="1400" b="1" dirty="0">
              <a:solidFill>
                <a:schemeClr val="bg1"/>
              </a:solidFill>
            </a:endParaRPr>
          </a:p>
        </p:txBody>
      </p:sp>
      <p:sp>
        <p:nvSpPr>
          <p:cNvPr id="6" name="四角形: 角を丸くする 5">
            <a:extLst>
              <a:ext uri="{FF2B5EF4-FFF2-40B4-BE49-F238E27FC236}">
                <a16:creationId xmlns:a16="http://schemas.microsoft.com/office/drawing/2014/main" id="{84BBA961-EB0F-D35D-88ED-D6B160E137C6}"/>
              </a:ext>
            </a:extLst>
          </p:cNvPr>
          <p:cNvSpPr/>
          <p:nvPr/>
        </p:nvSpPr>
        <p:spPr>
          <a:xfrm>
            <a:off x="298924" y="3496854"/>
            <a:ext cx="3496040" cy="350478"/>
          </a:xfrm>
          <a:prstGeom prst="roundRect">
            <a:avLst>
              <a:gd name="adj" fmla="val 788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a:solidFill>
                  <a:schemeClr val="bg1"/>
                </a:solidFill>
              </a:rPr>
              <a:t>市包括委託と</a:t>
            </a:r>
            <a:r>
              <a:rPr lang="en-US" altLang="ja-JP" sz="1400" b="1" dirty="0">
                <a:solidFill>
                  <a:schemeClr val="bg1"/>
                </a:solidFill>
              </a:rPr>
              <a:t>W</a:t>
            </a:r>
            <a:r>
              <a:rPr lang="ja-JP" altLang="en-US" sz="1400" b="1" dirty="0">
                <a:solidFill>
                  <a:schemeClr val="bg1"/>
                </a:solidFill>
              </a:rPr>
              <a:t>ー</a:t>
            </a:r>
            <a:r>
              <a:rPr lang="en-US" altLang="ja-JP" sz="1400" b="1" dirty="0">
                <a:solidFill>
                  <a:schemeClr val="bg1"/>
                </a:solidFill>
              </a:rPr>
              <a:t>PPP</a:t>
            </a:r>
            <a:r>
              <a:rPr lang="ja-JP" altLang="en-US" sz="1400" b="1" dirty="0">
                <a:solidFill>
                  <a:schemeClr val="bg1"/>
                </a:solidFill>
              </a:rPr>
              <a:t>の要件適合</a:t>
            </a:r>
            <a:endParaRPr lang="en-US" altLang="ja-JP" sz="1400" b="1" dirty="0"/>
          </a:p>
        </p:txBody>
      </p:sp>
      <p:sp>
        <p:nvSpPr>
          <p:cNvPr id="7" name="テキスト ボックス 6">
            <a:extLst>
              <a:ext uri="{FF2B5EF4-FFF2-40B4-BE49-F238E27FC236}">
                <a16:creationId xmlns:a16="http://schemas.microsoft.com/office/drawing/2014/main" id="{05155E1F-3C70-EE66-5689-665A4EF7559F}"/>
              </a:ext>
            </a:extLst>
          </p:cNvPr>
          <p:cNvSpPr txBox="1"/>
          <p:nvPr/>
        </p:nvSpPr>
        <p:spPr>
          <a:xfrm>
            <a:off x="1342943" y="5494458"/>
            <a:ext cx="8280000" cy="1107996"/>
          </a:xfrm>
          <a:prstGeom prst="rect">
            <a:avLst/>
          </a:prstGeom>
          <a:noFill/>
        </p:spPr>
        <p:txBody>
          <a:bodyPr wrap="square">
            <a:spAutoFit/>
          </a:bodyPr>
          <a:lstStyle/>
          <a:p>
            <a:pPr marL="285750" indent="-285750">
              <a:spcAft>
                <a:spcPts val="600"/>
              </a:spcAft>
              <a:buFont typeface="Wingdings" panose="05000000000000000000" pitchFamily="2" charset="2"/>
              <a:buChar char="l"/>
            </a:pPr>
            <a:r>
              <a:rPr lang="ja-JP" altLang="en-US" sz="1400" dirty="0">
                <a:solidFill>
                  <a:schemeClr val="tx2"/>
                </a:solidFill>
              </a:rPr>
              <a:t>現包括委託の事前検討として、</a:t>
            </a:r>
            <a:r>
              <a:rPr lang="ja-JP" altLang="en-US" sz="1400" b="1" dirty="0">
                <a:solidFill>
                  <a:schemeClr val="accent1"/>
                </a:solidFill>
              </a:rPr>
              <a:t>対象施設や業務範囲に関する民間事業者へのヒアリング</a:t>
            </a:r>
            <a:r>
              <a:rPr lang="ja-JP" altLang="en-US" sz="1400" dirty="0"/>
              <a:t>を実施（令和元年（</a:t>
            </a:r>
            <a:r>
              <a:rPr lang="en-US" altLang="ja-JP" sz="1400" dirty="0"/>
              <a:t>2019</a:t>
            </a:r>
            <a:r>
              <a:rPr lang="ja-JP" altLang="en-US" sz="1400" dirty="0"/>
              <a:t>年）</a:t>
            </a:r>
            <a:r>
              <a:rPr lang="en-US" altLang="ja-JP" sz="1400" dirty="0"/>
              <a:t>6</a:t>
            </a:r>
            <a:r>
              <a:rPr lang="ja-JP" altLang="en-US" sz="1400" dirty="0"/>
              <a:t>月～</a:t>
            </a:r>
            <a:r>
              <a:rPr lang="en-US" altLang="ja-JP" sz="1400" dirty="0"/>
              <a:t>9</a:t>
            </a:r>
            <a:r>
              <a:rPr lang="ja-JP" altLang="en-US" sz="1400" dirty="0"/>
              <a:t>月）</a:t>
            </a:r>
            <a:endParaRPr lang="en-US" altLang="ja-JP" sz="1400" dirty="0">
              <a:solidFill>
                <a:schemeClr val="tx2"/>
              </a:solidFill>
            </a:endParaRPr>
          </a:p>
          <a:p>
            <a:pPr marL="285750" indent="-285750">
              <a:spcAft>
                <a:spcPts val="600"/>
              </a:spcAft>
              <a:buFont typeface="Wingdings" panose="05000000000000000000" pitchFamily="2" charset="2"/>
              <a:buChar char="l"/>
            </a:pPr>
            <a:r>
              <a:rPr lang="ja-JP" altLang="en-US" sz="1400" dirty="0">
                <a:solidFill>
                  <a:schemeClr val="tx2"/>
                </a:solidFill>
              </a:rPr>
              <a:t>現包括委託の契約時に</a:t>
            </a:r>
            <a:r>
              <a:rPr lang="ja-JP" altLang="en-US" sz="1400" b="1" dirty="0">
                <a:solidFill>
                  <a:schemeClr val="accent1"/>
                </a:solidFill>
              </a:rPr>
              <a:t>コスト削減効果（</a:t>
            </a:r>
            <a:r>
              <a:rPr lang="en-US" altLang="ja-JP" sz="1400" b="1" dirty="0">
                <a:solidFill>
                  <a:schemeClr val="accent1"/>
                </a:solidFill>
              </a:rPr>
              <a:t>320</a:t>
            </a:r>
            <a:r>
              <a:rPr lang="ja-JP" altLang="en-US" sz="1400" b="1" dirty="0">
                <a:solidFill>
                  <a:schemeClr val="accent1"/>
                </a:solidFill>
              </a:rPr>
              <a:t>億円／</a:t>
            </a:r>
            <a:r>
              <a:rPr lang="en-US" altLang="ja-JP" sz="1400" b="1" dirty="0">
                <a:solidFill>
                  <a:schemeClr val="accent1"/>
                </a:solidFill>
              </a:rPr>
              <a:t>20</a:t>
            </a:r>
            <a:r>
              <a:rPr lang="ja-JP" altLang="en-US" sz="1400" b="1" dirty="0">
                <a:solidFill>
                  <a:schemeClr val="accent1"/>
                </a:solidFill>
              </a:rPr>
              <a:t>年）</a:t>
            </a:r>
            <a:r>
              <a:rPr lang="ja-JP" altLang="en-US" sz="1400" dirty="0">
                <a:solidFill>
                  <a:schemeClr val="tx2"/>
                </a:solidFill>
              </a:rPr>
              <a:t>を公表（令和</a:t>
            </a:r>
            <a:r>
              <a:rPr lang="en-US" altLang="ja-JP" sz="1400" dirty="0">
                <a:solidFill>
                  <a:schemeClr val="tx2"/>
                </a:solidFill>
              </a:rPr>
              <a:t>4</a:t>
            </a:r>
            <a:r>
              <a:rPr lang="ja-JP" altLang="en-US" sz="1400" dirty="0">
                <a:solidFill>
                  <a:schemeClr val="tx2"/>
                </a:solidFill>
              </a:rPr>
              <a:t>年（</a:t>
            </a:r>
            <a:r>
              <a:rPr lang="en-US" altLang="ja-JP" sz="1400" dirty="0">
                <a:solidFill>
                  <a:schemeClr val="tx2"/>
                </a:solidFill>
              </a:rPr>
              <a:t>2022</a:t>
            </a:r>
            <a:r>
              <a:rPr lang="ja-JP" altLang="en-US" sz="1400" dirty="0">
                <a:solidFill>
                  <a:schemeClr val="tx2"/>
                </a:solidFill>
              </a:rPr>
              <a:t>年）</a:t>
            </a:r>
            <a:r>
              <a:rPr lang="en-US" altLang="ja-JP" sz="1400" dirty="0">
                <a:solidFill>
                  <a:schemeClr val="tx2"/>
                </a:solidFill>
              </a:rPr>
              <a:t>2</a:t>
            </a:r>
            <a:r>
              <a:rPr lang="ja-JP" altLang="en-US" sz="1400" dirty="0">
                <a:solidFill>
                  <a:schemeClr val="tx2"/>
                </a:solidFill>
              </a:rPr>
              <a:t>月）</a:t>
            </a:r>
            <a:endParaRPr lang="en-US" altLang="ja-JP" sz="1400" dirty="0">
              <a:solidFill>
                <a:schemeClr val="tx2"/>
              </a:solidFill>
            </a:endParaRPr>
          </a:p>
          <a:p>
            <a:pPr marL="285750" indent="-285750">
              <a:spcAft>
                <a:spcPts val="600"/>
              </a:spcAft>
              <a:buFont typeface="Wingdings" panose="05000000000000000000" pitchFamily="2" charset="2"/>
              <a:buChar char="l"/>
            </a:pPr>
            <a:r>
              <a:rPr lang="ja-JP" altLang="en-US" sz="1400" b="1" dirty="0">
                <a:solidFill>
                  <a:schemeClr val="accent1"/>
                </a:solidFill>
              </a:rPr>
              <a:t>全</a:t>
            </a:r>
            <a:r>
              <a:rPr lang="en-US" altLang="ja-JP" sz="1400" b="1" dirty="0">
                <a:solidFill>
                  <a:schemeClr val="accent1"/>
                </a:solidFill>
              </a:rPr>
              <a:t>12</a:t>
            </a:r>
            <a:r>
              <a:rPr lang="ja-JP" altLang="en-US" sz="1400" b="1" dirty="0">
                <a:solidFill>
                  <a:schemeClr val="accent1"/>
                </a:solidFill>
              </a:rPr>
              <a:t>処理区の管路・処理場・ポンプ場のすべての施設を対象</a:t>
            </a:r>
            <a:r>
              <a:rPr lang="ja-JP" altLang="en-US" sz="1400" dirty="0">
                <a:solidFill>
                  <a:schemeClr val="tx2"/>
                </a:solidFill>
              </a:rPr>
              <a:t>とする</a:t>
            </a:r>
            <a:r>
              <a:rPr lang="ja-JP" altLang="en-US" sz="1100" dirty="0">
                <a:solidFill>
                  <a:schemeClr val="tx2"/>
                </a:solidFill>
              </a:rPr>
              <a:t>（</a:t>
            </a:r>
            <a:r>
              <a:rPr lang="en-US" altLang="ja-JP" sz="1100" dirty="0">
                <a:solidFill>
                  <a:schemeClr val="tx2"/>
                </a:solidFill>
              </a:rPr>
              <a:t>PFI</a:t>
            </a:r>
            <a:r>
              <a:rPr lang="ja-JP" altLang="en-US" sz="1100" dirty="0">
                <a:solidFill>
                  <a:schemeClr val="tx2"/>
                </a:solidFill>
              </a:rPr>
              <a:t>事業で実施している施設を除く）</a:t>
            </a:r>
            <a:endParaRPr lang="en-US" altLang="ja-JP" sz="1100" dirty="0">
              <a:solidFill>
                <a:schemeClr val="tx2"/>
              </a:solidFill>
            </a:endParaRPr>
          </a:p>
        </p:txBody>
      </p:sp>
      <p:graphicFrame>
        <p:nvGraphicFramePr>
          <p:cNvPr id="9" name="表 18">
            <a:extLst>
              <a:ext uri="{FF2B5EF4-FFF2-40B4-BE49-F238E27FC236}">
                <a16:creationId xmlns:a16="http://schemas.microsoft.com/office/drawing/2014/main" id="{EC3BE341-F3AB-BCDD-C888-CE93F739535E}"/>
              </a:ext>
            </a:extLst>
          </p:cNvPr>
          <p:cNvGraphicFramePr>
            <a:graphicFrameLocks noGrp="1"/>
          </p:cNvGraphicFramePr>
          <p:nvPr>
            <p:extLst>
              <p:ext uri="{D42A27DB-BD31-4B8C-83A1-F6EECF244321}">
                <p14:modId xmlns:p14="http://schemas.microsoft.com/office/powerpoint/2010/main" val="1388765957"/>
              </p:ext>
            </p:extLst>
          </p:nvPr>
        </p:nvGraphicFramePr>
        <p:xfrm>
          <a:off x="1360151" y="3899189"/>
          <a:ext cx="8316000" cy="1584960"/>
        </p:xfrm>
        <a:graphic>
          <a:graphicData uri="http://schemas.openxmlformats.org/drawingml/2006/table">
            <a:tbl>
              <a:tblPr firstRow="1" bandRow="1">
                <a:tableStyleId>{69012ECD-51FC-41F1-AA8D-1B2483CD663E}</a:tableStyleId>
              </a:tblPr>
              <a:tblGrid>
                <a:gridCol w="2556000">
                  <a:extLst>
                    <a:ext uri="{9D8B030D-6E8A-4147-A177-3AD203B41FA5}">
                      <a16:colId xmlns:a16="http://schemas.microsoft.com/office/drawing/2014/main" val="4187279318"/>
                    </a:ext>
                  </a:extLst>
                </a:gridCol>
                <a:gridCol w="1980000">
                  <a:extLst>
                    <a:ext uri="{9D8B030D-6E8A-4147-A177-3AD203B41FA5}">
                      <a16:colId xmlns:a16="http://schemas.microsoft.com/office/drawing/2014/main" val="828778262"/>
                    </a:ext>
                  </a:extLst>
                </a:gridCol>
                <a:gridCol w="3780000">
                  <a:extLst>
                    <a:ext uri="{9D8B030D-6E8A-4147-A177-3AD203B41FA5}">
                      <a16:colId xmlns:a16="http://schemas.microsoft.com/office/drawing/2014/main" val="540920938"/>
                    </a:ext>
                  </a:extLst>
                </a:gridCol>
              </a:tblGrid>
              <a:tr h="0">
                <a:tc>
                  <a:txBody>
                    <a:bodyPr/>
                    <a:lstStyle/>
                    <a:p>
                      <a:pPr algn="ctr"/>
                      <a:r>
                        <a:rPr kumimoji="1" lang="ja-JP" altLang="en-US" dirty="0"/>
                        <a:t>要件</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dirty="0"/>
                        <a:t>現包括委託</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dirty="0"/>
                        <a:t>対応</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067782265"/>
                  </a:ext>
                </a:extLst>
              </a:tr>
              <a:tr h="0">
                <a:tc>
                  <a:txBody>
                    <a:bodyPr/>
                    <a:lstStyle/>
                    <a:p>
                      <a:r>
                        <a:rPr kumimoji="1" lang="ja-JP" altLang="en-US" sz="1400" dirty="0"/>
                        <a:t>①長期契約（原則</a:t>
                      </a:r>
                      <a:r>
                        <a:rPr kumimoji="1" lang="en-US" altLang="ja-JP" sz="1400" dirty="0"/>
                        <a:t>10</a:t>
                      </a:r>
                      <a:r>
                        <a:rPr kumimoji="1" lang="ja-JP" altLang="en-US" sz="1400" dirty="0"/>
                        <a:t>年）</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en-US" altLang="ja-JP" sz="1400" b="1" dirty="0">
                          <a:solidFill>
                            <a:schemeClr val="accent1"/>
                          </a:solidFill>
                        </a:rPr>
                        <a:t>×</a:t>
                      </a:r>
                      <a:r>
                        <a:rPr kumimoji="1" lang="ja-JP" altLang="en-US" sz="1400" dirty="0"/>
                        <a:t>：</a:t>
                      </a:r>
                      <a:r>
                        <a:rPr kumimoji="1" lang="en-US" altLang="ja-JP" sz="1400" dirty="0"/>
                        <a:t>20</a:t>
                      </a:r>
                      <a:r>
                        <a:rPr kumimoji="1" lang="ja-JP" altLang="en-US" sz="1400" dirty="0"/>
                        <a:t>年契約</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1400" b="1" dirty="0">
                          <a:solidFill>
                            <a:schemeClr val="accent1"/>
                          </a:solidFill>
                        </a:rPr>
                        <a:t>事業期間の例外（コンセッションの導入公表済）</a:t>
                      </a:r>
                      <a:endParaRPr kumimoji="1" lang="ja-JP" altLang="en-US" sz="1400" dirty="0"/>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304128840"/>
                  </a:ext>
                </a:extLst>
              </a:tr>
              <a:tr h="0">
                <a:tc>
                  <a:txBody>
                    <a:bodyPr/>
                    <a:lstStyle/>
                    <a:p>
                      <a:r>
                        <a:rPr kumimoji="1" lang="ja-JP" altLang="en-US" sz="1400" dirty="0"/>
                        <a:t>②性能発注</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1400" dirty="0"/>
                        <a:t>〇：放流水質など</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1400" dirty="0"/>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639712225"/>
                  </a:ext>
                </a:extLst>
              </a:tr>
              <a:tr h="0">
                <a:tc>
                  <a:txBody>
                    <a:bodyPr/>
                    <a:lstStyle/>
                    <a:p>
                      <a:r>
                        <a:rPr kumimoji="1" lang="ja-JP" altLang="en-US" sz="1400" dirty="0"/>
                        <a:t>③</a:t>
                      </a:r>
                      <a:r>
                        <a:rPr kumimoji="1" lang="ja-JP" altLang="en-US" sz="1200" dirty="0"/>
                        <a:t>維持管理と更新の一体マネジメント</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en-US" altLang="ja-JP" sz="1400" b="1" dirty="0">
                          <a:solidFill>
                            <a:schemeClr val="accent1"/>
                          </a:solidFill>
                        </a:rPr>
                        <a:t>×</a:t>
                      </a:r>
                      <a:r>
                        <a:rPr kumimoji="1" lang="ja-JP" altLang="en-US" sz="1400" dirty="0"/>
                        <a:t>：更新計画を含まず</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1400" b="1" dirty="0">
                          <a:solidFill>
                            <a:srgbClr val="FF0000"/>
                          </a:solidFill>
                        </a:rPr>
                        <a:t>更新計画作成業務を追加</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531986751"/>
                  </a:ext>
                </a:extLst>
              </a:tr>
              <a:tr h="0">
                <a:tc>
                  <a:txBody>
                    <a:bodyPr/>
                    <a:lstStyle/>
                    <a:p>
                      <a:r>
                        <a:rPr kumimoji="1" lang="ja-JP" altLang="en-US" sz="1400" dirty="0"/>
                        <a:t>④プロフィットシェア</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1400" dirty="0"/>
                        <a:t>〇：低減額の</a:t>
                      </a:r>
                      <a:r>
                        <a:rPr kumimoji="1" lang="en-US" altLang="ja-JP" sz="1400" dirty="0"/>
                        <a:t>1/2</a:t>
                      </a:r>
                      <a:r>
                        <a:rPr kumimoji="1" lang="ja-JP" altLang="en-US" sz="1400" dirty="0"/>
                        <a:t>を配分</a:t>
                      </a:r>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1400" dirty="0"/>
                    </a:p>
                  </a:txBody>
                  <a:tcP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187112026"/>
                  </a:ext>
                </a:extLst>
              </a:tr>
            </a:tbl>
          </a:graphicData>
        </a:graphic>
      </p:graphicFrame>
      <p:sp>
        <p:nvSpPr>
          <p:cNvPr id="11" name="正方形/長方形 10">
            <a:extLst>
              <a:ext uri="{FF2B5EF4-FFF2-40B4-BE49-F238E27FC236}">
                <a16:creationId xmlns:a16="http://schemas.microsoft.com/office/drawing/2014/main" id="{F395F5BE-7E84-C137-FA3D-55A29609F550}"/>
              </a:ext>
            </a:extLst>
          </p:cNvPr>
          <p:cNvSpPr/>
          <p:nvPr/>
        </p:nvSpPr>
        <p:spPr>
          <a:xfrm>
            <a:off x="5883215" y="3899924"/>
            <a:ext cx="3792936" cy="1570058"/>
          </a:xfrm>
          <a:prstGeom prst="rect">
            <a:avLst/>
          </a:prstGeom>
          <a:noFill/>
          <a:ln w="381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角丸四角形 17">
            <a:extLst>
              <a:ext uri="{FF2B5EF4-FFF2-40B4-BE49-F238E27FC236}">
                <a16:creationId xmlns:a16="http://schemas.microsoft.com/office/drawing/2014/main" id="{5B3B9BFA-C47D-BBEB-7600-9E18D0685800}"/>
              </a:ext>
            </a:extLst>
          </p:cNvPr>
          <p:cNvSpPr/>
          <p:nvPr/>
        </p:nvSpPr>
        <p:spPr>
          <a:xfrm>
            <a:off x="72908" y="96839"/>
            <a:ext cx="95282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２．</a:t>
            </a:r>
            <a:r>
              <a:rPr lang="zh-TW" altLang="en-US" sz="2275" dirty="0">
                <a:solidFill>
                  <a:schemeClr val="tx1"/>
                </a:solidFill>
                <a:latin typeface="HGPｺﾞｼｯｸE" panose="020B0900000000000000" pitchFamily="50" charset="-128"/>
                <a:ea typeface="HGPｺﾞｼｯｸE" panose="020B0900000000000000" pitchFamily="50" charset="-128"/>
              </a:rPr>
              <a:t>大阪市下水道施設包括的管理業務委託</a:t>
            </a:r>
            <a:r>
              <a:rPr lang="ja-JP" altLang="en-US" sz="2275" dirty="0">
                <a:solidFill>
                  <a:schemeClr val="tx1"/>
                </a:solidFill>
                <a:latin typeface="HGPｺﾞｼｯｸE" panose="020B0900000000000000" pitchFamily="50" charset="-128"/>
                <a:ea typeface="HGPｺﾞｼｯｸE" panose="020B0900000000000000" pitchFamily="50" charset="-128"/>
              </a:rPr>
              <a:t>の業務</a:t>
            </a:r>
            <a:r>
              <a:rPr lang="zh-TW" altLang="en-US" sz="2275" dirty="0">
                <a:solidFill>
                  <a:schemeClr val="tx1"/>
                </a:solidFill>
                <a:latin typeface="HGPｺﾞｼｯｸE" panose="020B0900000000000000" pitchFamily="50" charset="-128"/>
                <a:ea typeface="HGPｺﾞｼｯｸE" panose="020B0900000000000000" pitchFamily="50" charset="-128"/>
              </a:rPr>
              <a:t>内容</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303238600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0C39DF0-3FD1-49BC-FF06-8FA0422DF496}"/>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A4B78035-4C98-D936-F447-932E09B2AF7A}"/>
              </a:ext>
            </a:extLst>
          </p:cNvPr>
          <p:cNvSpPr>
            <a:spLocks noGrp="1"/>
          </p:cNvSpPr>
          <p:nvPr>
            <p:ph type="sldNum" sz="quarter" idx="12"/>
          </p:nvPr>
        </p:nvSpPr>
        <p:spPr/>
        <p:txBody>
          <a:bodyPr/>
          <a:lstStyle/>
          <a:p>
            <a:fld id="{36EC18DB-A5DF-4E0E-B815-FCD04A2C4B2C}" type="slidenum">
              <a:rPr kumimoji="1" lang="ja-JP" altLang="en-US" smtClean="0"/>
              <a:t>12</a:t>
            </a:fld>
            <a:endParaRPr kumimoji="1" lang="ja-JP" altLang="en-US" dirty="0"/>
          </a:p>
        </p:txBody>
      </p:sp>
      <p:cxnSp>
        <p:nvCxnSpPr>
          <p:cNvPr id="3" name="直線コネクタ 2">
            <a:extLst>
              <a:ext uri="{FF2B5EF4-FFF2-40B4-BE49-F238E27FC236}">
                <a16:creationId xmlns:a16="http://schemas.microsoft.com/office/drawing/2014/main" id="{EDD4032D-9798-9384-D538-5C9908844929}"/>
              </a:ext>
            </a:extLst>
          </p:cNvPr>
          <p:cNvCxnSpPr/>
          <p:nvPr/>
        </p:nvCxnSpPr>
        <p:spPr>
          <a:xfrm flipV="1">
            <a:off x="7356560" y="1905020"/>
            <a:ext cx="0" cy="3672000"/>
          </a:xfrm>
          <a:prstGeom prst="line">
            <a:avLst/>
          </a:prstGeom>
          <a:ln w="19050">
            <a:solidFill>
              <a:schemeClr val="accent4"/>
            </a:solidFill>
          </a:ln>
        </p:spPr>
        <p:style>
          <a:lnRef idx="1">
            <a:schemeClr val="accent1"/>
          </a:lnRef>
          <a:fillRef idx="0">
            <a:schemeClr val="accent1"/>
          </a:fillRef>
          <a:effectRef idx="0">
            <a:schemeClr val="accent1"/>
          </a:effectRef>
          <a:fontRef idx="minor">
            <a:schemeClr val="tx1"/>
          </a:fontRef>
        </p:style>
      </p:cxnSp>
      <p:cxnSp>
        <p:nvCxnSpPr>
          <p:cNvPr id="7" name="直線コネクタ 6">
            <a:extLst>
              <a:ext uri="{FF2B5EF4-FFF2-40B4-BE49-F238E27FC236}">
                <a16:creationId xmlns:a16="http://schemas.microsoft.com/office/drawing/2014/main" id="{761879DD-FC7B-4D1D-BE64-7BABE6ACA58A}"/>
              </a:ext>
            </a:extLst>
          </p:cNvPr>
          <p:cNvCxnSpPr/>
          <p:nvPr/>
        </p:nvCxnSpPr>
        <p:spPr>
          <a:xfrm flipV="1">
            <a:off x="1190678" y="1905020"/>
            <a:ext cx="0" cy="3672000"/>
          </a:xfrm>
          <a:prstGeom prst="line">
            <a:avLst/>
          </a:prstGeom>
          <a:ln w="19050">
            <a:solidFill>
              <a:schemeClr val="accent4"/>
            </a:solidFill>
          </a:ln>
        </p:spPr>
        <p:style>
          <a:lnRef idx="1">
            <a:schemeClr val="accent1"/>
          </a:lnRef>
          <a:fillRef idx="0">
            <a:schemeClr val="accent1"/>
          </a:fillRef>
          <a:effectRef idx="0">
            <a:schemeClr val="accent1"/>
          </a:effectRef>
          <a:fontRef idx="minor">
            <a:schemeClr val="tx1"/>
          </a:fontRef>
        </p:style>
      </p:cxnSp>
      <p:cxnSp>
        <p:nvCxnSpPr>
          <p:cNvPr id="9" name="直線コネクタ 8">
            <a:extLst>
              <a:ext uri="{FF2B5EF4-FFF2-40B4-BE49-F238E27FC236}">
                <a16:creationId xmlns:a16="http://schemas.microsoft.com/office/drawing/2014/main" id="{87EDDA45-3710-AC75-FB73-4890BE78D40C}"/>
              </a:ext>
            </a:extLst>
          </p:cNvPr>
          <p:cNvCxnSpPr/>
          <p:nvPr/>
        </p:nvCxnSpPr>
        <p:spPr>
          <a:xfrm flipV="1">
            <a:off x="1564285" y="1893520"/>
            <a:ext cx="0" cy="3672000"/>
          </a:xfrm>
          <a:prstGeom prst="line">
            <a:avLst/>
          </a:prstGeom>
          <a:ln w="19050">
            <a:solidFill>
              <a:schemeClr val="accent4"/>
            </a:solidFill>
          </a:ln>
        </p:spPr>
        <p:style>
          <a:lnRef idx="1">
            <a:schemeClr val="accent1"/>
          </a:lnRef>
          <a:fillRef idx="0">
            <a:schemeClr val="accent1"/>
          </a:fillRef>
          <a:effectRef idx="0">
            <a:schemeClr val="accent1"/>
          </a:effectRef>
          <a:fontRef idx="minor">
            <a:schemeClr val="tx1"/>
          </a:fontRef>
        </p:style>
      </p:cxnSp>
      <p:sp>
        <p:nvSpPr>
          <p:cNvPr id="11" name="四角形: 角を丸くする 10">
            <a:extLst>
              <a:ext uri="{FF2B5EF4-FFF2-40B4-BE49-F238E27FC236}">
                <a16:creationId xmlns:a16="http://schemas.microsoft.com/office/drawing/2014/main" id="{4EAFC7FC-DFEB-4C71-974F-906A4400C4F9}"/>
              </a:ext>
            </a:extLst>
          </p:cNvPr>
          <p:cNvSpPr/>
          <p:nvPr/>
        </p:nvSpPr>
        <p:spPr>
          <a:xfrm>
            <a:off x="1190679" y="4651249"/>
            <a:ext cx="6147115" cy="280157"/>
          </a:xfrm>
          <a:prstGeom prst="roundRect">
            <a:avLst>
              <a:gd name="adj" fmla="val 27880"/>
            </a:avLst>
          </a:prstGeom>
          <a:ln w="19050"/>
        </p:spPr>
        <p:style>
          <a:lnRef idx="1">
            <a:schemeClr val="accent1"/>
          </a:lnRef>
          <a:fillRef idx="2">
            <a:schemeClr val="accent1"/>
          </a:fillRef>
          <a:effectRef idx="1">
            <a:schemeClr val="accent1"/>
          </a:effectRef>
          <a:fontRef idx="minor">
            <a:schemeClr val="dk1"/>
          </a:fontRef>
        </p:style>
        <p:txBody>
          <a:bodyPr rtlCol="0" anchor="ctr"/>
          <a:lstStyle/>
          <a:p>
            <a:pPr algn="ctr"/>
            <a:r>
              <a:rPr kumimoji="1" lang="ja-JP" altLang="en-US" b="1" dirty="0"/>
              <a:t>運転・維持管理</a:t>
            </a:r>
            <a:r>
              <a:rPr kumimoji="1" lang="ja-JP" altLang="en-US" sz="1400" b="1" dirty="0"/>
              <a:t>（管路・処理場・ポンプ場）</a:t>
            </a:r>
          </a:p>
        </p:txBody>
      </p:sp>
      <p:sp>
        <p:nvSpPr>
          <p:cNvPr id="12" name="四角形: 角を丸くする 11">
            <a:extLst>
              <a:ext uri="{FF2B5EF4-FFF2-40B4-BE49-F238E27FC236}">
                <a16:creationId xmlns:a16="http://schemas.microsoft.com/office/drawing/2014/main" id="{6506A37E-854C-1B29-A3B5-86813D830B23}"/>
              </a:ext>
            </a:extLst>
          </p:cNvPr>
          <p:cNvSpPr/>
          <p:nvPr/>
        </p:nvSpPr>
        <p:spPr>
          <a:xfrm>
            <a:off x="1190679" y="4310114"/>
            <a:ext cx="6165880" cy="280157"/>
          </a:xfrm>
          <a:prstGeom prst="roundRect">
            <a:avLst>
              <a:gd name="adj" fmla="val 27880"/>
            </a:avLst>
          </a:prstGeom>
          <a:ln w="19050"/>
        </p:spPr>
        <p:style>
          <a:lnRef idx="1">
            <a:schemeClr val="accent1"/>
          </a:lnRef>
          <a:fillRef idx="2">
            <a:schemeClr val="accent1"/>
          </a:fillRef>
          <a:effectRef idx="1">
            <a:schemeClr val="accent1"/>
          </a:effectRef>
          <a:fontRef idx="minor">
            <a:schemeClr val="dk1"/>
          </a:fontRef>
        </p:style>
        <p:txBody>
          <a:bodyPr rtlCol="0" anchor="ctr"/>
          <a:lstStyle/>
          <a:p>
            <a:pPr algn="ctr"/>
            <a:r>
              <a:rPr kumimoji="1" lang="ja-JP" altLang="en-US" b="1" dirty="0"/>
              <a:t>ユーティリティー調達</a:t>
            </a:r>
          </a:p>
        </p:txBody>
      </p:sp>
      <p:sp>
        <p:nvSpPr>
          <p:cNvPr id="13" name="四角形: 角を丸くする 12">
            <a:extLst>
              <a:ext uri="{FF2B5EF4-FFF2-40B4-BE49-F238E27FC236}">
                <a16:creationId xmlns:a16="http://schemas.microsoft.com/office/drawing/2014/main" id="{277172D3-B336-28D2-AFEA-4984564862B5}"/>
              </a:ext>
            </a:extLst>
          </p:cNvPr>
          <p:cNvSpPr/>
          <p:nvPr/>
        </p:nvSpPr>
        <p:spPr>
          <a:xfrm>
            <a:off x="1190678" y="3968979"/>
            <a:ext cx="6165881" cy="280157"/>
          </a:xfrm>
          <a:prstGeom prst="roundRect">
            <a:avLst>
              <a:gd name="adj" fmla="val 27880"/>
            </a:avLst>
          </a:prstGeom>
          <a:ln w="19050"/>
        </p:spPr>
        <p:style>
          <a:lnRef idx="1">
            <a:schemeClr val="accent1"/>
          </a:lnRef>
          <a:fillRef idx="2">
            <a:schemeClr val="accent1"/>
          </a:fillRef>
          <a:effectRef idx="1">
            <a:schemeClr val="accent1"/>
          </a:effectRef>
          <a:fontRef idx="minor">
            <a:schemeClr val="dk1"/>
          </a:fontRef>
        </p:style>
        <p:txBody>
          <a:bodyPr rtlCol="0" anchor="ctr"/>
          <a:lstStyle/>
          <a:p>
            <a:pPr algn="ctr"/>
            <a:r>
              <a:rPr kumimoji="1" lang="ja-JP" altLang="en-US" b="1" dirty="0"/>
              <a:t>修繕計画作成・実施</a:t>
            </a:r>
          </a:p>
        </p:txBody>
      </p:sp>
      <p:sp>
        <p:nvSpPr>
          <p:cNvPr id="14" name="正方形/長方形 13">
            <a:extLst>
              <a:ext uri="{FF2B5EF4-FFF2-40B4-BE49-F238E27FC236}">
                <a16:creationId xmlns:a16="http://schemas.microsoft.com/office/drawing/2014/main" id="{7A603374-01CC-AA94-129F-B1805E9C3BAF}"/>
              </a:ext>
            </a:extLst>
          </p:cNvPr>
          <p:cNvSpPr/>
          <p:nvPr/>
        </p:nvSpPr>
        <p:spPr>
          <a:xfrm>
            <a:off x="1122439" y="3873943"/>
            <a:ext cx="8305776" cy="1343178"/>
          </a:xfrm>
          <a:prstGeom prst="rect">
            <a:avLst/>
          </a:prstGeom>
          <a:noFill/>
          <a:ln w="19050">
            <a:solidFill>
              <a:schemeClr val="accent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テキスト ボックス 14">
            <a:extLst>
              <a:ext uri="{FF2B5EF4-FFF2-40B4-BE49-F238E27FC236}">
                <a16:creationId xmlns:a16="http://schemas.microsoft.com/office/drawing/2014/main" id="{FE91C259-CF27-E810-008C-A8229C17906E}"/>
              </a:ext>
            </a:extLst>
          </p:cNvPr>
          <p:cNvSpPr txBox="1"/>
          <p:nvPr/>
        </p:nvSpPr>
        <p:spPr>
          <a:xfrm>
            <a:off x="7230923" y="3900740"/>
            <a:ext cx="2197292" cy="307777"/>
          </a:xfrm>
          <a:prstGeom prst="rect">
            <a:avLst/>
          </a:prstGeom>
          <a:noFill/>
        </p:spPr>
        <p:txBody>
          <a:bodyPr wrap="square" rtlCol="0">
            <a:spAutoFit/>
          </a:bodyPr>
          <a:lstStyle/>
          <a:p>
            <a:pPr algn="r"/>
            <a:r>
              <a:rPr kumimoji="1" lang="ja-JP" altLang="en-US" sz="1400" dirty="0"/>
              <a:t>現包括委託の業務領域</a:t>
            </a:r>
          </a:p>
        </p:txBody>
      </p:sp>
      <p:sp>
        <p:nvSpPr>
          <p:cNvPr id="16" name="四角形: 角を丸くする 15">
            <a:extLst>
              <a:ext uri="{FF2B5EF4-FFF2-40B4-BE49-F238E27FC236}">
                <a16:creationId xmlns:a16="http://schemas.microsoft.com/office/drawing/2014/main" id="{E0391614-4391-4612-57D3-9AA03592B4B7}"/>
              </a:ext>
            </a:extLst>
          </p:cNvPr>
          <p:cNvSpPr/>
          <p:nvPr/>
        </p:nvSpPr>
        <p:spPr>
          <a:xfrm>
            <a:off x="1564286" y="3133097"/>
            <a:ext cx="5781793" cy="347291"/>
          </a:xfrm>
          <a:prstGeom prst="roundRect">
            <a:avLst>
              <a:gd name="adj" fmla="val 27880"/>
            </a:avLst>
          </a:prstGeom>
          <a:ln/>
        </p:spPr>
        <p:style>
          <a:lnRef idx="1">
            <a:schemeClr val="accent2"/>
          </a:lnRef>
          <a:fillRef idx="2">
            <a:schemeClr val="accent2"/>
          </a:fillRef>
          <a:effectRef idx="1">
            <a:schemeClr val="accent2"/>
          </a:effectRef>
          <a:fontRef idx="minor">
            <a:schemeClr val="dk1"/>
          </a:fontRef>
        </p:style>
        <p:txBody>
          <a:bodyPr rtlCol="0" anchor="ctr"/>
          <a:lstStyle/>
          <a:p>
            <a:r>
              <a:rPr kumimoji="1" lang="ja-JP" altLang="en-US" sz="1400" b="1" dirty="0"/>
              <a:t>　　　　　改築計画作成</a:t>
            </a:r>
            <a:r>
              <a:rPr kumimoji="1" lang="en-US" altLang="ja-JP" sz="1400" b="1" baseline="30000" dirty="0"/>
              <a:t>※</a:t>
            </a:r>
            <a:r>
              <a:rPr kumimoji="1" lang="ja-JP" altLang="en-US" sz="1400" b="1" dirty="0"/>
              <a:t>（処理場・ポンプ場設備）</a:t>
            </a:r>
          </a:p>
        </p:txBody>
      </p:sp>
      <p:sp>
        <p:nvSpPr>
          <p:cNvPr id="4" name="四角形: 角を丸くする 3">
            <a:extLst>
              <a:ext uri="{FF2B5EF4-FFF2-40B4-BE49-F238E27FC236}">
                <a16:creationId xmlns:a16="http://schemas.microsoft.com/office/drawing/2014/main" id="{64D8B9DB-48F9-1AEB-D700-34A0B12BAF76}"/>
              </a:ext>
            </a:extLst>
          </p:cNvPr>
          <p:cNvSpPr/>
          <p:nvPr/>
        </p:nvSpPr>
        <p:spPr>
          <a:xfrm>
            <a:off x="1564285" y="2732451"/>
            <a:ext cx="5802757" cy="347291"/>
          </a:xfrm>
          <a:prstGeom prst="roundRect">
            <a:avLst>
              <a:gd name="adj" fmla="val 27880"/>
            </a:avLst>
          </a:prstGeom>
          <a:ln/>
        </p:spPr>
        <p:style>
          <a:lnRef idx="1">
            <a:schemeClr val="accent2"/>
          </a:lnRef>
          <a:fillRef idx="2">
            <a:schemeClr val="accent2"/>
          </a:fillRef>
          <a:effectRef idx="1">
            <a:schemeClr val="accent2"/>
          </a:effectRef>
          <a:fontRef idx="minor">
            <a:schemeClr val="dk1"/>
          </a:fontRef>
        </p:style>
        <p:txBody>
          <a:bodyPr rtlCol="0" anchor="ctr"/>
          <a:lstStyle/>
          <a:p>
            <a:r>
              <a:rPr kumimoji="1" lang="ja-JP" altLang="en-US" sz="1400" b="1" dirty="0"/>
              <a:t>　　　　　改築計画作成</a:t>
            </a:r>
            <a:r>
              <a:rPr kumimoji="1" lang="en-US" altLang="ja-JP" sz="1400" b="1" baseline="30000" dirty="0"/>
              <a:t>※</a:t>
            </a:r>
            <a:r>
              <a:rPr kumimoji="1" lang="ja-JP" altLang="en-US" sz="1400" b="1" dirty="0"/>
              <a:t>・実施（管路のうち取付管・</a:t>
            </a:r>
            <a:r>
              <a:rPr kumimoji="1" lang="en-US" altLang="ja-JP" sz="1400" b="1" dirty="0"/>
              <a:t>MH</a:t>
            </a:r>
            <a:r>
              <a:rPr kumimoji="1" lang="ja-JP" altLang="en-US" sz="1400" b="1" dirty="0"/>
              <a:t>蓋）</a:t>
            </a:r>
          </a:p>
        </p:txBody>
      </p:sp>
      <p:sp>
        <p:nvSpPr>
          <p:cNvPr id="18" name="テキスト ボックス 17">
            <a:extLst>
              <a:ext uri="{FF2B5EF4-FFF2-40B4-BE49-F238E27FC236}">
                <a16:creationId xmlns:a16="http://schemas.microsoft.com/office/drawing/2014/main" id="{00FF0B00-7AF5-664D-2381-040C0A809EF2}"/>
              </a:ext>
            </a:extLst>
          </p:cNvPr>
          <p:cNvSpPr txBox="1"/>
          <p:nvPr/>
        </p:nvSpPr>
        <p:spPr>
          <a:xfrm>
            <a:off x="7717124" y="4323504"/>
            <a:ext cx="1729855" cy="523220"/>
          </a:xfrm>
          <a:prstGeom prst="rect">
            <a:avLst/>
          </a:prstGeom>
          <a:noFill/>
        </p:spPr>
        <p:txBody>
          <a:bodyPr wrap="square" rtlCol="0">
            <a:spAutoFit/>
          </a:bodyPr>
          <a:lstStyle/>
          <a:p>
            <a:r>
              <a:rPr kumimoji="1" lang="ja-JP" altLang="en-US" sz="1400" b="1" dirty="0"/>
              <a:t>②性能発注</a:t>
            </a:r>
            <a:endParaRPr kumimoji="1" lang="en-US" altLang="ja-JP" sz="1400" b="1" dirty="0"/>
          </a:p>
          <a:p>
            <a:r>
              <a:rPr lang="ja-JP" altLang="en-US" sz="1400" b="1" dirty="0"/>
              <a:t>④プロフィットシェア</a:t>
            </a:r>
            <a:endParaRPr kumimoji="1" lang="ja-JP" altLang="en-US" sz="1400" b="1" dirty="0"/>
          </a:p>
        </p:txBody>
      </p:sp>
      <p:cxnSp>
        <p:nvCxnSpPr>
          <p:cNvPr id="19" name="直線矢印コネクタ 18">
            <a:extLst>
              <a:ext uri="{FF2B5EF4-FFF2-40B4-BE49-F238E27FC236}">
                <a16:creationId xmlns:a16="http://schemas.microsoft.com/office/drawing/2014/main" id="{DF7F8E9D-A2A8-0E9A-51AF-A46D516E0BB3}"/>
              </a:ext>
            </a:extLst>
          </p:cNvPr>
          <p:cNvCxnSpPr>
            <a:cxnSpLocks/>
          </p:cNvCxnSpPr>
          <p:nvPr/>
        </p:nvCxnSpPr>
        <p:spPr>
          <a:xfrm>
            <a:off x="1190678" y="5376093"/>
            <a:ext cx="6165881" cy="0"/>
          </a:xfrm>
          <a:prstGeom prst="straightConnector1">
            <a:avLst/>
          </a:prstGeom>
          <a:ln w="28575">
            <a:headEnd type="arrow" w="lg" len="med"/>
            <a:tailEnd type="arrow" w="lg" len="med"/>
          </a:ln>
        </p:spPr>
        <p:style>
          <a:lnRef idx="1">
            <a:schemeClr val="accent1"/>
          </a:lnRef>
          <a:fillRef idx="0">
            <a:schemeClr val="accent1"/>
          </a:fillRef>
          <a:effectRef idx="0">
            <a:schemeClr val="accent1"/>
          </a:effectRef>
          <a:fontRef idx="minor">
            <a:schemeClr val="tx1"/>
          </a:fontRef>
        </p:style>
      </p:cxnSp>
      <p:sp>
        <p:nvSpPr>
          <p:cNvPr id="8" name="テキスト ボックス 7">
            <a:extLst>
              <a:ext uri="{FF2B5EF4-FFF2-40B4-BE49-F238E27FC236}">
                <a16:creationId xmlns:a16="http://schemas.microsoft.com/office/drawing/2014/main" id="{5F103B4C-5297-1DF1-1F6F-CA55F3E43A24}"/>
              </a:ext>
            </a:extLst>
          </p:cNvPr>
          <p:cNvSpPr txBox="1"/>
          <p:nvPr/>
        </p:nvSpPr>
        <p:spPr>
          <a:xfrm>
            <a:off x="2149489" y="5407479"/>
            <a:ext cx="4435523" cy="307777"/>
          </a:xfrm>
          <a:prstGeom prst="rect">
            <a:avLst/>
          </a:prstGeom>
          <a:noFill/>
        </p:spPr>
        <p:txBody>
          <a:bodyPr wrap="square" rtlCol="0">
            <a:spAutoFit/>
          </a:bodyPr>
          <a:lstStyle/>
          <a:p>
            <a:pPr algn="ctr"/>
            <a:r>
              <a:rPr kumimoji="1" lang="ja-JP" altLang="en-US" sz="1400" dirty="0"/>
              <a:t>契約期間：２０年</a:t>
            </a:r>
          </a:p>
        </p:txBody>
      </p:sp>
      <p:cxnSp>
        <p:nvCxnSpPr>
          <p:cNvPr id="31" name="直線矢印コネクタ 30">
            <a:extLst>
              <a:ext uri="{FF2B5EF4-FFF2-40B4-BE49-F238E27FC236}">
                <a16:creationId xmlns:a16="http://schemas.microsoft.com/office/drawing/2014/main" id="{3FD6575E-6FEE-0C97-0CD3-F3735C7489C5}"/>
              </a:ext>
            </a:extLst>
          </p:cNvPr>
          <p:cNvCxnSpPr>
            <a:cxnSpLocks/>
          </p:cNvCxnSpPr>
          <p:nvPr/>
        </p:nvCxnSpPr>
        <p:spPr>
          <a:xfrm>
            <a:off x="1564285" y="2620872"/>
            <a:ext cx="5773509" cy="0"/>
          </a:xfrm>
          <a:prstGeom prst="straightConnector1">
            <a:avLst/>
          </a:prstGeom>
          <a:ln w="28575">
            <a:solidFill>
              <a:schemeClr val="accent2"/>
            </a:solidFill>
            <a:headEnd type="arrow" w="lg" len="med"/>
            <a:tailEnd type="arrow" w="lg" len="med"/>
          </a:ln>
        </p:spPr>
        <p:style>
          <a:lnRef idx="1">
            <a:schemeClr val="accent1"/>
          </a:lnRef>
          <a:fillRef idx="0">
            <a:schemeClr val="accent1"/>
          </a:fillRef>
          <a:effectRef idx="0">
            <a:schemeClr val="accent1"/>
          </a:effectRef>
          <a:fontRef idx="minor">
            <a:schemeClr val="tx1"/>
          </a:fontRef>
        </p:style>
      </p:cxnSp>
      <p:sp>
        <p:nvSpPr>
          <p:cNvPr id="192" name="テキスト ボックス 191">
            <a:extLst>
              <a:ext uri="{FF2B5EF4-FFF2-40B4-BE49-F238E27FC236}">
                <a16:creationId xmlns:a16="http://schemas.microsoft.com/office/drawing/2014/main" id="{F792AD6F-F72B-D3BC-054A-D6073D1ECDCE}"/>
              </a:ext>
            </a:extLst>
          </p:cNvPr>
          <p:cNvSpPr txBox="1"/>
          <p:nvPr/>
        </p:nvSpPr>
        <p:spPr>
          <a:xfrm>
            <a:off x="1564285" y="2307041"/>
            <a:ext cx="2855366" cy="307777"/>
          </a:xfrm>
          <a:prstGeom prst="rect">
            <a:avLst/>
          </a:prstGeom>
          <a:noFill/>
        </p:spPr>
        <p:txBody>
          <a:bodyPr wrap="square" rtlCol="0">
            <a:spAutoFit/>
          </a:bodyPr>
          <a:lstStyle/>
          <a:p>
            <a:pPr algn="ctr"/>
            <a:r>
              <a:rPr kumimoji="1" lang="ja-JP" altLang="en-US" sz="1400" b="1" dirty="0"/>
              <a:t>①契約期間：１７年（特例）</a:t>
            </a:r>
          </a:p>
        </p:txBody>
      </p:sp>
      <p:sp>
        <p:nvSpPr>
          <p:cNvPr id="193" name="テキスト ボックス 192">
            <a:extLst>
              <a:ext uri="{FF2B5EF4-FFF2-40B4-BE49-F238E27FC236}">
                <a16:creationId xmlns:a16="http://schemas.microsoft.com/office/drawing/2014/main" id="{E02AA3B0-87D8-3879-E05E-D3F18C2FD292}"/>
              </a:ext>
            </a:extLst>
          </p:cNvPr>
          <p:cNvSpPr txBox="1"/>
          <p:nvPr/>
        </p:nvSpPr>
        <p:spPr>
          <a:xfrm>
            <a:off x="7537999" y="2661871"/>
            <a:ext cx="3151433" cy="523220"/>
          </a:xfrm>
          <a:prstGeom prst="rect">
            <a:avLst/>
          </a:prstGeom>
          <a:noFill/>
        </p:spPr>
        <p:txBody>
          <a:bodyPr wrap="square" rtlCol="0">
            <a:spAutoFit/>
          </a:bodyPr>
          <a:lstStyle/>
          <a:p>
            <a:r>
              <a:rPr kumimoji="1" lang="ja-JP" altLang="en-US" sz="1400" b="1" dirty="0"/>
              <a:t>③維持管理と更新の</a:t>
            </a:r>
            <a:endParaRPr kumimoji="1" lang="en-US" altLang="ja-JP" sz="1400" b="1" dirty="0"/>
          </a:p>
          <a:p>
            <a:r>
              <a:rPr kumimoji="1" lang="ja-JP" altLang="en-US" sz="1400" b="1" dirty="0"/>
              <a:t>一体マネジメント</a:t>
            </a:r>
          </a:p>
        </p:txBody>
      </p:sp>
      <p:sp>
        <p:nvSpPr>
          <p:cNvPr id="194" name="右中かっこ 193">
            <a:extLst>
              <a:ext uri="{FF2B5EF4-FFF2-40B4-BE49-F238E27FC236}">
                <a16:creationId xmlns:a16="http://schemas.microsoft.com/office/drawing/2014/main" id="{40EC8BA9-8075-DD27-A247-185358E3A083}"/>
              </a:ext>
            </a:extLst>
          </p:cNvPr>
          <p:cNvSpPr/>
          <p:nvPr/>
        </p:nvSpPr>
        <p:spPr>
          <a:xfrm>
            <a:off x="7449285" y="3975899"/>
            <a:ext cx="267839" cy="992413"/>
          </a:xfrm>
          <a:prstGeom prst="rightBrace">
            <a:avLst>
              <a:gd name="adj1" fmla="val 37601"/>
              <a:gd name="adj2" fmla="val 50000"/>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95" name="テキスト ボックス 194">
            <a:extLst>
              <a:ext uri="{FF2B5EF4-FFF2-40B4-BE49-F238E27FC236}">
                <a16:creationId xmlns:a16="http://schemas.microsoft.com/office/drawing/2014/main" id="{FE618950-D22D-50AE-6802-4FEB6D2E7D64}"/>
              </a:ext>
            </a:extLst>
          </p:cNvPr>
          <p:cNvSpPr txBox="1"/>
          <p:nvPr/>
        </p:nvSpPr>
        <p:spPr>
          <a:xfrm>
            <a:off x="484457" y="5568564"/>
            <a:ext cx="917702" cy="523220"/>
          </a:xfrm>
          <a:prstGeom prst="rect">
            <a:avLst/>
          </a:prstGeom>
          <a:noFill/>
        </p:spPr>
        <p:txBody>
          <a:bodyPr wrap="square" rtlCol="0">
            <a:spAutoFit/>
          </a:bodyPr>
          <a:lstStyle/>
          <a:p>
            <a:r>
              <a:rPr lang="en-US" altLang="ja-JP" sz="1400" dirty="0"/>
              <a:t>2022</a:t>
            </a:r>
            <a:r>
              <a:rPr lang="ja-JP" altLang="en-US" sz="1400" dirty="0"/>
              <a:t>年</a:t>
            </a:r>
            <a:endParaRPr lang="en-US" altLang="ja-JP" sz="1400" dirty="0"/>
          </a:p>
          <a:p>
            <a:r>
              <a:rPr kumimoji="1" lang="ja-JP" altLang="en-US" sz="1400" dirty="0"/>
              <a:t>（</a:t>
            </a:r>
            <a:r>
              <a:rPr kumimoji="1" lang="en-US" altLang="ja-JP" sz="1400" dirty="0"/>
              <a:t>R</a:t>
            </a:r>
            <a:r>
              <a:rPr kumimoji="1" lang="ja-JP" altLang="en-US" sz="1400" dirty="0"/>
              <a:t>４）</a:t>
            </a:r>
          </a:p>
        </p:txBody>
      </p:sp>
      <p:sp>
        <p:nvSpPr>
          <p:cNvPr id="196" name="テキスト ボックス 195">
            <a:extLst>
              <a:ext uri="{FF2B5EF4-FFF2-40B4-BE49-F238E27FC236}">
                <a16:creationId xmlns:a16="http://schemas.microsoft.com/office/drawing/2014/main" id="{17AF93E1-76F0-87D7-966E-00E6BE246AFC}"/>
              </a:ext>
            </a:extLst>
          </p:cNvPr>
          <p:cNvSpPr txBox="1"/>
          <p:nvPr/>
        </p:nvSpPr>
        <p:spPr>
          <a:xfrm>
            <a:off x="1219677" y="5537616"/>
            <a:ext cx="801807" cy="523220"/>
          </a:xfrm>
          <a:prstGeom prst="rect">
            <a:avLst/>
          </a:prstGeom>
          <a:noFill/>
        </p:spPr>
        <p:txBody>
          <a:bodyPr wrap="square" rtlCol="0">
            <a:spAutoFit/>
          </a:bodyPr>
          <a:lstStyle/>
          <a:p>
            <a:r>
              <a:rPr lang="en-US" altLang="ja-JP" sz="1400" dirty="0"/>
              <a:t>2025</a:t>
            </a:r>
            <a:r>
              <a:rPr lang="ja-JP" altLang="en-US" sz="1400" dirty="0"/>
              <a:t>年</a:t>
            </a:r>
            <a:endParaRPr lang="en-US" altLang="ja-JP" sz="1400" dirty="0"/>
          </a:p>
          <a:p>
            <a:r>
              <a:rPr kumimoji="1" lang="ja-JP" altLang="en-US" sz="1400" dirty="0"/>
              <a:t>（</a:t>
            </a:r>
            <a:r>
              <a:rPr kumimoji="1" lang="en-US" altLang="ja-JP" sz="1400" dirty="0"/>
              <a:t>R7</a:t>
            </a:r>
            <a:r>
              <a:rPr kumimoji="1" lang="ja-JP" altLang="en-US" sz="1400" dirty="0"/>
              <a:t>）</a:t>
            </a:r>
          </a:p>
        </p:txBody>
      </p:sp>
      <p:sp>
        <p:nvSpPr>
          <p:cNvPr id="197" name="右中かっこ 196">
            <a:extLst>
              <a:ext uri="{FF2B5EF4-FFF2-40B4-BE49-F238E27FC236}">
                <a16:creationId xmlns:a16="http://schemas.microsoft.com/office/drawing/2014/main" id="{3589BAFE-6A62-333C-080A-630FA332ED1B}"/>
              </a:ext>
            </a:extLst>
          </p:cNvPr>
          <p:cNvSpPr/>
          <p:nvPr/>
        </p:nvSpPr>
        <p:spPr>
          <a:xfrm>
            <a:off x="7346079" y="2723991"/>
            <a:ext cx="217508" cy="756397"/>
          </a:xfrm>
          <a:prstGeom prst="rightBrace">
            <a:avLst>
              <a:gd name="adj1" fmla="val 37601"/>
              <a:gd name="adj2" fmla="val 50000"/>
            </a:avLst>
          </a:prstGeom>
        </p:spPr>
        <p:style>
          <a:lnRef idx="1">
            <a:schemeClr val="accent2"/>
          </a:lnRef>
          <a:fillRef idx="0">
            <a:schemeClr val="accent2"/>
          </a:fillRef>
          <a:effectRef idx="0">
            <a:schemeClr val="accent2"/>
          </a:effectRef>
          <a:fontRef idx="minor">
            <a:schemeClr val="tx1"/>
          </a:fontRef>
        </p:style>
        <p:txBody>
          <a:bodyPr rtlCol="0" anchor="ctr"/>
          <a:lstStyle/>
          <a:p>
            <a:pPr algn="ctr"/>
            <a:endParaRPr kumimoji="1" lang="ja-JP" altLang="en-US"/>
          </a:p>
        </p:txBody>
      </p:sp>
      <p:sp>
        <p:nvSpPr>
          <p:cNvPr id="198" name="矢印: 上 197">
            <a:extLst>
              <a:ext uri="{FF2B5EF4-FFF2-40B4-BE49-F238E27FC236}">
                <a16:creationId xmlns:a16="http://schemas.microsoft.com/office/drawing/2014/main" id="{0B9E33EC-3C9A-5AF0-B455-6C4CEBCDB133}"/>
              </a:ext>
            </a:extLst>
          </p:cNvPr>
          <p:cNvSpPr/>
          <p:nvPr/>
        </p:nvSpPr>
        <p:spPr>
          <a:xfrm>
            <a:off x="754612" y="3959060"/>
            <a:ext cx="249071" cy="1179730"/>
          </a:xfrm>
          <a:prstGeom prst="up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199" name="テキスト ボックス 198">
            <a:extLst>
              <a:ext uri="{FF2B5EF4-FFF2-40B4-BE49-F238E27FC236}">
                <a16:creationId xmlns:a16="http://schemas.microsoft.com/office/drawing/2014/main" id="{09C08B0A-DAEA-26D9-1A20-B2144EA81645}"/>
              </a:ext>
            </a:extLst>
          </p:cNvPr>
          <p:cNvSpPr txBox="1"/>
          <p:nvPr/>
        </p:nvSpPr>
        <p:spPr>
          <a:xfrm>
            <a:off x="11851" y="4519116"/>
            <a:ext cx="931457" cy="307777"/>
          </a:xfrm>
          <a:prstGeom prst="rect">
            <a:avLst/>
          </a:prstGeom>
          <a:noFill/>
        </p:spPr>
        <p:txBody>
          <a:bodyPr wrap="square" rtlCol="0">
            <a:spAutoFit/>
          </a:bodyPr>
          <a:lstStyle/>
          <a:p>
            <a:r>
              <a:rPr kumimoji="1" lang="ja-JP" altLang="en-US" sz="1400" b="1" dirty="0"/>
              <a:t>Ｌｖ３</a:t>
            </a:r>
          </a:p>
        </p:txBody>
      </p:sp>
      <p:sp>
        <p:nvSpPr>
          <p:cNvPr id="201" name="矢印: 上 200">
            <a:extLst>
              <a:ext uri="{FF2B5EF4-FFF2-40B4-BE49-F238E27FC236}">
                <a16:creationId xmlns:a16="http://schemas.microsoft.com/office/drawing/2014/main" id="{745EB292-379F-3B00-2A35-1B2DB764647F}"/>
              </a:ext>
            </a:extLst>
          </p:cNvPr>
          <p:cNvSpPr/>
          <p:nvPr/>
        </p:nvSpPr>
        <p:spPr>
          <a:xfrm>
            <a:off x="943310" y="2319030"/>
            <a:ext cx="223463" cy="3082223"/>
          </a:xfrm>
          <a:prstGeom prst="upArrow">
            <a:avLst/>
          </a:prstGeom>
        </p:spPr>
        <p:style>
          <a:lnRef idx="1">
            <a:schemeClr val="accent2"/>
          </a:lnRef>
          <a:fillRef idx="3">
            <a:schemeClr val="accent2"/>
          </a:fillRef>
          <a:effectRef idx="2">
            <a:schemeClr val="accent2"/>
          </a:effectRef>
          <a:fontRef idx="minor">
            <a:schemeClr val="lt1"/>
          </a:fontRef>
        </p:style>
        <p:txBody>
          <a:bodyPr rtlCol="0" anchor="ctr"/>
          <a:lstStyle/>
          <a:p>
            <a:pPr algn="ctr"/>
            <a:endParaRPr kumimoji="1" lang="ja-JP" altLang="en-US"/>
          </a:p>
        </p:txBody>
      </p:sp>
      <p:sp>
        <p:nvSpPr>
          <p:cNvPr id="202" name="テキスト ボックス 201">
            <a:extLst>
              <a:ext uri="{FF2B5EF4-FFF2-40B4-BE49-F238E27FC236}">
                <a16:creationId xmlns:a16="http://schemas.microsoft.com/office/drawing/2014/main" id="{4A5E1881-E1C6-1EB7-5937-F5029D9A4879}"/>
              </a:ext>
            </a:extLst>
          </p:cNvPr>
          <p:cNvSpPr txBox="1"/>
          <p:nvPr/>
        </p:nvSpPr>
        <p:spPr>
          <a:xfrm>
            <a:off x="13553" y="2820198"/>
            <a:ext cx="1621182" cy="523220"/>
          </a:xfrm>
          <a:prstGeom prst="rect">
            <a:avLst/>
          </a:prstGeom>
          <a:noFill/>
        </p:spPr>
        <p:txBody>
          <a:bodyPr wrap="square" rtlCol="0">
            <a:spAutoFit/>
          </a:bodyPr>
          <a:lstStyle/>
          <a:p>
            <a:r>
              <a:rPr kumimoji="1" lang="ja-JP" altLang="en-US" sz="1400" b="1" dirty="0"/>
              <a:t>Ｌｖ３．５</a:t>
            </a:r>
            <a:endParaRPr kumimoji="1" lang="en-US" altLang="ja-JP" sz="1400" b="1" dirty="0"/>
          </a:p>
          <a:p>
            <a:r>
              <a:rPr kumimoji="1" lang="ja-JP" altLang="en-US" sz="1400" b="1" dirty="0"/>
              <a:t>（Ｗ－ＰＰＰ）</a:t>
            </a:r>
          </a:p>
        </p:txBody>
      </p:sp>
      <p:sp>
        <p:nvSpPr>
          <p:cNvPr id="207" name="テキスト ボックス 206">
            <a:extLst>
              <a:ext uri="{FF2B5EF4-FFF2-40B4-BE49-F238E27FC236}">
                <a16:creationId xmlns:a16="http://schemas.microsoft.com/office/drawing/2014/main" id="{741A2E56-5D60-E90D-3A31-C8C4BA6BD3D9}"/>
              </a:ext>
            </a:extLst>
          </p:cNvPr>
          <p:cNvSpPr txBox="1"/>
          <p:nvPr/>
        </p:nvSpPr>
        <p:spPr>
          <a:xfrm>
            <a:off x="7014290" y="5603081"/>
            <a:ext cx="917699" cy="523220"/>
          </a:xfrm>
          <a:prstGeom prst="rect">
            <a:avLst/>
          </a:prstGeom>
          <a:noFill/>
        </p:spPr>
        <p:txBody>
          <a:bodyPr wrap="square" rtlCol="0">
            <a:spAutoFit/>
          </a:bodyPr>
          <a:lstStyle/>
          <a:p>
            <a:r>
              <a:rPr lang="en-US" altLang="ja-JP" sz="1400" dirty="0"/>
              <a:t>2041</a:t>
            </a:r>
            <a:r>
              <a:rPr lang="ja-JP" altLang="en-US" sz="1400" dirty="0"/>
              <a:t>年</a:t>
            </a:r>
            <a:endParaRPr lang="en-US" altLang="ja-JP" sz="1400" dirty="0"/>
          </a:p>
          <a:p>
            <a:r>
              <a:rPr kumimoji="1" lang="ja-JP" altLang="en-US" sz="1400" dirty="0"/>
              <a:t>（</a:t>
            </a:r>
            <a:r>
              <a:rPr kumimoji="1" lang="en-US" altLang="ja-JP" sz="1400" dirty="0"/>
              <a:t>R23</a:t>
            </a:r>
            <a:r>
              <a:rPr kumimoji="1" lang="ja-JP" altLang="en-US" sz="1400" dirty="0"/>
              <a:t>）</a:t>
            </a:r>
          </a:p>
        </p:txBody>
      </p:sp>
      <p:sp>
        <p:nvSpPr>
          <p:cNvPr id="208" name="正方形/長方形 207">
            <a:extLst>
              <a:ext uri="{FF2B5EF4-FFF2-40B4-BE49-F238E27FC236}">
                <a16:creationId xmlns:a16="http://schemas.microsoft.com/office/drawing/2014/main" id="{7933D81B-6894-78D0-BE92-8B8F32B6CEEA}"/>
              </a:ext>
            </a:extLst>
          </p:cNvPr>
          <p:cNvSpPr/>
          <p:nvPr/>
        </p:nvSpPr>
        <p:spPr>
          <a:xfrm>
            <a:off x="1472161" y="2289827"/>
            <a:ext cx="7956054" cy="1287039"/>
          </a:xfrm>
          <a:prstGeom prst="rect">
            <a:avLst/>
          </a:prstGeom>
          <a:noFill/>
          <a:ln w="19050">
            <a:solidFill>
              <a:schemeClr val="accent2"/>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4" name="十字形 213">
            <a:extLst>
              <a:ext uri="{FF2B5EF4-FFF2-40B4-BE49-F238E27FC236}">
                <a16:creationId xmlns:a16="http://schemas.microsoft.com/office/drawing/2014/main" id="{0FBB6BB2-B699-413F-B3CB-BC6BBB24CD5B}"/>
              </a:ext>
            </a:extLst>
          </p:cNvPr>
          <p:cNvSpPr/>
          <p:nvPr/>
        </p:nvSpPr>
        <p:spPr>
          <a:xfrm>
            <a:off x="4325829" y="3606469"/>
            <a:ext cx="239679" cy="239679"/>
          </a:xfrm>
          <a:prstGeom prst="plus">
            <a:avLst>
              <a:gd name="adj" fmla="val 32602"/>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kumimoji="1" lang="ja-JP" altLang="en-US"/>
          </a:p>
        </p:txBody>
      </p:sp>
      <p:sp>
        <p:nvSpPr>
          <p:cNvPr id="216" name="テキスト ボックス 215">
            <a:extLst>
              <a:ext uri="{FF2B5EF4-FFF2-40B4-BE49-F238E27FC236}">
                <a16:creationId xmlns:a16="http://schemas.microsoft.com/office/drawing/2014/main" id="{0438528D-12F9-6CCE-56B7-E94B2FFD8C99}"/>
              </a:ext>
            </a:extLst>
          </p:cNvPr>
          <p:cNvSpPr txBox="1"/>
          <p:nvPr/>
        </p:nvSpPr>
        <p:spPr>
          <a:xfrm>
            <a:off x="12365" y="1155351"/>
            <a:ext cx="9144000" cy="584775"/>
          </a:xfrm>
          <a:prstGeom prst="rect">
            <a:avLst/>
          </a:prstGeom>
          <a:noFill/>
        </p:spPr>
        <p:txBody>
          <a:bodyPr wrap="square" rtlCol="0">
            <a:spAutoFit/>
          </a:bodyPr>
          <a:lstStyle/>
          <a:p>
            <a:pPr marL="285750" indent="-285750">
              <a:buFont typeface="Wingdings" panose="05000000000000000000" pitchFamily="2" charset="2"/>
              <a:buChar char="u"/>
            </a:pPr>
            <a:r>
              <a:rPr kumimoji="1" lang="ja-JP" altLang="en-US" sz="1600" dirty="0"/>
              <a:t>現包括委託に新たな業務を追加し、</a:t>
            </a:r>
            <a:r>
              <a:rPr kumimoji="1" lang="en-US" altLang="ja-JP" sz="1600" dirty="0"/>
              <a:t> W</a:t>
            </a:r>
            <a:r>
              <a:rPr kumimoji="1" lang="ja-JP" altLang="en-US" sz="1600" dirty="0"/>
              <a:t>ー</a:t>
            </a:r>
            <a:r>
              <a:rPr kumimoji="1" lang="en-US" altLang="ja-JP" sz="1600" dirty="0"/>
              <a:t>PPP</a:t>
            </a:r>
            <a:r>
              <a:rPr kumimoji="1" lang="ja-JP" altLang="en-US" sz="1600" dirty="0"/>
              <a:t>を適用（①～④の４要件を満たしている ）</a:t>
            </a:r>
            <a:endParaRPr kumimoji="1" lang="en-US" altLang="ja-JP" sz="1600" dirty="0"/>
          </a:p>
          <a:p>
            <a:r>
              <a:rPr lang="ja-JP" altLang="en-US" sz="1600" dirty="0"/>
              <a:t>　⇒維持管理を起点とした改築の実施により、更なる業務の効率化・高度化を図る</a:t>
            </a:r>
            <a:endParaRPr kumimoji="1" lang="ja-JP" altLang="en-US" sz="1600" dirty="0"/>
          </a:p>
        </p:txBody>
      </p:sp>
      <p:sp>
        <p:nvSpPr>
          <p:cNvPr id="10" name="Text Box 64">
            <a:extLst>
              <a:ext uri="{FF2B5EF4-FFF2-40B4-BE49-F238E27FC236}">
                <a16:creationId xmlns:a16="http://schemas.microsoft.com/office/drawing/2014/main" id="{C46A1616-1302-153A-A0E4-1A61DF7438AA}"/>
              </a:ext>
            </a:extLst>
          </p:cNvPr>
          <p:cNvSpPr txBox="1">
            <a:spLocks noChangeArrowheads="1"/>
          </p:cNvSpPr>
          <p:nvPr/>
        </p:nvSpPr>
        <p:spPr bwMode="auto">
          <a:xfrm>
            <a:off x="0" y="679142"/>
            <a:ext cx="9894750" cy="476209"/>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委託契約の概要（令和</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7</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年度からの</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W</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ー</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PPP</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導入）</a:t>
            </a:r>
          </a:p>
        </p:txBody>
      </p:sp>
      <p:sp>
        <p:nvSpPr>
          <p:cNvPr id="20" name="角丸四角形 17">
            <a:extLst>
              <a:ext uri="{FF2B5EF4-FFF2-40B4-BE49-F238E27FC236}">
                <a16:creationId xmlns:a16="http://schemas.microsoft.com/office/drawing/2014/main" id="{270C92F2-4B69-1719-FC67-042AB7DB2EBC}"/>
              </a:ext>
            </a:extLst>
          </p:cNvPr>
          <p:cNvSpPr/>
          <p:nvPr/>
        </p:nvSpPr>
        <p:spPr>
          <a:xfrm>
            <a:off x="72908" y="96839"/>
            <a:ext cx="95282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２．</a:t>
            </a:r>
            <a:r>
              <a:rPr lang="zh-TW" altLang="en-US" sz="2275" dirty="0">
                <a:solidFill>
                  <a:schemeClr val="tx1"/>
                </a:solidFill>
                <a:latin typeface="HGPｺﾞｼｯｸE" panose="020B0900000000000000" pitchFamily="50" charset="-128"/>
                <a:ea typeface="HGPｺﾞｼｯｸE" panose="020B0900000000000000" pitchFamily="50" charset="-128"/>
              </a:rPr>
              <a:t>大阪市下水道施設包括的管理業務委託</a:t>
            </a:r>
            <a:r>
              <a:rPr lang="ja-JP" altLang="en-US" sz="2275" dirty="0">
                <a:solidFill>
                  <a:schemeClr val="tx1"/>
                </a:solidFill>
                <a:latin typeface="HGPｺﾞｼｯｸE" panose="020B0900000000000000" pitchFamily="50" charset="-128"/>
                <a:ea typeface="HGPｺﾞｼｯｸE" panose="020B0900000000000000" pitchFamily="50" charset="-128"/>
              </a:rPr>
              <a:t>の業務</a:t>
            </a:r>
            <a:r>
              <a:rPr lang="zh-TW" altLang="en-US" sz="2275" dirty="0">
                <a:solidFill>
                  <a:schemeClr val="tx1"/>
                </a:solidFill>
                <a:latin typeface="HGPｺﾞｼｯｸE" panose="020B0900000000000000" pitchFamily="50" charset="-128"/>
                <a:ea typeface="HGPｺﾞｼｯｸE" panose="020B0900000000000000" pitchFamily="50" charset="-128"/>
              </a:rPr>
              <a:t>内容</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262545752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95F9254-6742-F716-835B-6074131DB873}"/>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672B7EEB-B5CD-A685-457C-766392377602}"/>
              </a:ext>
            </a:extLst>
          </p:cNvPr>
          <p:cNvSpPr>
            <a:spLocks noGrp="1"/>
          </p:cNvSpPr>
          <p:nvPr>
            <p:ph type="sldNum" sz="quarter" idx="12"/>
          </p:nvPr>
        </p:nvSpPr>
        <p:spPr/>
        <p:txBody>
          <a:bodyPr/>
          <a:lstStyle/>
          <a:p>
            <a:fld id="{36EC18DB-A5DF-4E0E-B815-FCD04A2C4B2C}" type="slidenum">
              <a:rPr kumimoji="1" lang="ja-JP" altLang="en-US" smtClean="0"/>
              <a:t>13</a:t>
            </a:fld>
            <a:endParaRPr kumimoji="1" lang="ja-JP" altLang="en-US" dirty="0"/>
          </a:p>
        </p:txBody>
      </p:sp>
      <p:sp>
        <p:nvSpPr>
          <p:cNvPr id="200" name="コンテンツ プレースホルダー 2">
            <a:extLst>
              <a:ext uri="{FF2B5EF4-FFF2-40B4-BE49-F238E27FC236}">
                <a16:creationId xmlns:a16="http://schemas.microsoft.com/office/drawing/2014/main" id="{A6B350D8-FBC6-8F2B-E93C-864C97A7DB06}"/>
              </a:ext>
            </a:extLst>
          </p:cNvPr>
          <p:cNvSpPr txBox="1">
            <a:spLocks/>
          </p:cNvSpPr>
          <p:nvPr/>
        </p:nvSpPr>
        <p:spPr>
          <a:xfrm>
            <a:off x="1452222" y="772986"/>
            <a:ext cx="9174469" cy="951562"/>
          </a:xfrm>
          <a:prstGeom prst="rect">
            <a:avLst/>
          </a:prstGeom>
        </p:spPr>
        <p:txBody>
          <a:bodyPr>
            <a:noAutofit/>
          </a:bodyPr>
          <a:lstStyle>
            <a:defPPr>
              <a:defRPr lang="ja-JP"/>
            </a:defPPr>
            <a:lvl1pPr marL="228600" indent="-228600">
              <a:lnSpc>
                <a:spcPct val="50000"/>
              </a:lnSpc>
              <a:spcBef>
                <a:spcPts val="600"/>
              </a:spcBef>
              <a:buFont typeface="Arial" panose="020B0604020202020204" pitchFamily="34" charset="0"/>
              <a:buNone/>
              <a:defRPr sz="1600">
                <a:latin typeface="HG丸ｺﾞｼｯｸM-PRO" pitchFamily="50" charset="-128"/>
                <a:ea typeface="HG丸ｺﾞｼｯｸM-PRO" pitchFamily="50" charset="-128"/>
              </a:defRPr>
            </a:lvl1pPr>
            <a:lvl2pPr marL="685800" indent="-228600">
              <a:lnSpc>
                <a:spcPct val="90000"/>
              </a:lnSpc>
              <a:spcBef>
                <a:spcPts val="500"/>
              </a:spcBef>
              <a:buFont typeface="Arial" panose="020B0604020202020204" pitchFamily="34" charset="0"/>
              <a:buChar char="•"/>
              <a:defRPr sz="2400"/>
            </a:lvl2pPr>
            <a:lvl3pPr marL="1143000" indent="-228600">
              <a:lnSpc>
                <a:spcPct val="90000"/>
              </a:lnSpc>
              <a:spcBef>
                <a:spcPts val="500"/>
              </a:spcBef>
              <a:buFont typeface="Arial" panose="020B0604020202020204" pitchFamily="34" charset="0"/>
              <a:buChar char="•"/>
              <a:defRPr sz="2000"/>
            </a:lvl3pPr>
            <a:lvl4pPr marL="1600200" indent="-228600">
              <a:lnSpc>
                <a:spcPct val="90000"/>
              </a:lnSpc>
              <a:spcBef>
                <a:spcPts val="500"/>
              </a:spcBef>
              <a:buFont typeface="Arial" panose="020B0604020202020204" pitchFamily="34" charset="0"/>
              <a:buChar char="•"/>
            </a:lvl4pPr>
            <a:lvl5pPr marL="2057400" indent="-228600">
              <a:lnSpc>
                <a:spcPct val="90000"/>
              </a:lnSpc>
              <a:spcBef>
                <a:spcPts val="500"/>
              </a:spcBef>
              <a:buFont typeface="Arial" panose="020B0604020202020204" pitchFamily="34" charset="0"/>
              <a:buChar char="•"/>
            </a:lvl5pPr>
            <a:lvl6pPr marL="2514600" indent="-228600">
              <a:lnSpc>
                <a:spcPct val="90000"/>
              </a:lnSpc>
              <a:spcBef>
                <a:spcPts val="500"/>
              </a:spcBef>
              <a:buFont typeface="Arial" panose="020B0604020202020204" pitchFamily="34" charset="0"/>
              <a:buChar char="•"/>
            </a:lvl6pPr>
            <a:lvl7pPr marL="2971800" indent="-228600">
              <a:lnSpc>
                <a:spcPct val="90000"/>
              </a:lnSpc>
              <a:spcBef>
                <a:spcPts val="500"/>
              </a:spcBef>
              <a:buFont typeface="Arial" panose="020B0604020202020204" pitchFamily="34" charset="0"/>
              <a:buChar char="•"/>
            </a:lvl7pPr>
            <a:lvl8pPr marL="3429000" indent="-228600">
              <a:lnSpc>
                <a:spcPct val="90000"/>
              </a:lnSpc>
              <a:spcBef>
                <a:spcPts val="500"/>
              </a:spcBef>
              <a:buFont typeface="Arial" panose="020B0604020202020204" pitchFamily="34" charset="0"/>
              <a:buChar char="•"/>
            </a:lvl8pPr>
            <a:lvl9pPr marL="3886200" indent="-228600">
              <a:lnSpc>
                <a:spcPct val="90000"/>
              </a:lnSpc>
              <a:spcBef>
                <a:spcPts val="500"/>
              </a:spcBef>
              <a:buFont typeface="Arial" panose="020B0604020202020204" pitchFamily="34" charset="0"/>
              <a:buChar char="•"/>
            </a:lvl9pPr>
          </a:lstStyle>
          <a:p>
            <a:pPr>
              <a:spcBef>
                <a:spcPts val="1200"/>
              </a:spcBef>
            </a:pPr>
            <a:endParaRPr lang="en-US" altLang="ja-JP" dirty="0">
              <a:latin typeface="+mn-ea"/>
              <a:ea typeface="+mn-ea"/>
            </a:endParaRPr>
          </a:p>
        </p:txBody>
      </p:sp>
      <p:sp>
        <p:nvSpPr>
          <p:cNvPr id="10" name="正方形/長方形 9">
            <a:extLst>
              <a:ext uri="{FF2B5EF4-FFF2-40B4-BE49-F238E27FC236}">
                <a16:creationId xmlns:a16="http://schemas.microsoft.com/office/drawing/2014/main" id="{C89A545B-433E-E263-340C-64617E9FAE3F}"/>
              </a:ext>
            </a:extLst>
          </p:cNvPr>
          <p:cNvSpPr/>
          <p:nvPr/>
        </p:nvSpPr>
        <p:spPr>
          <a:xfrm>
            <a:off x="92763" y="1353336"/>
            <a:ext cx="9705686" cy="1443237"/>
          </a:xfrm>
          <a:prstGeom prst="rect">
            <a:avLst/>
          </a:prstGeom>
          <a:solidFill>
            <a:schemeClr val="bg1"/>
          </a:solidFill>
          <a:ln w="2857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srgbClr val="3F3F3F"/>
              </a:solidFill>
              <a:effectLst/>
              <a:uLnTx/>
              <a:uFillTx/>
              <a:latin typeface="Arial"/>
              <a:ea typeface="BIZ UDゴシック"/>
              <a:cs typeface="+mn-cs"/>
            </a:endParaRPr>
          </a:p>
        </p:txBody>
      </p:sp>
      <p:sp>
        <p:nvSpPr>
          <p:cNvPr id="12" name="四角形: 角を丸くする 11">
            <a:extLst>
              <a:ext uri="{FF2B5EF4-FFF2-40B4-BE49-F238E27FC236}">
                <a16:creationId xmlns:a16="http://schemas.microsoft.com/office/drawing/2014/main" id="{31F77693-8354-9203-110F-9A42B95F8E66}"/>
              </a:ext>
            </a:extLst>
          </p:cNvPr>
          <p:cNvSpPr/>
          <p:nvPr/>
        </p:nvSpPr>
        <p:spPr>
          <a:xfrm>
            <a:off x="265975" y="1249195"/>
            <a:ext cx="3271983" cy="350478"/>
          </a:xfrm>
          <a:prstGeom prst="roundRect">
            <a:avLst>
              <a:gd name="adj" fmla="val 788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defTabSz="914400">
              <a:defRPr/>
            </a:pPr>
            <a:r>
              <a:rPr kumimoji="1" lang="en-US" altLang="ja-JP" sz="1400" b="1" dirty="0">
                <a:solidFill>
                  <a:prstClr val="white"/>
                </a:solidFill>
                <a:latin typeface="Arial"/>
                <a:ea typeface="BIZ UDゴシック"/>
              </a:rPr>
              <a:t>W</a:t>
            </a:r>
            <a:r>
              <a:rPr kumimoji="1" lang="ja-JP" altLang="en-US" sz="1400" b="1" dirty="0">
                <a:solidFill>
                  <a:prstClr val="white"/>
                </a:solidFill>
                <a:latin typeface="Arial"/>
                <a:ea typeface="BIZ UDゴシック"/>
              </a:rPr>
              <a:t>ー</a:t>
            </a:r>
            <a:r>
              <a:rPr kumimoji="1" lang="en-US" altLang="ja-JP" sz="1400" b="1" dirty="0">
                <a:solidFill>
                  <a:prstClr val="white"/>
                </a:solidFill>
                <a:latin typeface="Arial"/>
                <a:ea typeface="BIZ UDゴシック"/>
              </a:rPr>
              <a:t>PPP</a:t>
            </a:r>
            <a:r>
              <a:rPr kumimoji="1" lang="ja-JP" altLang="en-US" sz="1400" b="1" i="0" u="none" strike="noStrike" kern="1200" cap="none" spc="0" normalizeH="0" baseline="0" noProof="0" dirty="0">
                <a:ln>
                  <a:noFill/>
                </a:ln>
                <a:solidFill>
                  <a:prstClr val="white"/>
                </a:solidFill>
                <a:effectLst/>
                <a:uLnTx/>
                <a:uFillTx/>
                <a:latin typeface="Arial"/>
                <a:ea typeface="BIZ UDゴシック"/>
                <a:cs typeface="+mn-cs"/>
              </a:rPr>
              <a:t>導入に向けた対応</a:t>
            </a:r>
            <a:endParaRPr kumimoji="1" lang="en-US" altLang="ja-JP" sz="1400" b="1" i="0" u="none" strike="noStrike" kern="1200" cap="none" spc="0" normalizeH="0" baseline="0" noProof="0" dirty="0">
              <a:ln>
                <a:noFill/>
              </a:ln>
              <a:solidFill>
                <a:prstClr val="white"/>
              </a:solidFill>
              <a:effectLst/>
              <a:uLnTx/>
              <a:uFillTx/>
              <a:latin typeface="Arial"/>
              <a:ea typeface="BIZ UDゴシック"/>
              <a:cs typeface="+mn-cs"/>
            </a:endParaRPr>
          </a:p>
        </p:txBody>
      </p:sp>
      <p:sp>
        <p:nvSpPr>
          <p:cNvPr id="13" name="テキスト ボックス 12">
            <a:extLst>
              <a:ext uri="{FF2B5EF4-FFF2-40B4-BE49-F238E27FC236}">
                <a16:creationId xmlns:a16="http://schemas.microsoft.com/office/drawing/2014/main" id="{71BB3625-F046-F66D-E8D2-145DF9E98C9A}"/>
              </a:ext>
            </a:extLst>
          </p:cNvPr>
          <p:cNvSpPr txBox="1"/>
          <p:nvPr/>
        </p:nvSpPr>
        <p:spPr>
          <a:xfrm>
            <a:off x="79114" y="1649944"/>
            <a:ext cx="9705686" cy="1031051"/>
          </a:xfrm>
          <a:prstGeom prst="rect">
            <a:avLst/>
          </a:prstGeom>
          <a:noFill/>
        </p:spPr>
        <p:txBody>
          <a:bodyPr wrap="square">
            <a:spAutoFit/>
          </a:bodyPr>
          <a:lstStyle/>
          <a:p>
            <a:pPr marL="342900" marR="0" lvl="0" indent="-342900" algn="l" defTabSz="914400" rtl="0" eaLnBrk="1" fontAlgn="auto" latinLnBrk="0" hangingPunct="1">
              <a:lnSpc>
                <a:spcPct val="100000"/>
              </a:lnSpc>
              <a:spcBef>
                <a:spcPts val="0"/>
              </a:spcBef>
              <a:spcAft>
                <a:spcPts val="600"/>
              </a:spcAft>
              <a:buClrTx/>
              <a:buSzTx/>
              <a:buFont typeface="Wingdings" panose="05000000000000000000" pitchFamily="2" charset="2"/>
              <a:buChar char="l"/>
              <a:tabLst/>
              <a:defRPr/>
            </a:pPr>
            <a:r>
              <a:rPr kumimoji="1" lang="ja-JP" altLang="en-US" sz="1400" b="0" i="0" u="none" strike="noStrike" kern="1200" cap="none" spc="-150" normalizeH="0" baseline="0" noProof="0" dirty="0">
                <a:ln>
                  <a:noFill/>
                </a:ln>
                <a:solidFill>
                  <a:srgbClr val="3F3F3F"/>
                </a:solidFill>
                <a:effectLst/>
                <a:uLnTx/>
                <a:uFillTx/>
                <a:latin typeface="Arial"/>
                <a:ea typeface="BIZ UDゴシック"/>
                <a:cs typeface="+mn-cs"/>
              </a:rPr>
              <a:t>要件③「維持管理と更新の一体マネジメント」を満たすため、処理場・ポンプ場・</a:t>
            </a:r>
            <a:r>
              <a:rPr kumimoji="1" lang="ja-JP" altLang="en-US" sz="1400" i="0" u="none" strike="noStrike" kern="1200" cap="none" spc="-150" normalizeH="0" baseline="0" noProof="0" dirty="0">
                <a:ln>
                  <a:noFill/>
                </a:ln>
                <a:effectLst/>
                <a:uLnTx/>
                <a:uFillTx/>
                <a:latin typeface="Arial"/>
                <a:ea typeface="BIZ UDゴシック"/>
                <a:cs typeface="+mn-cs"/>
              </a:rPr>
              <a:t>管路の「</a:t>
            </a:r>
            <a:r>
              <a:rPr kumimoji="1" lang="ja-JP" altLang="en-US" sz="1400" b="1" i="0" u="none" strike="noStrike" kern="1200" cap="none" spc="-150" normalizeH="0" baseline="0" noProof="0" dirty="0">
                <a:ln>
                  <a:noFill/>
                </a:ln>
                <a:solidFill>
                  <a:srgbClr val="FF0000"/>
                </a:solidFill>
                <a:effectLst/>
                <a:uLnTx/>
                <a:uFillTx/>
                <a:latin typeface="Arial"/>
                <a:ea typeface="BIZ UDゴシック"/>
                <a:cs typeface="+mn-cs"/>
              </a:rPr>
              <a:t>更新計画案作成</a:t>
            </a:r>
            <a:r>
              <a:rPr kumimoji="1" lang="ja-JP" altLang="en-US" sz="1400" b="1" i="0" u="none" strike="noStrike" kern="1200" cap="none" spc="-150" normalizeH="0" baseline="0" noProof="0" dirty="0">
                <a:ln>
                  <a:noFill/>
                </a:ln>
                <a:effectLst/>
                <a:uLnTx/>
                <a:uFillTx/>
                <a:latin typeface="Arial"/>
                <a:ea typeface="BIZ UDゴシック"/>
                <a:cs typeface="+mn-cs"/>
              </a:rPr>
              <a:t>」を包括委託に追加</a:t>
            </a:r>
            <a:r>
              <a:rPr kumimoji="1" lang="ja-JP" altLang="en-US" sz="1400" b="0" i="0" u="none" strike="noStrike" kern="1200" cap="none" spc="-150" normalizeH="0" baseline="0" noProof="0" dirty="0">
                <a:ln>
                  <a:noFill/>
                </a:ln>
                <a:effectLst/>
                <a:uLnTx/>
                <a:uFillTx/>
                <a:latin typeface="Arial"/>
                <a:ea typeface="BIZ UDゴシック"/>
                <a:cs typeface="+mn-cs"/>
              </a:rPr>
              <a:t>することにより</a:t>
            </a:r>
            <a:r>
              <a:rPr kumimoji="1" lang="ja-JP" altLang="en-US" sz="1400" b="0" i="0" u="none" strike="noStrike" kern="1200" cap="none" spc="-150" normalizeH="0" baseline="0" noProof="0" dirty="0">
                <a:ln>
                  <a:noFill/>
                </a:ln>
                <a:solidFill>
                  <a:srgbClr val="3F3F3F"/>
                </a:solidFill>
                <a:effectLst/>
                <a:uLnTx/>
                <a:uFillTx/>
                <a:latin typeface="Arial"/>
                <a:ea typeface="BIZ UDゴシック"/>
                <a:cs typeface="+mn-cs"/>
              </a:rPr>
              <a:t>、</a:t>
            </a:r>
            <a:r>
              <a:rPr kumimoji="1" lang="ja-JP" altLang="en-US" sz="1400" b="1" i="0" u="none" strike="noStrike" kern="1200" cap="none" spc="-150" normalizeH="0" baseline="0" noProof="0" dirty="0">
                <a:ln>
                  <a:noFill/>
                </a:ln>
                <a:solidFill>
                  <a:srgbClr val="FF0000"/>
                </a:solidFill>
                <a:effectLst/>
                <a:uLnTx/>
                <a:uFillTx/>
                <a:latin typeface="Arial"/>
                <a:ea typeface="BIZ UDゴシック"/>
                <a:cs typeface="+mn-cs"/>
              </a:rPr>
              <a:t>令和</a:t>
            </a:r>
            <a:r>
              <a:rPr kumimoji="1" lang="en-US" altLang="ja-JP" sz="1400" b="1" i="0" u="none" strike="noStrike" kern="1200" cap="none" spc="-150" normalizeH="0" baseline="0" noProof="0" dirty="0">
                <a:ln>
                  <a:noFill/>
                </a:ln>
                <a:solidFill>
                  <a:srgbClr val="FF0000"/>
                </a:solidFill>
                <a:effectLst/>
                <a:uLnTx/>
                <a:uFillTx/>
                <a:latin typeface="Arial"/>
                <a:ea typeface="BIZ UDゴシック"/>
                <a:cs typeface="+mn-cs"/>
              </a:rPr>
              <a:t>7</a:t>
            </a:r>
            <a:r>
              <a:rPr kumimoji="1" lang="ja-JP" altLang="en-US" sz="1400" b="1" i="0" u="none" strike="noStrike" kern="1200" cap="none" spc="-150" normalizeH="0" baseline="0" noProof="0" dirty="0">
                <a:ln>
                  <a:noFill/>
                </a:ln>
                <a:solidFill>
                  <a:srgbClr val="FF0000"/>
                </a:solidFill>
                <a:effectLst/>
                <a:uLnTx/>
                <a:uFillTx/>
                <a:latin typeface="Arial"/>
                <a:ea typeface="BIZ UDゴシック"/>
                <a:cs typeface="+mn-cs"/>
              </a:rPr>
              <a:t>年度より更新支援型によるレベル</a:t>
            </a:r>
            <a:r>
              <a:rPr kumimoji="1" lang="en-US" altLang="ja-JP" sz="1400" b="1" i="0" u="none" strike="noStrike" kern="1200" cap="none" spc="-150" normalizeH="0" baseline="0" noProof="0" dirty="0">
                <a:ln>
                  <a:noFill/>
                </a:ln>
                <a:solidFill>
                  <a:srgbClr val="FF0000"/>
                </a:solidFill>
                <a:effectLst/>
                <a:uLnTx/>
                <a:uFillTx/>
                <a:latin typeface="Arial"/>
                <a:ea typeface="BIZ UDゴシック"/>
                <a:cs typeface="+mn-cs"/>
              </a:rPr>
              <a:t>3.5</a:t>
            </a:r>
            <a:r>
              <a:rPr kumimoji="1" lang="ja-JP" altLang="en-US" sz="1400" b="0" i="0" u="none" strike="noStrike" kern="1200" cap="none" spc="-150" normalizeH="0" baseline="0" noProof="0" dirty="0">
                <a:ln>
                  <a:noFill/>
                </a:ln>
                <a:solidFill>
                  <a:srgbClr val="3F3F3F"/>
                </a:solidFill>
                <a:effectLst/>
                <a:uLnTx/>
                <a:uFillTx/>
                <a:latin typeface="Arial"/>
                <a:ea typeface="BIZ UDゴシック"/>
                <a:cs typeface="+mn-cs"/>
              </a:rPr>
              <a:t>をめざす</a:t>
            </a:r>
            <a:endParaRPr kumimoji="1" lang="en-US" altLang="ja-JP" sz="1400" b="0" i="0" u="none" strike="noStrike" kern="1200" cap="none" spc="-150" normalizeH="0" baseline="0" noProof="0" dirty="0">
              <a:ln>
                <a:noFill/>
              </a:ln>
              <a:solidFill>
                <a:srgbClr val="3F3F3F"/>
              </a:solidFill>
              <a:effectLst/>
              <a:uLnTx/>
              <a:uFillTx/>
              <a:latin typeface="Arial"/>
              <a:ea typeface="BIZ UDゴシック"/>
              <a:cs typeface="+mn-cs"/>
            </a:endParaRPr>
          </a:p>
          <a:p>
            <a:pPr marL="342900" marR="0" lvl="0" indent="-342900" algn="l" defTabSz="914400" rtl="0" eaLnBrk="1" fontAlgn="auto" latinLnBrk="0" hangingPunct="1">
              <a:lnSpc>
                <a:spcPct val="100000"/>
              </a:lnSpc>
              <a:spcBef>
                <a:spcPts val="0"/>
              </a:spcBef>
              <a:spcAft>
                <a:spcPts val="600"/>
              </a:spcAft>
              <a:buClrTx/>
              <a:buSzTx/>
              <a:buFont typeface="Wingdings" panose="05000000000000000000" pitchFamily="2" charset="2"/>
              <a:buChar char="l"/>
              <a:tabLst/>
              <a:defRPr/>
            </a:pPr>
            <a:r>
              <a:rPr kumimoji="1" lang="ja-JP" altLang="en-US" sz="1400" b="0" i="0" u="none" strike="noStrike" kern="1200" cap="none" spc="-150" normalizeH="0" baseline="0" noProof="0" dirty="0">
                <a:ln>
                  <a:noFill/>
                </a:ln>
                <a:solidFill>
                  <a:srgbClr val="3F3F3F"/>
                </a:solidFill>
                <a:effectLst/>
                <a:uLnTx/>
                <a:uFillTx/>
                <a:latin typeface="Arial"/>
                <a:ea typeface="BIZ UDゴシック"/>
                <a:cs typeface="+mn-cs"/>
              </a:rPr>
              <a:t>将来的な更新実施型への移行を見据え、</a:t>
            </a:r>
            <a:r>
              <a:rPr lang="ja-JP" altLang="en-US" sz="1400" spc="-150" dirty="0">
                <a:solidFill>
                  <a:srgbClr val="3F3F3F"/>
                </a:solidFill>
                <a:latin typeface="Arial"/>
                <a:ea typeface="BIZ UDゴシック"/>
              </a:rPr>
              <a:t>令和</a:t>
            </a:r>
            <a:r>
              <a:rPr kumimoji="1" lang="ja-JP" altLang="en-US" sz="1400" b="0" i="0" u="none" strike="noStrike" kern="1200" cap="none" spc="-150" normalizeH="0" baseline="0" noProof="0" dirty="0">
                <a:ln>
                  <a:noFill/>
                </a:ln>
                <a:solidFill>
                  <a:srgbClr val="3F3F3F"/>
                </a:solidFill>
                <a:effectLst/>
                <a:uLnTx/>
                <a:uFillTx/>
                <a:latin typeface="Arial"/>
                <a:ea typeface="BIZ UDゴシック"/>
                <a:cs typeface="+mn-cs"/>
              </a:rPr>
              <a:t>７年度より一部の管路（取付管、マンホール蓋）、一部の設備（雨水ポンプ等の長寿命化）</a:t>
            </a:r>
            <a:r>
              <a:rPr lang="ja-JP" altLang="en-US" sz="1400" spc="-150" dirty="0">
                <a:solidFill>
                  <a:srgbClr val="3F3F3F"/>
                </a:solidFill>
                <a:latin typeface="Arial"/>
                <a:ea typeface="BIZ UDゴシック"/>
              </a:rPr>
              <a:t>の改築更新を包括委託において</a:t>
            </a:r>
            <a:r>
              <a:rPr kumimoji="1" lang="ja-JP" altLang="en-US" sz="1400" b="0" i="0" u="none" strike="noStrike" kern="1200" cap="none" spc="-150" normalizeH="0" baseline="0" noProof="0" dirty="0">
                <a:ln>
                  <a:noFill/>
                </a:ln>
                <a:solidFill>
                  <a:srgbClr val="3F3F3F"/>
                </a:solidFill>
                <a:effectLst/>
                <a:uLnTx/>
                <a:uFillTx/>
                <a:latin typeface="Arial"/>
                <a:ea typeface="BIZ UDゴシック"/>
                <a:cs typeface="+mn-cs"/>
              </a:rPr>
              <a:t>実施する（予定）</a:t>
            </a:r>
            <a:endParaRPr kumimoji="1" lang="en-US" altLang="ja-JP" sz="1400" b="0" i="0" u="none" strike="noStrike" kern="1200" cap="none" spc="-150" normalizeH="0" baseline="0" noProof="0" dirty="0">
              <a:ln>
                <a:noFill/>
              </a:ln>
              <a:solidFill>
                <a:srgbClr val="3F3F3F"/>
              </a:solidFill>
              <a:effectLst/>
              <a:uLnTx/>
              <a:uFillTx/>
              <a:latin typeface="Arial"/>
              <a:ea typeface="BIZ UDゴシック"/>
              <a:cs typeface="+mn-cs"/>
            </a:endParaRPr>
          </a:p>
        </p:txBody>
      </p:sp>
      <p:sp>
        <p:nvSpPr>
          <p:cNvPr id="21" name="テキスト ボックス 20">
            <a:extLst>
              <a:ext uri="{FF2B5EF4-FFF2-40B4-BE49-F238E27FC236}">
                <a16:creationId xmlns:a16="http://schemas.microsoft.com/office/drawing/2014/main" id="{7BE1C4BD-6FF3-36BB-20D6-DAE1652D5D7C}"/>
              </a:ext>
            </a:extLst>
          </p:cNvPr>
          <p:cNvSpPr txBox="1"/>
          <p:nvPr/>
        </p:nvSpPr>
        <p:spPr>
          <a:xfrm>
            <a:off x="1578812" y="2890262"/>
            <a:ext cx="6604001" cy="338554"/>
          </a:xfrm>
          <a:prstGeom prst="rect">
            <a:avLst/>
          </a:prstGeom>
          <a:noFill/>
        </p:spPr>
        <p:txBody>
          <a:bodyPr wrap="square">
            <a:spAutoFit/>
          </a:bodyPr>
          <a:lstStyle/>
          <a:p>
            <a:pPr algn="ctr">
              <a:spcAft>
                <a:spcPts val="600"/>
              </a:spcAft>
            </a:pPr>
            <a:r>
              <a:rPr lang="ja-JP" altLang="en-US" sz="1600" spc="-150" dirty="0"/>
              <a:t>令和７年度からの包括委託のイメージ</a:t>
            </a:r>
          </a:p>
        </p:txBody>
      </p:sp>
      <p:sp>
        <p:nvSpPr>
          <p:cNvPr id="22" name="テキスト ボックス 21">
            <a:extLst>
              <a:ext uri="{FF2B5EF4-FFF2-40B4-BE49-F238E27FC236}">
                <a16:creationId xmlns:a16="http://schemas.microsoft.com/office/drawing/2014/main" id="{B1BDD7EC-A3E4-E6D9-057B-E14DD0D055E5}"/>
              </a:ext>
            </a:extLst>
          </p:cNvPr>
          <p:cNvSpPr txBox="1"/>
          <p:nvPr/>
        </p:nvSpPr>
        <p:spPr>
          <a:xfrm>
            <a:off x="6044792" y="4338124"/>
            <a:ext cx="560289" cy="523220"/>
          </a:xfrm>
          <a:prstGeom prst="rect">
            <a:avLst/>
          </a:prstGeom>
          <a:noFill/>
        </p:spPr>
        <p:txBody>
          <a:bodyPr wrap="square">
            <a:spAutoFit/>
          </a:bodyPr>
          <a:lstStyle/>
          <a:p>
            <a:pPr algn="ctr">
              <a:spcAft>
                <a:spcPts val="600"/>
              </a:spcAft>
            </a:pPr>
            <a:r>
              <a:rPr lang="ja-JP" altLang="en-US" sz="2800" spc="-150" dirty="0"/>
              <a:t>＋</a:t>
            </a:r>
          </a:p>
        </p:txBody>
      </p:sp>
      <p:grpSp>
        <p:nvGrpSpPr>
          <p:cNvPr id="23" name="グループ化 22">
            <a:extLst>
              <a:ext uri="{FF2B5EF4-FFF2-40B4-BE49-F238E27FC236}">
                <a16:creationId xmlns:a16="http://schemas.microsoft.com/office/drawing/2014/main" id="{41F63CDE-16BC-7445-ECD0-361742F1564C}"/>
              </a:ext>
            </a:extLst>
          </p:cNvPr>
          <p:cNvGrpSpPr/>
          <p:nvPr/>
        </p:nvGrpSpPr>
        <p:grpSpPr>
          <a:xfrm>
            <a:off x="826486" y="3257869"/>
            <a:ext cx="3274174" cy="3422496"/>
            <a:chOff x="826486" y="3083630"/>
            <a:chExt cx="3274174" cy="3422496"/>
          </a:xfrm>
        </p:grpSpPr>
        <p:grpSp>
          <p:nvGrpSpPr>
            <p:cNvPr id="24" name="グループ化 23">
              <a:extLst>
                <a:ext uri="{FF2B5EF4-FFF2-40B4-BE49-F238E27FC236}">
                  <a16:creationId xmlns:a16="http://schemas.microsoft.com/office/drawing/2014/main" id="{E19741F8-07DF-6421-E97C-8BFF900D6F84}"/>
                </a:ext>
              </a:extLst>
            </p:cNvPr>
            <p:cNvGrpSpPr/>
            <p:nvPr/>
          </p:nvGrpSpPr>
          <p:grpSpPr>
            <a:xfrm>
              <a:off x="826486" y="3083630"/>
              <a:ext cx="3274174" cy="2710210"/>
              <a:chOff x="826486" y="3083630"/>
              <a:chExt cx="3274174" cy="2710210"/>
            </a:xfrm>
          </p:grpSpPr>
          <p:sp>
            <p:nvSpPr>
              <p:cNvPr id="27" name="四角形: 角を丸くする 26">
                <a:extLst>
                  <a:ext uri="{FF2B5EF4-FFF2-40B4-BE49-F238E27FC236}">
                    <a16:creationId xmlns:a16="http://schemas.microsoft.com/office/drawing/2014/main" id="{467E0EA7-A54A-403D-E5D3-7A9B0B6492B4}"/>
                  </a:ext>
                </a:extLst>
              </p:cNvPr>
              <p:cNvSpPr/>
              <p:nvPr/>
            </p:nvSpPr>
            <p:spPr>
              <a:xfrm>
                <a:off x="826486" y="4056950"/>
                <a:ext cx="3233393" cy="782424"/>
              </a:xfrm>
              <a:prstGeom prst="roundRect">
                <a:avLst>
                  <a:gd name="adj" fmla="val 0"/>
                </a:avLst>
              </a:prstGeom>
              <a:solidFill>
                <a:srgbClr val="00FFFF"/>
              </a:solidFill>
              <a:ln w="38100">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rPr>
                  <a:t>小規模維持工事</a:t>
                </a:r>
                <a:endParaRPr lang="en-US" altLang="ja-JP" dirty="0">
                  <a:solidFill>
                    <a:schemeClr val="tx1"/>
                  </a:solidFill>
                </a:endParaRPr>
              </a:p>
              <a:p>
                <a:pPr algn="ctr"/>
                <a:r>
                  <a:rPr kumimoji="1" lang="ja-JP" altLang="en-US" dirty="0">
                    <a:solidFill>
                      <a:schemeClr val="tx1"/>
                    </a:solidFill>
                  </a:rPr>
                  <a:t>設備修繕</a:t>
                </a:r>
              </a:p>
            </p:txBody>
          </p:sp>
          <p:sp>
            <p:nvSpPr>
              <p:cNvPr id="28" name="四角形: 角を丸くする 27">
                <a:extLst>
                  <a:ext uri="{FF2B5EF4-FFF2-40B4-BE49-F238E27FC236}">
                    <a16:creationId xmlns:a16="http://schemas.microsoft.com/office/drawing/2014/main" id="{BF25E384-6846-78AE-AEC1-CB9D1A0074B2}"/>
                  </a:ext>
                </a:extLst>
              </p:cNvPr>
              <p:cNvSpPr/>
              <p:nvPr/>
            </p:nvSpPr>
            <p:spPr>
              <a:xfrm>
                <a:off x="867267" y="3083630"/>
                <a:ext cx="3233393" cy="782424"/>
              </a:xfrm>
              <a:prstGeom prst="roundRect">
                <a:avLst>
                  <a:gd name="adj" fmla="val 0"/>
                </a:avLst>
              </a:prstGeom>
              <a:solidFill>
                <a:srgbClr val="00FFFF"/>
              </a:solidFill>
              <a:ln w="38100">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rPr>
                  <a:t>下水道施設の</a:t>
                </a:r>
                <a:endParaRPr lang="en-US" altLang="ja-JP" dirty="0">
                  <a:solidFill>
                    <a:schemeClr val="tx1"/>
                  </a:solidFill>
                </a:endParaRPr>
              </a:p>
              <a:p>
                <a:pPr algn="ctr"/>
                <a:r>
                  <a:rPr lang="ja-JP" altLang="en-US" dirty="0">
                    <a:solidFill>
                      <a:schemeClr val="tx1"/>
                    </a:solidFill>
                  </a:rPr>
                  <a:t>運転・維持管理</a:t>
                </a:r>
                <a:endParaRPr kumimoji="1" lang="ja-JP" altLang="en-US" dirty="0">
                  <a:solidFill>
                    <a:schemeClr val="tx1"/>
                  </a:solidFill>
                </a:endParaRPr>
              </a:p>
            </p:txBody>
          </p:sp>
          <p:sp>
            <p:nvSpPr>
              <p:cNvPr id="29" name="四角形: 角を丸くする 28">
                <a:extLst>
                  <a:ext uri="{FF2B5EF4-FFF2-40B4-BE49-F238E27FC236}">
                    <a16:creationId xmlns:a16="http://schemas.microsoft.com/office/drawing/2014/main" id="{90BA1DBE-9C99-BB41-68EF-633982A1A1A9}"/>
                  </a:ext>
                </a:extLst>
              </p:cNvPr>
              <p:cNvSpPr/>
              <p:nvPr/>
            </p:nvSpPr>
            <p:spPr>
              <a:xfrm>
                <a:off x="826486" y="5011416"/>
                <a:ext cx="3233393" cy="782424"/>
              </a:xfrm>
              <a:prstGeom prst="roundRect">
                <a:avLst>
                  <a:gd name="adj" fmla="val 0"/>
                </a:avLst>
              </a:prstGeom>
              <a:solidFill>
                <a:srgbClr val="00FFFF"/>
              </a:solidFill>
              <a:ln w="38100">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tx1"/>
                    </a:solidFill>
                  </a:rPr>
                  <a:t>住民対応業務 ほか</a:t>
                </a:r>
              </a:p>
            </p:txBody>
          </p:sp>
          <p:sp>
            <p:nvSpPr>
              <p:cNvPr id="30" name="四角形: 角を丸くする 29">
                <a:extLst>
                  <a:ext uri="{FF2B5EF4-FFF2-40B4-BE49-F238E27FC236}">
                    <a16:creationId xmlns:a16="http://schemas.microsoft.com/office/drawing/2014/main" id="{95AE3B9C-059B-9039-CDC1-2BEC6C12FDBF}"/>
                  </a:ext>
                </a:extLst>
              </p:cNvPr>
              <p:cNvSpPr/>
              <p:nvPr/>
            </p:nvSpPr>
            <p:spPr>
              <a:xfrm>
                <a:off x="3566239" y="4072678"/>
                <a:ext cx="494503" cy="738000"/>
              </a:xfrm>
              <a:prstGeom prst="roundRect">
                <a:avLst>
                  <a:gd name="adj" fmla="val 0"/>
                </a:avLst>
              </a:prstGeom>
              <a:solidFill>
                <a:srgbClr val="FF0000"/>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sz="1600" dirty="0"/>
              </a:p>
            </p:txBody>
          </p:sp>
        </p:grpSp>
        <p:sp>
          <p:nvSpPr>
            <p:cNvPr id="25" name="テキスト ボックス 24">
              <a:extLst>
                <a:ext uri="{FF2B5EF4-FFF2-40B4-BE49-F238E27FC236}">
                  <a16:creationId xmlns:a16="http://schemas.microsoft.com/office/drawing/2014/main" id="{B1644043-2DB8-CAC9-8E74-A3BF2E8E1915}"/>
                </a:ext>
              </a:extLst>
            </p:cNvPr>
            <p:cNvSpPr txBox="1"/>
            <p:nvPr/>
          </p:nvSpPr>
          <p:spPr>
            <a:xfrm>
              <a:off x="890543" y="6198349"/>
              <a:ext cx="3121963" cy="307777"/>
            </a:xfrm>
            <a:prstGeom prst="rect">
              <a:avLst/>
            </a:prstGeom>
            <a:noFill/>
          </p:spPr>
          <p:txBody>
            <a:bodyPr wrap="square">
              <a:spAutoFit/>
            </a:bodyPr>
            <a:lstStyle/>
            <a:p>
              <a:pPr algn="ctr">
                <a:spcAft>
                  <a:spcPts val="600"/>
                </a:spcAft>
              </a:pPr>
              <a:r>
                <a:rPr lang="ja-JP" altLang="en-US" sz="1400" spc="-150" dirty="0"/>
                <a:t>現在の包括委託契約</a:t>
              </a:r>
            </a:p>
          </p:txBody>
        </p:sp>
        <p:sp>
          <p:nvSpPr>
            <p:cNvPr id="26" name="左中かっこ 25">
              <a:extLst>
                <a:ext uri="{FF2B5EF4-FFF2-40B4-BE49-F238E27FC236}">
                  <a16:creationId xmlns:a16="http://schemas.microsoft.com/office/drawing/2014/main" id="{4576825B-4A2A-47D8-E99E-823D0432CA46}"/>
                </a:ext>
              </a:extLst>
            </p:cNvPr>
            <p:cNvSpPr/>
            <p:nvPr/>
          </p:nvSpPr>
          <p:spPr>
            <a:xfrm rot="16200000">
              <a:off x="2278216" y="4416684"/>
              <a:ext cx="329938" cy="3233393"/>
            </a:xfrm>
            <a:prstGeom prst="lef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
        <p:nvSpPr>
          <p:cNvPr id="31" name="四角形: 角を丸くする 30">
            <a:extLst>
              <a:ext uri="{FF2B5EF4-FFF2-40B4-BE49-F238E27FC236}">
                <a16:creationId xmlns:a16="http://schemas.microsoft.com/office/drawing/2014/main" id="{B708C311-3401-66AE-9992-F8AD93E25A0E}"/>
              </a:ext>
            </a:extLst>
          </p:cNvPr>
          <p:cNvSpPr/>
          <p:nvPr/>
        </p:nvSpPr>
        <p:spPr>
          <a:xfrm>
            <a:off x="4119514" y="4217949"/>
            <a:ext cx="1875934" cy="782424"/>
          </a:xfrm>
          <a:prstGeom prst="roundRect">
            <a:avLst>
              <a:gd name="adj" fmla="val 0"/>
            </a:avLst>
          </a:prstGeom>
          <a:solidFill>
            <a:srgbClr val="FF0000"/>
          </a:solidFill>
          <a:ln w="38100">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dirty="0"/>
              <a:t>一部の</a:t>
            </a:r>
            <a:r>
              <a:rPr lang="ja-JP" altLang="en-US" dirty="0"/>
              <a:t>改築更新</a:t>
            </a:r>
            <a:endParaRPr lang="en-US" altLang="ja-JP" dirty="0"/>
          </a:p>
          <a:p>
            <a:pPr algn="ctr"/>
            <a:r>
              <a:rPr kumimoji="1" lang="ja-JP" altLang="en-US" sz="1600" dirty="0"/>
              <a:t>（取付管ほか）</a:t>
            </a:r>
          </a:p>
        </p:txBody>
      </p:sp>
      <p:sp>
        <p:nvSpPr>
          <p:cNvPr id="192" name="左中かっこ 191">
            <a:extLst>
              <a:ext uri="{FF2B5EF4-FFF2-40B4-BE49-F238E27FC236}">
                <a16:creationId xmlns:a16="http://schemas.microsoft.com/office/drawing/2014/main" id="{F806E8FE-4F31-AE8F-FDA1-A45DE2A9C83F}"/>
              </a:ext>
            </a:extLst>
          </p:cNvPr>
          <p:cNvSpPr/>
          <p:nvPr/>
        </p:nvSpPr>
        <p:spPr>
          <a:xfrm rot="16200000">
            <a:off x="4941856" y="5271322"/>
            <a:ext cx="329938" cy="1875935"/>
          </a:xfrm>
          <a:prstGeom prst="lef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93" name="テキスト ボックス 192">
            <a:extLst>
              <a:ext uri="{FF2B5EF4-FFF2-40B4-BE49-F238E27FC236}">
                <a16:creationId xmlns:a16="http://schemas.microsoft.com/office/drawing/2014/main" id="{7EC660A0-6F0E-4086-9BC4-4413205E01BA}"/>
              </a:ext>
            </a:extLst>
          </p:cNvPr>
          <p:cNvSpPr txBox="1"/>
          <p:nvPr/>
        </p:nvSpPr>
        <p:spPr>
          <a:xfrm>
            <a:off x="3881335" y="6372587"/>
            <a:ext cx="2466150" cy="307777"/>
          </a:xfrm>
          <a:prstGeom prst="rect">
            <a:avLst/>
          </a:prstGeom>
          <a:noFill/>
        </p:spPr>
        <p:txBody>
          <a:bodyPr wrap="square">
            <a:spAutoFit/>
          </a:bodyPr>
          <a:lstStyle/>
          <a:p>
            <a:pPr algn="ctr">
              <a:spcAft>
                <a:spcPts val="600"/>
              </a:spcAft>
            </a:pPr>
            <a:r>
              <a:rPr lang="ja-JP" altLang="en-US" sz="1400" spc="-150" dirty="0"/>
              <a:t>数量変更</a:t>
            </a:r>
          </a:p>
        </p:txBody>
      </p:sp>
      <p:grpSp>
        <p:nvGrpSpPr>
          <p:cNvPr id="194" name="グループ化 193">
            <a:extLst>
              <a:ext uri="{FF2B5EF4-FFF2-40B4-BE49-F238E27FC236}">
                <a16:creationId xmlns:a16="http://schemas.microsoft.com/office/drawing/2014/main" id="{D4FD5057-EFED-675B-8DE6-74ABBCCF1076}"/>
              </a:ext>
            </a:extLst>
          </p:cNvPr>
          <p:cNvGrpSpPr/>
          <p:nvPr/>
        </p:nvGrpSpPr>
        <p:grpSpPr>
          <a:xfrm>
            <a:off x="6573196" y="4228193"/>
            <a:ext cx="2466150" cy="2622050"/>
            <a:chOff x="6573196" y="4053954"/>
            <a:chExt cx="2466150" cy="2622050"/>
          </a:xfrm>
        </p:grpSpPr>
        <p:sp>
          <p:nvSpPr>
            <p:cNvPr id="195" name="四角形: 角を丸くする 194">
              <a:extLst>
                <a:ext uri="{FF2B5EF4-FFF2-40B4-BE49-F238E27FC236}">
                  <a16:creationId xmlns:a16="http://schemas.microsoft.com/office/drawing/2014/main" id="{43459835-9405-27FD-2BDE-8F7A7F3BDD64}"/>
                </a:ext>
              </a:extLst>
            </p:cNvPr>
            <p:cNvSpPr/>
            <p:nvPr/>
          </p:nvSpPr>
          <p:spPr>
            <a:xfrm>
              <a:off x="6654425" y="4053954"/>
              <a:ext cx="2318994" cy="782424"/>
            </a:xfrm>
            <a:prstGeom prst="roundRect">
              <a:avLst>
                <a:gd name="adj" fmla="val 0"/>
              </a:avLst>
            </a:prstGeom>
            <a:solidFill>
              <a:srgbClr val="FF0000"/>
            </a:solidFill>
            <a:ln w="38100">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ja-JP" altLang="en-US" dirty="0"/>
                <a:t>改築計画の作成</a:t>
              </a:r>
              <a:endParaRPr lang="en-US" altLang="ja-JP" dirty="0"/>
            </a:p>
            <a:p>
              <a:pPr algn="ctr"/>
              <a:r>
                <a:rPr kumimoji="1" lang="ja-JP" altLang="en-US" sz="1600" dirty="0"/>
                <a:t>（政策的事業は除く）</a:t>
              </a:r>
            </a:p>
          </p:txBody>
        </p:sp>
        <p:sp>
          <p:nvSpPr>
            <p:cNvPr id="196" name="左中かっこ 195">
              <a:extLst>
                <a:ext uri="{FF2B5EF4-FFF2-40B4-BE49-F238E27FC236}">
                  <a16:creationId xmlns:a16="http://schemas.microsoft.com/office/drawing/2014/main" id="{76D7478E-E067-0AF6-575C-F11B76C5867C}"/>
                </a:ext>
              </a:extLst>
            </p:cNvPr>
            <p:cNvSpPr/>
            <p:nvPr/>
          </p:nvSpPr>
          <p:spPr>
            <a:xfrm rot="16200000">
              <a:off x="7648954" y="4873580"/>
              <a:ext cx="329938" cy="2318993"/>
            </a:xfrm>
            <a:prstGeom prst="lef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97" name="テキスト ボックス 196">
              <a:extLst>
                <a:ext uri="{FF2B5EF4-FFF2-40B4-BE49-F238E27FC236}">
                  <a16:creationId xmlns:a16="http://schemas.microsoft.com/office/drawing/2014/main" id="{EACA2840-5EE6-F938-7CD1-5094264E32C2}"/>
                </a:ext>
              </a:extLst>
            </p:cNvPr>
            <p:cNvSpPr txBox="1"/>
            <p:nvPr/>
          </p:nvSpPr>
          <p:spPr>
            <a:xfrm>
              <a:off x="6573196" y="6198950"/>
              <a:ext cx="2466150" cy="477054"/>
            </a:xfrm>
            <a:prstGeom prst="rect">
              <a:avLst/>
            </a:prstGeom>
            <a:noFill/>
          </p:spPr>
          <p:txBody>
            <a:bodyPr wrap="square">
              <a:spAutoFit/>
            </a:bodyPr>
            <a:lstStyle/>
            <a:p>
              <a:pPr algn="ctr">
                <a:lnSpc>
                  <a:spcPts val="1200"/>
                </a:lnSpc>
                <a:spcAft>
                  <a:spcPts val="600"/>
                </a:spcAft>
              </a:pPr>
              <a:r>
                <a:rPr lang="ja-JP" altLang="en-US" sz="1400" b="1" spc="-150" dirty="0">
                  <a:solidFill>
                    <a:srgbClr val="FF0000"/>
                  </a:solidFill>
                </a:rPr>
                <a:t>ＷーＰＰＰ</a:t>
              </a:r>
              <a:endParaRPr lang="en-US" altLang="ja-JP" sz="1400" b="1" spc="-150" dirty="0">
                <a:solidFill>
                  <a:srgbClr val="FF0000"/>
                </a:solidFill>
              </a:endParaRPr>
            </a:p>
            <a:p>
              <a:pPr algn="ctr">
                <a:lnSpc>
                  <a:spcPts val="1200"/>
                </a:lnSpc>
                <a:spcAft>
                  <a:spcPts val="600"/>
                </a:spcAft>
              </a:pPr>
              <a:r>
                <a:rPr lang="ja-JP" altLang="en-US" sz="1400" b="1" spc="-150" dirty="0">
                  <a:solidFill>
                    <a:srgbClr val="FF0000"/>
                  </a:solidFill>
                </a:rPr>
                <a:t>（更新支援型）</a:t>
              </a:r>
            </a:p>
          </p:txBody>
        </p:sp>
      </p:grpSp>
      <p:grpSp>
        <p:nvGrpSpPr>
          <p:cNvPr id="198" name="グループ化 197">
            <a:extLst>
              <a:ext uri="{FF2B5EF4-FFF2-40B4-BE49-F238E27FC236}">
                <a16:creationId xmlns:a16="http://schemas.microsoft.com/office/drawing/2014/main" id="{45E2CCF5-AC8B-B23F-48B6-A63F88E308E5}"/>
              </a:ext>
            </a:extLst>
          </p:cNvPr>
          <p:cNvGrpSpPr/>
          <p:nvPr/>
        </p:nvGrpSpPr>
        <p:grpSpPr>
          <a:xfrm>
            <a:off x="7485916" y="3176038"/>
            <a:ext cx="1487503" cy="630417"/>
            <a:chOff x="10428050" y="3153986"/>
            <a:chExt cx="1487503" cy="630417"/>
          </a:xfrm>
        </p:grpSpPr>
        <p:grpSp>
          <p:nvGrpSpPr>
            <p:cNvPr id="199" name="グループ化 198">
              <a:extLst>
                <a:ext uri="{FF2B5EF4-FFF2-40B4-BE49-F238E27FC236}">
                  <a16:creationId xmlns:a16="http://schemas.microsoft.com/office/drawing/2014/main" id="{7242AD89-3122-8A7C-2307-7A4B7D17578B}"/>
                </a:ext>
              </a:extLst>
            </p:cNvPr>
            <p:cNvGrpSpPr/>
            <p:nvPr/>
          </p:nvGrpSpPr>
          <p:grpSpPr>
            <a:xfrm>
              <a:off x="10428051" y="3153986"/>
              <a:ext cx="1487502" cy="309561"/>
              <a:chOff x="10428051" y="3066434"/>
              <a:chExt cx="1487502" cy="309561"/>
            </a:xfrm>
          </p:grpSpPr>
          <p:sp>
            <p:nvSpPr>
              <p:cNvPr id="32" name="正方形/長方形 31">
                <a:extLst>
                  <a:ext uri="{FF2B5EF4-FFF2-40B4-BE49-F238E27FC236}">
                    <a16:creationId xmlns:a16="http://schemas.microsoft.com/office/drawing/2014/main" id="{334ED2BC-EB32-E1B1-2246-AABE2D250FAB}"/>
                  </a:ext>
                </a:extLst>
              </p:cNvPr>
              <p:cNvSpPr/>
              <p:nvPr/>
            </p:nvSpPr>
            <p:spPr>
              <a:xfrm>
                <a:off x="10428051" y="3083630"/>
                <a:ext cx="544749" cy="275171"/>
              </a:xfrm>
              <a:prstGeom prst="rect">
                <a:avLst/>
              </a:prstGeom>
              <a:solidFill>
                <a:srgbClr val="00FFFF"/>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テキスト ボックス 32">
                <a:extLst>
                  <a:ext uri="{FF2B5EF4-FFF2-40B4-BE49-F238E27FC236}">
                    <a16:creationId xmlns:a16="http://schemas.microsoft.com/office/drawing/2014/main" id="{4CECEAF2-84D6-358D-AE57-94BA75E612F9}"/>
                  </a:ext>
                </a:extLst>
              </p:cNvPr>
              <p:cNvSpPr txBox="1"/>
              <p:nvPr/>
            </p:nvSpPr>
            <p:spPr>
              <a:xfrm>
                <a:off x="10894981" y="3066434"/>
                <a:ext cx="1020572" cy="309561"/>
              </a:xfrm>
              <a:prstGeom prst="rect">
                <a:avLst/>
              </a:prstGeom>
              <a:noFill/>
            </p:spPr>
            <p:txBody>
              <a:bodyPr wrap="square">
                <a:spAutoFit/>
              </a:bodyPr>
              <a:lstStyle/>
              <a:p>
                <a:pPr algn="ctr">
                  <a:spcAft>
                    <a:spcPts val="600"/>
                  </a:spcAft>
                </a:pPr>
                <a:r>
                  <a:rPr lang="ja-JP" altLang="en-US" sz="1400" spc="-150" dirty="0"/>
                  <a:t>：３条経費</a:t>
                </a:r>
              </a:p>
            </p:txBody>
          </p:sp>
        </p:grpSp>
        <p:grpSp>
          <p:nvGrpSpPr>
            <p:cNvPr id="201" name="グループ化 200">
              <a:extLst>
                <a:ext uri="{FF2B5EF4-FFF2-40B4-BE49-F238E27FC236}">
                  <a16:creationId xmlns:a16="http://schemas.microsoft.com/office/drawing/2014/main" id="{2C4D0CC0-5750-54ED-BFD5-FF8AD1799AA0}"/>
                </a:ext>
              </a:extLst>
            </p:cNvPr>
            <p:cNvGrpSpPr/>
            <p:nvPr/>
          </p:nvGrpSpPr>
          <p:grpSpPr>
            <a:xfrm>
              <a:off x="10428050" y="3474842"/>
              <a:ext cx="1487503" cy="309561"/>
              <a:chOff x="10428050" y="3474842"/>
              <a:chExt cx="1487503" cy="309561"/>
            </a:xfrm>
          </p:grpSpPr>
          <p:sp>
            <p:nvSpPr>
              <p:cNvPr id="202" name="正方形/長方形 201">
                <a:extLst>
                  <a:ext uri="{FF2B5EF4-FFF2-40B4-BE49-F238E27FC236}">
                    <a16:creationId xmlns:a16="http://schemas.microsoft.com/office/drawing/2014/main" id="{CD227C80-4587-F22B-7CF7-F5276317AD3F}"/>
                  </a:ext>
                </a:extLst>
              </p:cNvPr>
              <p:cNvSpPr/>
              <p:nvPr/>
            </p:nvSpPr>
            <p:spPr>
              <a:xfrm>
                <a:off x="10428050" y="3508889"/>
                <a:ext cx="544749" cy="275171"/>
              </a:xfrm>
              <a:prstGeom prst="rect">
                <a:avLst/>
              </a:prstGeom>
              <a:solidFill>
                <a:srgbClr val="F14124"/>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3" name="テキスト ボックス 202">
                <a:extLst>
                  <a:ext uri="{FF2B5EF4-FFF2-40B4-BE49-F238E27FC236}">
                    <a16:creationId xmlns:a16="http://schemas.microsoft.com/office/drawing/2014/main" id="{EB26596E-763C-3C12-F718-CFAACBF005F3}"/>
                  </a:ext>
                </a:extLst>
              </p:cNvPr>
              <p:cNvSpPr txBox="1"/>
              <p:nvPr/>
            </p:nvSpPr>
            <p:spPr>
              <a:xfrm>
                <a:off x="10894981" y="3474842"/>
                <a:ext cx="1020572" cy="309561"/>
              </a:xfrm>
              <a:prstGeom prst="rect">
                <a:avLst/>
              </a:prstGeom>
              <a:noFill/>
            </p:spPr>
            <p:txBody>
              <a:bodyPr wrap="square">
                <a:spAutoFit/>
              </a:bodyPr>
              <a:lstStyle/>
              <a:p>
                <a:pPr algn="ctr">
                  <a:spcAft>
                    <a:spcPts val="600"/>
                  </a:spcAft>
                </a:pPr>
                <a:r>
                  <a:rPr lang="ja-JP" altLang="en-US" sz="1400" spc="-150" dirty="0"/>
                  <a:t>：４条経費</a:t>
                </a:r>
              </a:p>
            </p:txBody>
          </p:sp>
        </p:grpSp>
      </p:grpSp>
      <p:sp>
        <p:nvSpPr>
          <p:cNvPr id="34" name="テキスト ボックス 33">
            <a:extLst>
              <a:ext uri="{FF2B5EF4-FFF2-40B4-BE49-F238E27FC236}">
                <a16:creationId xmlns:a16="http://schemas.microsoft.com/office/drawing/2014/main" id="{1D3C91C5-6788-C6A4-6C41-6A6B2B457E8E}"/>
              </a:ext>
            </a:extLst>
          </p:cNvPr>
          <p:cNvSpPr txBox="1"/>
          <p:nvPr/>
        </p:nvSpPr>
        <p:spPr>
          <a:xfrm>
            <a:off x="6654426" y="5085871"/>
            <a:ext cx="3130374" cy="404021"/>
          </a:xfrm>
          <a:prstGeom prst="rect">
            <a:avLst/>
          </a:prstGeom>
          <a:noFill/>
        </p:spPr>
        <p:txBody>
          <a:bodyPr wrap="square">
            <a:spAutoFit/>
          </a:bodyPr>
          <a:lstStyle/>
          <a:p>
            <a:pPr marL="87313" indent="-87313">
              <a:lnSpc>
                <a:spcPts val="900"/>
              </a:lnSpc>
              <a:spcAft>
                <a:spcPts val="600"/>
              </a:spcAft>
            </a:pPr>
            <a:r>
              <a:rPr lang="en-US" altLang="ja-JP" sz="1200" spc="-150" dirty="0"/>
              <a:t>※</a:t>
            </a:r>
            <a:r>
              <a:rPr lang="ja-JP" altLang="en-US" sz="1200" spc="-150" dirty="0"/>
              <a:t>政策的事業とは、</a:t>
            </a:r>
            <a:endParaRPr lang="en-US" altLang="ja-JP" sz="1200" spc="-150" dirty="0"/>
          </a:p>
          <a:p>
            <a:pPr marL="87313" indent="-87313">
              <a:lnSpc>
                <a:spcPts val="900"/>
              </a:lnSpc>
              <a:spcAft>
                <a:spcPts val="600"/>
              </a:spcAft>
            </a:pPr>
            <a:r>
              <a:rPr lang="ja-JP" altLang="en-US" sz="1200" spc="-150" dirty="0"/>
              <a:t>　大規模な処理場再構築や幹線管渠整備　など</a:t>
            </a:r>
          </a:p>
        </p:txBody>
      </p:sp>
      <p:sp>
        <p:nvSpPr>
          <p:cNvPr id="35" name="矢印: 下 34">
            <a:extLst>
              <a:ext uri="{FF2B5EF4-FFF2-40B4-BE49-F238E27FC236}">
                <a16:creationId xmlns:a16="http://schemas.microsoft.com/office/drawing/2014/main" id="{014657D9-1870-7BA1-563F-5C2C55804C3F}"/>
              </a:ext>
            </a:extLst>
          </p:cNvPr>
          <p:cNvSpPr/>
          <p:nvPr/>
        </p:nvSpPr>
        <p:spPr>
          <a:xfrm rot="10800000">
            <a:off x="4880812" y="5129075"/>
            <a:ext cx="428625" cy="219226"/>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テキスト ボックス 35">
            <a:extLst>
              <a:ext uri="{FF2B5EF4-FFF2-40B4-BE49-F238E27FC236}">
                <a16:creationId xmlns:a16="http://schemas.microsoft.com/office/drawing/2014/main" id="{38379CEC-4024-4DC0-C6A1-B7736F4F542C}"/>
              </a:ext>
            </a:extLst>
          </p:cNvPr>
          <p:cNvSpPr txBox="1"/>
          <p:nvPr/>
        </p:nvSpPr>
        <p:spPr>
          <a:xfrm>
            <a:off x="4157156" y="5347325"/>
            <a:ext cx="1875935" cy="338554"/>
          </a:xfrm>
          <a:prstGeom prst="rect">
            <a:avLst/>
          </a:prstGeom>
          <a:noFill/>
        </p:spPr>
        <p:txBody>
          <a:bodyPr wrap="square">
            <a:spAutoFit/>
          </a:bodyPr>
          <a:lstStyle/>
          <a:p>
            <a:pPr algn="ctr">
              <a:spcAft>
                <a:spcPts val="600"/>
              </a:spcAft>
            </a:pPr>
            <a:r>
              <a:rPr lang="ja-JP" altLang="en-US" sz="1600" spc="-150" dirty="0"/>
              <a:t>計画策定業務を含む</a:t>
            </a:r>
          </a:p>
        </p:txBody>
      </p:sp>
      <p:sp>
        <p:nvSpPr>
          <p:cNvPr id="3" name="Text Box 64">
            <a:extLst>
              <a:ext uri="{FF2B5EF4-FFF2-40B4-BE49-F238E27FC236}">
                <a16:creationId xmlns:a16="http://schemas.microsoft.com/office/drawing/2014/main" id="{0C068FD7-948E-19B6-2FDA-B092EC17E223}"/>
              </a:ext>
            </a:extLst>
          </p:cNvPr>
          <p:cNvSpPr txBox="1">
            <a:spLocks noChangeArrowheads="1"/>
          </p:cNvSpPr>
          <p:nvPr/>
        </p:nvSpPr>
        <p:spPr bwMode="auto">
          <a:xfrm>
            <a:off x="0" y="679142"/>
            <a:ext cx="9894750" cy="476209"/>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委託契約の概要（令和</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7</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年度からの</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W</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ー</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PPP</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導入）</a:t>
            </a:r>
          </a:p>
        </p:txBody>
      </p:sp>
      <p:sp>
        <p:nvSpPr>
          <p:cNvPr id="6" name="角丸四角形 17">
            <a:extLst>
              <a:ext uri="{FF2B5EF4-FFF2-40B4-BE49-F238E27FC236}">
                <a16:creationId xmlns:a16="http://schemas.microsoft.com/office/drawing/2014/main" id="{ED9221D1-7525-4B2E-6B86-4741DAF24456}"/>
              </a:ext>
            </a:extLst>
          </p:cNvPr>
          <p:cNvSpPr/>
          <p:nvPr/>
        </p:nvSpPr>
        <p:spPr>
          <a:xfrm>
            <a:off x="72908" y="96839"/>
            <a:ext cx="95282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２．</a:t>
            </a:r>
            <a:r>
              <a:rPr lang="zh-TW" altLang="en-US" sz="2275" dirty="0">
                <a:solidFill>
                  <a:schemeClr val="tx1"/>
                </a:solidFill>
                <a:latin typeface="HGPｺﾞｼｯｸE" panose="020B0900000000000000" pitchFamily="50" charset="-128"/>
                <a:ea typeface="HGPｺﾞｼｯｸE" panose="020B0900000000000000" pitchFamily="50" charset="-128"/>
              </a:rPr>
              <a:t>大阪市下水道施設包括的管理業務委託</a:t>
            </a:r>
            <a:r>
              <a:rPr lang="ja-JP" altLang="en-US" sz="2275" dirty="0">
                <a:solidFill>
                  <a:schemeClr val="tx1"/>
                </a:solidFill>
                <a:latin typeface="HGPｺﾞｼｯｸE" panose="020B0900000000000000" pitchFamily="50" charset="-128"/>
                <a:ea typeface="HGPｺﾞｼｯｸE" panose="020B0900000000000000" pitchFamily="50" charset="-128"/>
              </a:rPr>
              <a:t>の業務</a:t>
            </a:r>
            <a:r>
              <a:rPr lang="zh-TW" altLang="en-US" sz="2275" dirty="0">
                <a:solidFill>
                  <a:schemeClr val="tx1"/>
                </a:solidFill>
                <a:latin typeface="HGPｺﾞｼｯｸE" panose="020B0900000000000000" pitchFamily="50" charset="-128"/>
                <a:ea typeface="HGPｺﾞｼｯｸE" panose="020B0900000000000000" pitchFamily="50" charset="-128"/>
              </a:rPr>
              <a:t>内容</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233930478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39804B5-914F-12D7-ECFC-25C9BB677B37}"/>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C5F95388-E5D8-2EDB-7F7A-28FE726BD4F6}"/>
              </a:ext>
            </a:extLst>
          </p:cNvPr>
          <p:cNvSpPr>
            <a:spLocks noGrp="1"/>
          </p:cNvSpPr>
          <p:nvPr>
            <p:ph type="sldNum" sz="quarter" idx="12"/>
          </p:nvPr>
        </p:nvSpPr>
        <p:spPr/>
        <p:txBody>
          <a:bodyPr/>
          <a:lstStyle/>
          <a:p>
            <a:fld id="{36EC18DB-A5DF-4E0E-B815-FCD04A2C4B2C}" type="slidenum">
              <a:rPr kumimoji="1" lang="ja-JP" altLang="en-US" smtClean="0"/>
              <a:t>14</a:t>
            </a:fld>
            <a:endParaRPr kumimoji="1" lang="ja-JP" altLang="en-US" dirty="0"/>
          </a:p>
        </p:txBody>
      </p:sp>
      <p:sp>
        <p:nvSpPr>
          <p:cNvPr id="200" name="コンテンツ プレースホルダー 2">
            <a:extLst>
              <a:ext uri="{FF2B5EF4-FFF2-40B4-BE49-F238E27FC236}">
                <a16:creationId xmlns:a16="http://schemas.microsoft.com/office/drawing/2014/main" id="{C05590DC-C8E5-1CC9-D13B-C5D0E4E4F468}"/>
              </a:ext>
            </a:extLst>
          </p:cNvPr>
          <p:cNvSpPr txBox="1">
            <a:spLocks/>
          </p:cNvSpPr>
          <p:nvPr/>
        </p:nvSpPr>
        <p:spPr>
          <a:xfrm>
            <a:off x="1452222" y="772986"/>
            <a:ext cx="9174469" cy="951562"/>
          </a:xfrm>
          <a:prstGeom prst="rect">
            <a:avLst/>
          </a:prstGeom>
        </p:spPr>
        <p:txBody>
          <a:bodyPr>
            <a:noAutofit/>
          </a:bodyPr>
          <a:lstStyle>
            <a:defPPr>
              <a:defRPr lang="ja-JP"/>
            </a:defPPr>
            <a:lvl1pPr marL="228600" indent="-228600">
              <a:lnSpc>
                <a:spcPct val="50000"/>
              </a:lnSpc>
              <a:spcBef>
                <a:spcPts val="600"/>
              </a:spcBef>
              <a:buFont typeface="Arial" panose="020B0604020202020204" pitchFamily="34" charset="0"/>
              <a:buNone/>
              <a:defRPr sz="1600">
                <a:latin typeface="HG丸ｺﾞｼｯｸM-PRO" pitchFamily="50" charset="-128"/>
                <a:ea typeface="HG丸ｺﾞｼｯｸM-PRO" pitchFamily="50" charset="-128"/>
              </a:defRPr>
            </a:lvl1pPr>
            <a:lvl2pPr marL="685800" indent="-228600">
              <a:lnSpc>
                <a:spcPct val="90000"/>
              </a:lnSpc>
              <a:spcBef>
                <a:spcPts val="500"/>
              </a:spcBef>
              <a:buFont typeface="Arial" panose="020B0604020202020204" pitchFamily="34" charset="0"/>
              <a:buChar char="•"/>
              <a:defRPr sz="2400"/>
            </a:lvl2pPr>
            <a:lvl3pPr marL="1143000" indent="-228600">
              <a:lnSpc>
                <a:spcPct val="90000"/>
              </a:lnSpc>
              <a:spcBef>
                <a:spcPts val="500"/>
              </a:spcBef>
              <a:buFont typeface="Arial" panose="020B0604020202020204" pitchFamily="34" charset="0"/>
              <a:buChar char="•"/>
              <a:defRPr sz="2000"/>
            </a:lvl3pPr>
            <a:lvl4pPr marL="1600200" indent="-228600">
              <a:lnSpc>
                <a:spcPct val="90000"/>
              </a:lnSpc>
              <a:spcBef>
                <a:spcPts val="500"/>
              </a:spcBef>
              <a:buFont typeface="Arial" panose="020B0604020202020204" pitchFamily="34" charset="0"/>
              <a:buChar char="•"/>
            </a:lvl4pPr>
            <a:lvl5pPr marL="2057400" indent="-228600">
              <a:lnSpc>
                <a:spcPct val="90000"/>
              </a:lnSpc>
              <a:spcBef>
                <a:spcPts val="500"/>
              </a:spcBef>
              <a:buFont typeface="Arial" panose="020B0604020202020204" pitchFamily="34" charset="0"/>
              <a:buChar char="•"/>
            </a:lvl5pPr>
            <a:lvl6pPr marL="2514600" indent="-228600">
              <a:lnSpc>
                <a:spcPct val="90000"/>
              </a:lnSpc>
              <a:spcBef>
                <a:spcPts val="500"/>
              </a:spcBef>
              <a:buFont typeface="Arial" panose="020B0604020202020204" pitchFamily="34" charset="0"/>
              <a:buChar char="•"/>
            </a:lvl6pPr>
            <a:lvl7pPr marL="2971800" indent="-228600">
              <a:lnSpc>
                <a:spcPct val="90000"/>
              </a:lnSpc>
              <a:spcBef>
                <a:spcPts val="500"/>
              </a:spcBef>
              <a:buFont typeface="Arial" panose="020B0604020202020204" pitchFamily="34" charset="0"/>
              <a:buChar char="•"/>
            </a:lvl7pPr>
            <a:lvl8pPr marL="3429000" indent="-228600">
              <a:lnSpc>
                <a:spcPct val="90000"/>
              </a:lnSpc>
              <a:spcBef>
                <a:spcPts val="500"/>
              </a:spcBef>
              <a:buFont typeface="Arial" panose="020B0604020202020204" pitchFamily="34" charset="0"/>
              <a:buChar char="•"/>
            </a:lvl8pPr>
            <a:lvl9pPr marL="3886200" indent="-228600">
              <a:lnSpc>
                <a:spcPct val="90000"/>
              </a:lnSpc>
              <a:spcBef>
                <a:spcPts val="500"/>
              </a:spcBef>
              <a:buFont typeface="Arial" panose="020B0604020202020204" pitchFamily="34" charset="0"/>
              <a:buChar char="•"/>
            </a:lvl9pPr>
          </a:lstStyle>
          <a:p>
            <a:pPr>
              <a:spcBef>
                <a:spcPts val="1200"/>
              </a:spcBef>
            </a:pPr>
            <a:endParaRPr lang="en-US" altLang="ja-JP" dirty="0">
              <a:latin typeface="+mn-ea"/>
              <a:ea typeface="+mn-ea"/>
            </a:endParaRPr>
          </a:p>
        </p:txBody>
      </p:sp>
      <p:sp>
        <p:nvSpPr>
          <p:cNvPr id="3" name="Text Box 64">
            <a:extLst>
              <a:ext uri="{FF2B5EF4-FFF2-40B4-BE49-F238E27FC236}">
                <a16:creationId xmlns:a16="http://schemas.microsoft.com/office/drawing/2014/main" id="{70AB1442-1146-F184-478B-1674A16EC216}"/>
              </a:ext>
            </a:extLst>
          </p:cNvPr>
          <p:cNvSpPr txBox="1">
            <a:spLocks noChangeArrowheads="1"/>
          </p:cNvSpPr>
          <p:nvPr/>
        </p:nvSpPr>
        <p:spPr bwMode="auto">
          <a:xfrm>
            <a:off x="0" y="679142"/>
            <a:ext cx="9894750" cy="476209"/>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委託契約の概要（令和</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7</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年度からの</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W</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ー</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PPP</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導入）</a:t>
            </a:r>
          </a:p>
        </p:txBody>
      </p:sp>
      <p:sp>
        <p:nvSpPr>
          <p:cNvPr id="6" name="角丸四角形 17">
            <a:extLst>
              <a:ext uri="{FF2B5EF4-FFF2-40B4-BE49-F238E27FC236}">
                <a16:creationId xmlns:a16="http://schemas.microsoft.com/office/drawing/2014/main" id="{C4E3A619-4DC7-30FB-0D4D-86040EB41213}"/>
              </a:ext>
            </a:extLst>
          </p:cNvPr>
          <p:cNvSpPr/>
          <p:nvPr/>
        </p:nvSpPr>
        <p:spPr>
          <a:xfrm>
            <a:off x="72908" y="96839"/>
            <a:ext cx="95282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２．</a:t>
            </a:r>
            <a:r>
              <a:rPr lang="zh-TW" altLang="en-US" sz="2275" dirty="0">
                <a:solidFill>
                  <a:schemeClr val="tx1"/>
                </a:solidFill>
                <a:latin typeface="HGPｺﾞｼｯｸE" panose="020B0900000000000000" pitchFamily="50" charset="-128"/>
                <a:ea typeface="HGPｺﾞｼｯｸE" panose="020B0900000000000000" pitchFamily="50" charset="-128"/>
              </a:rPr>
              <a:t>大阪市下水道施設包括的管理業務委託</a:t>
            </a:r>
            <a:r>
              <a:rPr lang="ja-JP" altLang="en-US" sz="2275" dirty="0">
                <a:solidFill>
                  <a:schemeClr val="tx1"/>
                </a:solidFill>
                <a:latin typeface="HGPｺﾞｼｯｸE" panose="020B0900000000000000" pitchFamily="50" charset="-128"/>
                <a:ea typeface="HGPｺﾞｼｯｸE" panose="020B0900000000000000" pitchFamily="50" charset="-128"/>
              </a:rPr>
              <a:t>の業務</a:t>
            </a:r>
            <a:r>
              <a:rPr lang="zh-TW" altLang="en-US" sz="2275" dirty="0">
                <a:solidFill>
                  <a:schemeClr val="tx1"/>
                </a:solidFill>
                <a:latin typeface="HGPｺﾞｼｯｸE" panose="020B0900000000000000" pitchFamily="50" charset="-128"/>
                <a:ea typeface="HGPｺﾞｼｯｸE" panose="020B0900000000000000" pitchFamily="50" charset="-128"/>
              </a:rPr>
              <a:t>内容</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pic>
        <p:nvPicPr>
          <p:cNvPr id="7" name="図 6" descr="タイムライン が含まれている画像&#10;&#10;AI によって生成されたコンテンツは間違っている可能性があります。">
            <a:extLst>
              <a:ext uri="{FF2B5EF4-FFF2-40B4-BE49-F238E27FC236}">
                <a16:creationId xmlns:a16="http://schemas.microsoft.com/office/drawing/2014/main" id="{2D631F67-306A-F27A-EDEC-D9829FBE838E}"/>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5902291" y="1525185"/>
            <a:ext cx="3932090" cy="4070429"/>
          </a:xfrm>
          <a:prstGeom prst="rect">
            <a:avLst/>
          </a:prstGeom>
        </p:spPr>
      </p:pic>
      <p:sp>
        <p:nvSpPr>
          <p:cNvPr id="11" name="テキスト ボックス 10">
            <a:extLst>
              <a:ext uri="{FF2B5EF4-FFF2-40B4-BE49-F238E27FC236}">
                <a16:creationId xmlns:a16="http://schemas.microsoft.com/office/drawing/2014/main" id="{455FBB1D-3FA8-C4D4-D606-118185798CE2}"/>
              </a:ext>
            </a:extLst>
          </p:cNvPr>
          <p:cNvSpPr txBox="1"/>
          <p:nvPr/>
        </p:nvSpPr>
        <p:spPr>
          <a:xfrm>
            <a:off x="12364" y="1155351"/>
            <a:ext cx="6168251" cy="338554"/>
          </a:xfrm>
          <a:prstGeom prst="rect">
            <a:avLst/>
          </a:prstGeom>
          <a:noFill/>
        </p:spPr>
        <p:txBody>
          <a:bodyPr wrap="square" rtlCol="0">
            <a:spAutoFit/>
          </a:bodyPr>
          <a:lstStyle/>
          <a:p>
            <a:pPr marL="285750" indent="-285750">
              <a:buFont typeface="Wingdings" panose="05000000000000000000" pitchFamily="2" charset="2"/>
              <a:buChar char="u"/>
            </a:pPr>
            <a:r>
              <a:rPr kumimoji="1" lang="ja-JP" altLang="en-US" sz="1600" dirty="0"/>
              <a:t>令和７年度の業務予定（</a:t>
            </a:r>
            <a:r>
              <a:rPr kumimoji="1" lang="zh-TW" altLang="en-US" sz="1600" dirty="0"/>
              <a:t>管渠改築更新実施計画案作成業務</a:t>
            </a:r>
            <a:r>
              <a:rPr kumimoji="1" lang="ja-JP" altLang="en-US" sz="1600" dirty="0"/>
              <a:t>）</a:t>
            </a:r>
          </a:p>
        </p:txBody>
      </p:sp>
      <p:sp>
        <p:nvSpPr>
          <p:cNvPr id="17" name="テキスト ボックス 16">
            <a:extLst>
              <a:ext uri="{FF2B5EF4-FFF2-40B4-BE49-F238E27FC236}">
                <a16:creationId xmlns:a16="http://schemas.microsoft.com/office/drawing/2014/main" id="{8DC40D45-436C-0B48-F798-988813A8D49E}"/>
              </a:ext>
            </a:extLst>
          </p:cNvPr>
          <p:cNvSpPr txBox="1"/>
          <p:nvPr/>
        </p:nvSpPr>
        <p:spPr>
          <a:xfrm>
            <a:off x="194276" y="1646921"/>
            <a:ext cx="5624209" cy="4893647"/>
          </a:xfrm>
          <a:prstGeom prst="rect">
            <a:avLst/>
          </a:prstGeom>
          <a:noFill/>
        </p:spPr>
        <p:txBody>
          <a:bodyPr wrap="square">
            <a:spAutoFit/>
          </a:bodyPr>
          <a:lstStyle/>
          <a:p>
            <a:r>
              <a:rPr lang="en-US" altLang="ja-JP" sz="1200" dirty="0"/>
              <a:t>【</a:t>
            </a:r>
            <a:r>
              <a:rPr lang="ja-JP" altLang="en-US" sz="1200" dirty="0"/>
              <a:t>必要データの収集・確認 </a:t>
            </a:r>
            <a:r>
              <a:rPr lang="en-US" altLang="ja-JP" sz="1200" dirty="0"/>
              <a:t>】</a:t>
            </a:r>
            <a:endParaRPr lang="ja-JP" altLang="en-US" sz="1200" dirty="0"/>
          </a:p>
          <a:p>
            <a:r>
              <a:rPr lang="ja-JP" altLang="en-US" sz="1200" dirty="0"/>
              <a:t>ア  発注者が保有する各種データ </a:t>
            </a:r>
          </a:p>
          <a:p>
            <a:r>
              <a:rPr lang="ja-JP" altLang="en-US" sz="1200" dirty="0"/>
              <a:t>　(ア)「大阪市下水道総合情報システム」（施設管理（管路）システム）データ </a:t>
            </a:r>
          </a:p>
          <a:p>
            <a:r>
              <a:rPr lang="ja-JP" altLang="en-US" sz="1200" dirty="0"/>
              <a:t>　(イ)下水管渠再構築工事の発注・施工状況、設計路線立会状況のデータ </a:t>
            </a:r>
          </a:p>
          <a:p>
            <a:r>
              <a:rPr lang="ja-JP" altLang="en-US" sz="1200" dirty="0"/>
              <a:t>　(ウ)地震対策に関するデータ（大阪市下水道総合地震対策計画に基づく耐震路線、</a:t>
            </a:r>
            <a:endParaRPr lang="en-US" altLang="ja-JP" sz="1200" dirty="0"/>
          </a:p>
          <a:p>
            <a:r>
              <a:rPr lang="ja-JP" altLang="en-US" sz="1200" dirty="0"/>
              <a:t>　　　大阪市上下水道耐震化計画に基づく重要給排水ルート </a:t>
            </a:r>
          </a:p>
          <a:p>
            <a:r>
              <a:rPr lang="ja-JP" altLang="en-US" sz="1200" dirty="0"/>
              <a:t>　(エ)国の動向等を踏まえた本市の施策に関するデータ </a:t>
            </a:r>
          </a:p>
          <a:p>
            <a:r>
              <a:rPr lang="ja-JP" altLang="en-US" sz="1200" dirty="0"/>
              <a:t>　(オ)その他のデータ </a:t>
            </a:r>
          </a:p>
          <a:p>
            <a:endParaRPr lang="en-US" altLang="ja-JP" sz="1200" dirty="0"/>
          </a:p>
          <a:p>
            <a:r>
              <a:rPr lang="ja-JP" altLang="en-US" sz="1200" dirty="0"/>
              <a:t>イ  受注者が保有する各種データ </a:t>
            </a:r>
          </a:p>
          <a:p>
            <a:r>
              <a:rPr lang="ja-JP" altLang="en-US" sz="1200" dirty="0"/>
              <a:t>　(ア)本業務委託における最新（速報版）の詳細調査等の結果及び健全度データ </a:t>
            </a:r>
          </a:p>
          <a:p>
            <a:r>
              <a:rPr lang="ja-JP" altLang="en-US" sz="1200" dirty="0"/>
              <a:t>　(イ)懸案台帳データ </a:t>
            </a:r>
          </a:p>
          <a:p>
            <a:r>
              <a:rPr lang="ja-JP" altLang="en-US" sz="1200" dirty="0"/>
              <a:t>　(ウ)その他、受注者が保有する各種データ </a:t>
            </a:r>
          </a:p>
          <a:p>
            <a:endParaRPr lang="en-US" altLang="ja-JP" sz="1200" dirty="0"/>
          </a:p>
          <a:p>
            <a:r>
              <a:rPr lang="en-US" altLang="ja-JP" sz="1200" b="1" u="sng" dirty="0">
                <a:solidFill>
                  <a:srgbClr val="FF0000"/>
                </a:solidFill>
              </a:rPr>
              <a:t>【</a:t>
            </a:r>
            <a:r>
              <a:rPr lang="ja-JP" altLang="en-US" sz="1200" b="1" u="sng" dirty="0">
                <a:solidFill>
                  <a:srgbClr val="FF0000"/>
                </a:solidFill>
              </a:rPr>
              <a:t>健全度リストの作成</a:t>
            </a:r>
            <a:r>
              <a:rPr lang="en-US" altLang="ja-JP" sz="1200" b="1" u="sng" dirty="0">
                <a:solidFill>
                  <a:srgbClr val="FF0000"/>
                </a:solidFill>
              </a:rPr>
              <a:t>】</a:t>
            </a:r>
            <a:endParaRPr lang="ja-JP" altLang="en-US" sz="1200" b="1" u="sng" dirty="0">
              <a:solidFill>
                <a:srgbClr val="FF0000"/>
              </a:solidFill>
            </a:endParaRPr>
          </a:p>
          <a:p>
            <a:r>
              <a:rPr lang="ja-JP" altLang="en-US" sz="1200" dirty="0"/>
              <a:t>　必要データの収集・確認後、各データを統合し、調査状況、健全度、発注状況などを</a:t>
            </a:r>
            <a:endParaRPr lang="en-US" altLang="ja-JP" sz="1200" dirty="0"/>
          </a:p>
          <a:p>
            <a:r>
              <a:rPr lang="ja-JP" altLang="en-US" sz="1200" dirty="0"/>
              <a:t>　整理したうえで、改築路線の選定に必要となる健全度リストを作成します。</a:t>
            </a:r>
            <a:endParaRPr lang="en-US" altLang="ja-JP" sz="1200" dirty="0"/>
          </a:p>
          <a:p>
            <a:r>
              <a:rPr lang="ja-JP" altLang="en-US" sz="1200" dirty="0"/>
              <a:t>　また、本リストを基にQJISソフトを用いて俯瞰図を作成します。なお、その他追加情報の</a:t>
            </a:r>
            <a:endParaRPr lang="en-US" altLang="ja-JP" sz="1200" dirty="0"/>
          </a:p>
          <a:p>
            <a:r>
              <a:rPr lang="ja-JP" altLang="en-US" sz="1200" dirty="0"/>
              <a:t>　整理が生じる場合は、監督職員と協議の上、実施します。 </a:t>
            </a:r>
          </a:p>
          <a:p>
            <a:endParaRPr lang="en-US" altLang="ja-JP" sz="1200" dirty="0"/>
          </a:p>
          <a:p>
            <a:r>
              <a:rPr lang="en-US" altLang="ja-JP" sz="1200" b="1" u="sng" dirty="0">
                <a:solidFill>
                  <a:srgbClr val="FF0000"/>
                </a:solidFill>
              </a:rPr>
              <a:t>【</a:t>
            </a:r>
            <a:r>
              <a:rPr lang="ja-JP" altLang="en-US" sz="1200" b="1" u="sng" dirty="0">
                <a:solidFill>
                  <a:srgbClr val="FF0000"/>
                </a:solidFill>
              </a:rPr>
              <a:t>改築更新実施計画案の作成</a:t>
            </a:r>
            <a:r>
              <a:rPr lang="en-US" altLang="ja-JP" sz="1200" b="1" u="sng" dirty="0">
                <a:solidFill>
                  <a:srgbClr val="FF0000"/>
                </a:solidFill>
              </a:rPr>
              <a:t>】</a:t>
            </a:r>
            <a:endParaRPr lang="ja-JP" altLang="en-US" sz="1200" b="1" u="sng" dirty="0">
              <a:solidFill>
                <a:srgbClr val="FF0000"/>
              </a:solidFill>
            </a:endParaRPr>
          </a:p>
          <a:p>
            <a:r>
              <a:rPr lang="ja-JP" altLang="en-US" sz="1200" dirty="0"/>
              <a:t>　作成した健全度リストなどを基に優先度、維持管理業務上の気づき等を踏まえ改築</a:t>
            </a:r>
            <a:endParaRPr lang="en-US" altLang="ja-JP" sz="1200" dirty="0"/>
          </a:p>
          <a:p>
            <a:r>
              <a:rPr lang="ja-JP" altLang="en-US" sz="1200" dirty="0"/>
              <a:t>　優先路線を選定した、改築更新実施計画案を作成します。</a:t>
            </a:r>
            <a:endParaRPr lang="en-US" altLang="ja-JP" sz="1200" dirty="0"/>
          </a:p>
          <a:p>
            <a:r>
              <a:rPr lang="ja-JP" altLang="en-US" sz="1200" dirty="0"/>
              <a:t>　なお、改築更新実施計画案を作成に必要となる概算費用算出に使用する単価に</a:t>
            </a:r>
            <a:endParaRPr lang="en-US" altLang="ja-JP" sz="1200" dirty="0"/>
          </a:p>
          <a:p>
            <a:r>
              <a:rPr lang="ja-JP" altLang="en-US" sz="1200" dirty="0"/>
              <a:t>　ついては、監督職員と協議の上、決定します。</a:t>
            </a:r>
          </a:p>
        </p:txBody>
      </p:sp>
      <p:sp>
        <p:nvSpPr>
          <p:cNvPr id="18" name="テキスト ボックス 17">
            <a:extLst>
              <a:ext uri="{FF2B5EF4-FFF2-40B4-BE49-F238E27FC236}">
                <a16:creationId xmlns:a16="http://schemas.microsoft.com/office/drawing/2014/main" id="{D5C4FAF5-0744-2319-FFCC-129254E0B786}"/>
              </a:ext>
            </a:extLst>
          </p:cNvPr>
          <p:cNvSpPr txBox="1"/>
          <p:nvPr/>
        </p:nvSpPr>
        <p:spPr>
          <a:xfrm>
            <a:off x="6912557" y="1201768"/>
            <a:ext cx="2211986" cy="276999"/>
          </a:xfrm>
          <a:prstGeom prst="rect">
            <a:avLst/>
          </a:prstGeom>
          <a:noFill/>
        </p:spPr>
        <p:txBody>
          <a:bodyPr wrap="square">
            <a:spAutoFit/>
          </a:bodyPr>
          <a:lstStyle/>
          <a:p>
            <a:pPr algn="ctr"/>
            <a:r>
              <a:rPr lang="ja-JP" altLang="en-US" sz="1200" dirty="0"/>
              <a:t>業務フロー（案）</a:t>
            </a:r>
          </a:p>
        </p:txBody>
      </p:sp>
    </p:spTree>
    <p:extLst>
      <p:ext uri="{BB962C8B-B14F-4D97-AF65-F5344CB8AC3E}">
        <p14:creationId xmlns:p14="http://schemas.microsoft.com/office/powerpoint/2010/main" val="1369406540"/>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540789B-4B38-FAF9-BA73-4D49B43A7711}"/>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B2CAAA4E-638B-D9D5-659D-CF7C470BFBDD}"/>
              </a:ext>
            </a:extLst>
          </p:cNvPr>
          <p:cNvSpPr>
            <a:spLocks noGrp="1"/>
          </p:cNvSpPr>
          <p:nvPr>
            <p:ph type="sldNum" sz="quarter" idx="12"/>
          </p:nvPr>
        </p:nvSpPr>
        <p:spPr/>
        <p:txBody>
          <a:bodyPr/>
          <a:lstStyle/>
          <a:p>
            <a:fld id="{36EC18DB-A5DF-4E0E-B815-FCD04A2C4B2C}" type="slidenum">
              <a:rPr kumimoji="1" lang="ja-JP" altLang="en-US" smtClean="0"/>
              <a:t>15</a:t>
            </a:fld>
            <a:endParaRPr kumimoji="1" lang="ja-JP" altLang="en-US" dirty="0"/>
          </a:p>
        </p:txBody>
      </p:sp>
      <p:sp>
        <p:nvSpPr>
          <p:cNvPr id="200" name="コンテンツ プレースホルダー 2">
            <a:extLst>
              <a:ext uri="{FF2B5EF4-FFF2-40B4-BE49-F238E27FC236}">
                <a16:creationId xmlns:a16="http://schemas.microsoft.com/office/drawing/2014/main" id="{3C037A5B-9D4C-5D8C-E10C-B129C13D7E5A}"/>
              </a:ext>
            </a:extLst>
          </p:cNvPr>
          <p:cNvSpPr txBox="1">
            <a:spLocks/>
          </p:cNvSpPr>
          <p:nvPr/>
        </p:nvSpPr>
        <p:spPr>
          <a:xfrm>
            <a:off x="1452222" y="772986"/>
            <a:ext cx="9174469" cy="951562"/>
          </a:xfrm>
          <a:prstGeom prst="rect">
            <a:avLst/>
          </a:prstGeom>
        </p:spPr>
        <p:txBody>
          <a:bodyPr>
            <a:noAutofit/>
          </a:bodyPr>
          <a:lstStyle>
            <a:defPPr>
              <a:defRPr lang="ja-JP"/>
            </a:defPPr>
            <a:lvl1pPr marL="228600" indent="-228600">
              <a:lnSpc>
                <a:spcPct val="50000"/>
              </a:lnSpc>
              <a:spcBef>
                <a:spcPts val="600"/>
              </a:spcBef>
              <a:buFont typeface="Arial" panose="020B0604020202020204" pitchFamily="34" charset="0"/>
              <a:buNone/>
              <a:defRPr sz="1600">
                <a:latin typeface="HG丸ｺﾞｼｯｸM-PRO" pitchFamily="50" charset="-128"/>
                <a:ea typeface="HG丸ｺﾞｼｯｸM-PRO" pitchFamily="50" charset="-128"/>
              </a:defRPr>
            </a:lvl1pPr>
            <a:lvl2pPr marL="685800" indent="-228600">
              <a:lnSpc>
                <a:spcPct val="90000"/>
              </a:lnSpc>
              <a:spcBef>
                <a:spcPts val="500"/>
              </a:spcBef>
              <a:buFont typeface="Arial" panose="020B0604020202020204" pitchFamily="34" charset="0"/>
              <a:buChar char="•"/>
              <a:defRPr sz="2400"/>
            </a:lvl2pPr>
            <a:lvl3pPr marL="1143000" indent="-228600">
              <a:lnSpc>
                <a:spcPct val="90000"/>
              </a:lnSpc>
              <a:spcBef>
                <a:spcPts val="500"/>
              </a:spcBef>
              <a:buFont typeface="Arial" panose="020B0604020202020204" pitchFamily="34" charset="0"/>
              <a:buChar char="•"/>
              <a:defRPr sz="2000"/>
            </a:lvl3pPr>
            <a:lvl4pPr marL="1600200" indent="-228600">
              <a:lnSpc>
                <a:spcPct val="90000"/>
              </a:lnSpc>
              <a:spcBef>
                <a:spcPts val="500"/>
              </a:spcBef>
              <a:buFont typeface="Arial" panose="020B0604020202020204" pitchFamily="34" charset="0"/>
              <a:buChar char="•"/>
            </a:lvl4pPr>
            <a:lvl5pPr marL="2057400" indent="-228600">
              <a:lnSpc>
                <a:spcPct val="90000"/>
              </a:lnSpc>
              <a:spcBef>
                <a:spcPts val="500"/>
              </a:spcBef>
              <a:buFont typeface="Arial" panose="020B0604020202020204" pitchFamily="34" charset="0"/>
              <a:buChar char="•"/>
            </a:lvl5pPr>
            <a:lvl6pPr marL="2514600" indent="-228600">
              <a:lnSpc>
                <a:spcPct val="90000"/>
              </a:lnSpc>
              <a:spcBef>
                <a:spcPts val="500"/>
              </a:spcBef>
              <a:buFont typeface="Arial" panose="020B0604020202020204" pitchFamily="34" charset="0"/>
              <a:buChar char="•"/>
            </a:lvl6pPr>
            <a:lvl7pPr marL="2971800" indent="-228600">
              <a:lnSpc>
                <a:spcPct val="90000"/>
              </a:lnSpc>
              <a:spcBef>
                <a:spcPts val="500"/>
              </a:spcBef>
              <a:buFont typeface="Arial" panose="020B0604020202020204" pitchFamily="34" charset="0"/>
              <a:buChar char="•"/>
            </a:lvl7pPr>
            <a:lvl8pPr marL="3429000" indent="-228600">
              <a:lnSpc>
                <a:spcPct val="90000"/>
              </a:lnSpc>
              <a:spcBef>
                <a:spcPts val="500"/>
              </a:spcBef>
              <a:buFont typeface="Arial" panose="020B0604020202020204" pitchFamily="34" charset="0"/>
              <a:buChar char="•"/>
            </a:lvl8pPr>
            <a:lvl9pPr marL="3886200" indent="-228600">
              <a:lnSpc>
                <a:spcPct val="90000"/>
              </a:lnSpc>
              <a:spcBef>
                <a:spcPts val="500"/>
              </a:spcBef>
              <a:buFont typeface="Arial" panose="020B0604020202020204" pitchFamily="34" charset="0"/>
              <a:buChar char="•"/>
            </a:lvl9pPr>
          </a:lstStyle>
          <a:p>
            <a:pPr>
              <a:spcBef>
                <a:spcPts val="1200"/>
              </a:spcBef>
            </a:pPr>
            <a:endParaRPr lang="en-US" altLang="ja-JP" dirty="0">
              <a:latin typeface="+mn-ea"/>
              <a:ea typeface="+mn-ea"/>
            </a:endParaRPr>
          </a:p>
        </p:txBody>
      </p:sp>
      <p:sp>
        <p:nvSpPr>
          <p:cNvPr id="3" name="Text Box 64">
            <a:extLst>
              <a:ext uri="{FF2B5EF4-FFF2-40B4-BE49-F238E27FC236}">
                <a16:creationId xmlns:a16="http://schemas.microsoft.com/office/drawing/2014/main" id="{231B5E99-11B4-3620-823C-D7CD8AC51588}"/>
              </a:ext>
            </a:extLst>
          </p:cNvPr>
          <p:cNvSpPr txBox="1">
            <a:spLocks noChangeArrowheads="1"/>
          </p:cNvSpPr>
          <p:nvPr/>
        </p:nvSpPr>
        <p:spPr bwMode="auto">
          <a:xfrm>
            <a:off x="0" y="679142"/>
            <a:ext cx="9894750" cy="476209"/>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委託契約の概要（令和</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7</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年度からの</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W</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ー</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PPP</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導入）</a:t>
            </a:r>
          </a:p>
        </p:txBody>
      </p:sp>
      <p:sp>
        <p:nvSpPr>
          <p:cNvPr id="6" name="角丸四角形 17">
            <a:extLst>
              <a:ext uri="{FF2B5EF4-FFF2-40B4-BE49-F238E27FC236}">
                <a16:creationId xmlns:a16="http://schemas.microsoft.com/office/drawing/2014/main" id="{AEE027EA-EB9D-2620-3933-3431AB97E6C9}"/>
              </a:ext>
            </a:extLst>
          </p:cNvPr>
          <p:cNvSpPr/>
          <p:nvPr/>
        </p:nvSpPr>
        <p:spPr>
          <a:xfrm>
            <a:off x="72908" y="96839"/>
            <a:ext cx="95282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２．</a:t>
            </a:r>
            <a:r>
              <a:rPr lang="zh-TW" altLang="en-US" sz="2275" dirty="0">
                <a:solidFill>
                  <a:schemeClr val="tx1"/>
                </a:solidFill>
                <a:latin typeface="HGPｺﾞｼｯｸE" panose="020B0900000000000000" pitchFamily="50" charset="-128"/>
                <a:ea typeface="HGPｺﾞｼｯｸE" panose="020B0900000000000000" pitchFamily="50" charset="-128"/>
              </a:rPr>
              <a:t>大阪市下水道施設包括的管理業務委託</a:t>
            </a:r>
            <a:r>
              <a:rPr lang="ja-JP" altLang="en-US" sz="2275" dirty="0">
                <a:solidFill>
                  <a:schemeClr val="tx1"/>
                </a:solidFill>
                <a:latin typeface="HGPｺﾞｼｯｸE" panose="020B0900000000000000" pitchFamily="50" charset="-128"/>
                <a:ea typeface="HGPｺﾞｼｯｸE" panose="020B0900000000000000" pitchFamily="50" charset="-128"/>
              </a:rPr>
              <a:t>の業務</a:t>
            </a:r>
            <a:r>
              <a:rPr lang="zh-TW" altLang="en-US" sz="2275" dirty="0">
                <a:solidFill>
                  <a:schemeClr val="tx1"/>
                </a:solidFill>
                <a:latin typeface="HGPｺﾞｼｯｸE" panose="020B0900000000000000" pitchFamily="50" charset="-128"/>
                <a:ea typeface="HGPｺﾞｼｯｸE" panose="020B0900000000000000" pitchFamily="50" charset="-128"/>
              </a:rPr>
              <a:t>内容</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pic>
        <p:nvPicPr>
          <p:cNvPr id="9" name="図 8" descr="ダイアグラム が含まれている画像&#10;&#10;AI によって生成されたコンテンツは間違っている可能性があります。">
            <a:extLst>
              <a:ext uri="{FF2B5EF4-FFF2-40B4-BE49-F238E27FC236}">
                <a16:creationId xmlns:a16="http://schemas.microsoft.com/office/drawing/2014/main" id="{D8428F33-D8C7-E298-EE59-7D08BE5B2C01}"/>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6113971" y="1661183"/>
            <a:ext cx="3597753" cy="3804355"/>
          </a:xfrm>
          <a:prstGeom prst="rect">
            <a:avLst/>
          </a:prstGeom>
        </p:spPr>
      </p:pic>
      <p:sp>
        <p:nvSpPr>
          <p:cNvPr id="17" name="テキスト ボックス 16">
            <a:extLst>
              <a:ext uri="{FF2B5EF4-FFF2-40B4-BE49-F238E27FC236}">
                <a16:creationId xmlns:a16="http://schemas.microsoft.com/office/drawing/2014/main" id="{3D76A06E-5D1E-24C1-CC03-819ABCCEC6B9}"/>
              </a:ext>
            </a:extLst>
          </p:cNvPr>
          <p:cNvSpPr txBox="1"/>
          <p:nvPr/>
        </p:nvSpPr>
        <p:spPr>
          <a:xfrm>
            <a:off x="194276" y="1646921"/>
            <a:ext cx="5844574" cy="5078313"/>
          </a:xfrm>
          <a:prstGeom prst="rect">
            <a:avLst/>
          </a:prstGeom>
          <a:noFill/>
        </p:spPr>
        <p:txBody>
          <a:bodyPr wrap="square">
            <a:spAutoFit/>
          </a:bodyPr>
          <a:lstStyle/>
          <a:p>
            <a:r>
              <a:rPr lang="en-US" altLang="ja-JP" sz="1200" dirty="0"/>
              <a:t>【</a:t>
            </a:r>
            <a:r>
              <a:rPr lang="ja-JP" altLang="en-US" sz="1200" dirty="0"/>
              <a:t>必要データの収集・確認 </a:t>
            </a:r>
            <a:r>
              <a:rPr lang="en-US" altLang="ja-JP" sz="1200" dirty="0"/>
              <a:t>】</a:t>
            </a:r>
            <a:endParaRPr lang="ja-JP" altLang="en-US" sz="1200" dirty="0"/>
          </a:p>
          <a:p>
            <a:r>
              <a:rPr lang="ja-JP" altLang="en-US" sz="1200" dirty="0"/>
              <a:t>　ア  発注者が保有する基礎データ </a:t>
            </a:r>
          </a:p>
          <a:p>
            <a:r>
              <a:rPr lang="ja-JP" altLang="en-US" sz="1200" dirty="0"/>
              <a:t>　　</a:t>
            </a:r>
            <a:r>
              <a:rPr lang="en-US" altLang="ja-JP" sz="1200" dirty="0"/>
              <a:t>(</a:t>
            </a:r>
            <a:r>
              <a:rPr lang="ja-JP" altLang="en-US" sz="1200" dirty="0"/>
              <a:t>ア</a:t>
            </a:r>
            <a:r>
              <a:rPr lang="en-US" altLang="ja-JP" sz="1200" dirty="0"/>
              <a:t>)</a:t>
            </a:r>
            <a:r>
              <a:rPr lang="ja-JP" altLang="en-US" sz="1200" dirty="0"/>
              <a:t>「大阪市下水道総合情報システム」の施設管理（処理場・抽水所）システムデータ </a:t>
            </a:r>
          </a:p>
          <a:p>
            <a:r>
              <a:rPr lang="ja-JP" altLang="en-US" sz="1200" dirty="0"/>
              <a:t>　　</a:t>
            </a:r>
            <a:r>
              <a:rPr lang="en-US" altLang="ja-JP" sz="1200" dirty="0"/>
              <a:t>(</a:t>
            </a:r>
            <a:r>
              <a:rPr lang="ja-JP" altLang="en-US" sz="1200" dirty="0"/>
              <a:t>イ</a:t>
            </a:r>
            <a:r>
              <a:rPr lang="en-US" altLang="ja-JP" sz="1200" dirty="0"/>
              <a:t>)</a:t>
            </a:r>
            <a:r>
              <a:rPr lang="ja-JP" altLang="en-US" sz="1200" dirty="0"/>
              <a:t>「ストックマネジメント実施計画案」（５年単位） </a:t>
            </a:r>
          </a:p>
          <a:p>
            <a:r>
              <a:rPr lang="ja-JP" altLang="en-US" sz="1200" dirty="0"/>
              <a:t>　　</a:t>
            </a:r>
            <a:r>
              <a:rPr lang="en-US" altLang="ja-JP" sz="1200" dirty="0"/>
              <a:t>(</a:t>
            </a:r>
            <a:r>
              <a:rPr lang="ja-JP" altLang="en-US" sz="1200" dirty="0"/>
              <a:t>ウ</a:t>
            </a:r>
            <a:r>
              <a:rPr lang="en-US" altLang="ja-JP" sz="1200" dirty="0"/>
              <a:t>)</a:t>
            </a:r>
            <a:r>
              <a:rPr lang="ja-JP" altLang="en-US" sz="1200" dirty="0"/>
              <a:t>改築更新工事等の発注データ、施工状況情報 </a:t>
            </a:r>
          </a:p>
          <a:p>
            <a:r>
              <a:rPr lang="ja-JP" altLang="en-US" sz="1200" dirty="0"/>
              <a:t>　　</a:t>
            </a:r>
            <a:r>
              <a:rPr lang="en-US" altLang="ja-JP" sz="1200" dirty="0"/>
              <a:t>(</a:t>
            </a:r>
            <a:r>
              <a:rPr lang="ja-JP" altLang="en-US" sz="1200" dirty="0"/>
              <a:t>エ</a:t>
            </a:r>
            <a:r>
              <a:rPr lang="en-US" altLang="ja-JP" sz="1200" dirty="0"/>
              <a:t>)</a:t>
            </a:r>
            <a:r>
              <a:rPr lang="ja-JP" altLang="en-US" sz="1200" dirty="0"/>
              <a:t>工事概算算出データ（費用関数）根拠 </a:t>
            </a:r>
          </a:p>
          <a:p>
            <a:r>
              <a:rPr lang="ja-JP" altLang="en-US" sz="1200" dirty="0"/>
              <a:t>　　</a:t>
            </a:r>
            <a:r>
              <a:rPr lang="en-US" altLang="ja-JP" sz="1200" dirty="0"/>
              <a:t>(</a:t>
            </a:r>
            <a:r>
              <a:rPr lang="ja-JP" altLang="en-US" sz="1200" dirty="0"/>
              <a:t>オ</a:t>
            </a:r>
            <a:r>
              <a:rPr lang="en-US" altLang="ja-JP" sz="1200" dirty="0"/>
              <a:t>)</a:t>
            </a:r>
            <a:r>
              <a:rPr lang="ja-JP" altLang="en-US" sz="1200" dirty="0"/>
              <a:t>改築更新実施計画素案（</a:t>
            </a:r>
            <a:r>
              <a:rPr lang="en-US" altLang="ja-JP" sz="1200" dirty="0"/>
              <a:t>10</a:t>
            </a:r>
            <a:r>
              <a:rPr lang="ja-JP" altLang="en-US" sz="1200" dirty="0"/>
              <a:t>年単位） </a:t>
            </a:r>
          </a:p>
          <a:p>
            <a:r>
              <a:rPr lang="ja-JP" altLang="en-US" sz="1200" dirty="0"/>
              <a:t>　　（改築数年次表、各年次の改築数根拠資料、工事発注リスト、各機場の実施工程表） </a:t>
            </a:r>
          </a:p>
          <a:p>
            <a:r>
              <a:rPr lang="ja-JP" altLang="en-US" sz="1200" dirty="0"/>
              <a:t>　　</a:t>
            </a:r>
            <a:r>
              <a:rPr lang="en-US" altLang="ja-JP" sz="1200" dirty="0"/>
              <a:t>(</a:t>
            </a:r>
            <a:r>
              <a:rPr lang="ja-JP" altLang="en-US" sz="1200" dirty="0"/>
              <a:t>カ</a:t>
            </a:r>
            <a:r>
              <a:rPr lang="en-US" altLang="ja-JP" sz="1200" dirty="0"/>
              <a:t>)</a:t>
            </a:r>
            <a:r>
              <a:rPr lang="ja-JP" altLang="en-US" sz="1200" dirty="0"/>
              <a:t>その他、本市の施策に関する情報 </a:t>
            </a:r>
          </a:p>
          <a:p>
            <a:endParaRPr lang="en-US" altLang="ja-JP" sz="1200" dirty="0"/>
          </a:p>
          <a:p>
            <a:r>
              <a:rPr lang="ja-JP" altLang="en-US" sz="1200" dirty="0"/>
              <a:t>　イ  受注者が保有する各種データ </a:t>
            </a:r>
          </a:p>
          <a:p>
            <a:r>
              <a:rPr lang="ja-JP" altLang="en-US" sz="1200" dirty="0"/>
              <a:t>　　</a:t>
            </a:r>
            <a:r>
              <a:rPr lang="en-US" altLang="ja-JP" sz="1200" dirty="0"/>
              <a:t>(</a:t>
            </a:r>
            <a:r>
              <a:rPr lang="ja-JP" altLang="en-US" sz="1200" dirty="0"/>
              <a:t>ア</a:t>
            </a:r>
            <a:r>
              <a:rPr lang="en-US" altLang="ja-JP" sz="1200" dirty="0"/>
              <a:t>)</a:t>
            </a:r>
            <a:r>
              <a:rPr lang="ja-JP" altLang="en-US" sz="1200" dirty="0"/>
              <a:t>本業務委託における最新（速報版）の点検・調査結果及び健全度データ </a:t>
            </a:r>
          </a:p>
          <a:p>
            <a:r>
              <a:rPr lang="ja-JP" altLang="en-US" sz="1200" dirty="0"/>
              <a:t>　　</a:t>
            </a:r>
            <a:r>
              <a:rPr lang="en-US" altLang="ja-JP" sz="1200" dirty="0"/>
              <a:t>(</a:t>
            </a:r>
            <a:r>
              <a:rPr lang="ja-JP" altLang="en-US" sz="1200" dirty="0"/>
              <a:t>イ</a:t>
            </a:r>
            <a:r>
              <a:rPr lang="en-US" altLang="ja-JP" sz="1200" dirty="0"/>
              <a:t>)</a:t>
            </a:r>
            <a:r>
              <a:rPr lang="ja-JP" altLang="en-US" sz="1200" dirty="0"/>
              <a:t>下水処理場・抽水所ストックマネジメント推進関連会議データ </a:t>
            </a:r>
          </a:p>
          <a:p>
            <a:r>
              <a:rPr lang="ja-JP" altLang="en-US" sz="1200" dirty="0"/>
              <a:t>　　</a:t>
            </a:r>
            <a:r>
              <a:rPr lang="en-US" altLang="ja-JP" sz="1200" dirty="0"/>
              <a:t>(</a:t>
            </a:r>
            <a:r>
              <a:rPr lang="ja-JP" altLang="en-US" sz="1200" dirty="0"/>
              <a:t>ウ</a:t>
            </a:r>
            <a:r>
              <a:rPr lang="en-US" altLang="ja-JP" sz="1200" dirty="0"/>
              <a:t>)</a:t>
            </a:r>
            <a:r>
              <a:rPr lang="ja-JP" altLang="en-US" sz="1200" dirty="0"/>
              <a:t>その他、受注者が保有する各種データ </a:t>
            </a:r>
          </a:p>
          <a:p>
            <a:endParaRPr lang="en-US" altLang="ja-JP" sz="1200" dirty="0"/>
          </a:p>
          <a:p>
            <a:r>
              <a:rPr lang="en-US" altLang="ja-JP" sz="1200" b="1" u="sng" dirty="0">
                <a:solidFill>
                  <a:srgbClr val="FF0000"/>
                </a:solidFill>
              </a:rPr>
              <a:t>【</a:t>
            </a:r>
            <a:r>
              <a:rPr lang="ja-JP" altLang="en-US" sz="1200" b="1" u="sng" dirty="0">
                <a:solidFill>
                  <a:srgbClr val="FF0000"/>
                </a:solidFill>
              </a:rPr>
              <a:t>健全度リストの作成</a:t>
            </a:r>
            <a:r>
              <a:rPr lang="en-US" altLang="ja-JP" sz="1200" b="1" u="sng" dirty="0">
                <a:solidFill>
                  <a:srgbClr val="FF0000"/>
                </a:solidFill>
              </a:rPr>
              <a:t>】</a:t>
            </a:r>
            <a:endParaRPr lang="ja-JP" altLang="en-US" sz="1200" b="1" u="sng" dirty="0">
              <a:solidFill>
                <a:srgbClr val="FF0000"/>
              </a:solidFill>
            </a:endParaRPr>
          </a:p>
          <a:p>
            <a:r>
              <a:rPr lang="ja-JP" altLang="en-US" sz="1200" dirty="0"/>
              <a:t>　必要データの収集・確認後、各データを統合し、改築対象となる施設の健全度１と２、</a:t>
            </a:r>
            <a:endParaRPr lang="en-US" altLang="ja-JP" sz="1200" dirty="0"/>
          </a:p>
          <a:p>
            <a:r>
              <a:rPr lang="ja-JP" altLang="en-US" sz="1200" dirty="0"/>
              <a:t>　３～５のリストとなる健全度リストを作成します。なお、機器番号、健全度１、２以外の</a:t>
            </a:r>
            <a:endParaRPr lang="en-US" altLang="ja-JP" sz="1200" dirty="0"/>
          </a:p>
          <a:p>
            <a:r>
              <a:rPr lang="ja-JP" altLang="en-US" sz="1200" dirty="0"/>
              <a:t>　設備不具合情報が生じる場合は、監督職員と協議の上、リストに記載します。 </a:t>
            </a:r>
          </a:p>
          <a:p>
            <a:endParaRPr lang="en-US" altLang="ja-JP" sz="1200" dirty="0"/>
          </a:p>
          <a:p>
            <a:r>
              <a:rPr lang="en-US" altLang="ja-JP" sz="1200" b="1" u="sng" dirty="0">
                <a:solidFill>
                  <a:srgbClr val="FF0000"/>
                </a:solidFill>
              </a:rPr>
              <a:t>【</a:t>
            </a:r>
            <a:r>
              <a:rPr lang="ja-JP" altLang="en-US" sz="1200" b="1" u="sng" dirty="0">
                <a:solidFill>
                  <a:srgbClr val="FF0000"/>
                </a:solidFill>
              </a:rPr>
              <a:t>改築更新実施計画案の作成</a:t>
            </a:r>
            <a:r>
              <a:rPr lang="en-US" altLang="ja-JP" sz="1200" b="1" u="sng" dirty="0">
                <a:solidFill>
                  <a:srgbClr val="FF0000"/>
                </a:solidFill>
              </a:rPr>
              <a:t>】</a:t>
            </a:r>
            <a:endParaRPr lang="ja-JP" altLang="en-US" sz="1200" b="1" u="sng" dirty="0">
              <a:solidFill>
                <a:srgbClr val="FF0000"/>
              </a:solidFill>
            </a:endParaRPr>
          </a:p>
          <a:p>
            <a:r>
              <a:rPr lang="ja-JP" altLang="en-US" sz="1200" dirty="0"/>
              <a:t>　作成した健全度リストなどを基に発注者からの各種情報（予算調整、不調、</a:t>
            </a:r>
            <a:endParaRPr lang="en-US" altLang="ja-JP" sz="1200" dirty="0"/>
          </a:p>
          <a:p>
            <a:r>
              <a:rPr lang="ja-JP" altLang="en-US" sz="1200" dirty="0"/>
              <a:t>　施工遅れ等）、維持管理業務上の気づき等を踏まえ、監督職員と協議のうえ</a:t>
            </a:r>
            <a:endParaRPr lang="en-US" altLang="ja-JP" sz="1200" dirty="0"/>
          </a:p>
          <a:p>
            <a:r>
              <a:rPr lang="ja-JP" altLang="en-US" sz="1200" dirty="0"/>
              <a:t>　毎年度改築更新実施計画案を作成します。 </a:t>
            </a:r>
          </a:p>
          <a:p>
            <a:r>
              <a:rPr lang="ja-JP" altLang="en-US" sz="1200" dirty="0"/>
              <a:t>　なお、維持管理情報等を踏まえ、更新の優先順位に変更があった場合は、</a:t>
            </a:r>
            <a:endParaRPr lang="en-US" altLang="ja-JP" sz="1200" dirty="0"/>
          </a:p>
          <a:p>
            <a:r>
              <a:rPr lang="ja-JP" altLang="en-US" sz="1200" dirty="0"/>
              <a:t>　別途根拠を整理します。</a:t>
            </a:r>
            <a:endParaRPr lang="en-US" altLang="ja-JP" sz="1200" dirty="0"/>
          </a:p>
        </p:txBody>
      </p:sp>
      <p:sp>
        <p:nvSpPr>
          <p:cNvPr id="18" name="テキスト ボックス 17">
            <a:extLst>
              <a:ext uri="{FF2B5EF4-FFF2-40B4-BE49-F238E27FC236}">
                <a16:creationId xmlns:a16="http://schemas.microsoft.com/office/drawing/2014/main" id="{567948C0-9AFD-F1CD-ACAF-91AE5F132449}"/>
              </a:ext>
            </a:extLst>
          </p:cNvPr>
          <p:cNvSpPr txBox="1"/>
          <p:nvPr/>
        </p:nvSpPr>
        <p:spPr>
          <a:xfrm>
            <a:off x="6912557" y="1201768"/>
            <a:ext cx="2211986" cy="276999"/>
          </a:xfrm>
          <a:prstGeom prst="rect">
            <a:avLst/>
          </a:prstGeom>
          <a:noFill/>
        </p:spPr>
        <p:txBody>
          <a:bodyPr wrap="square">
            <a:spAutoFit/>
          </a:bodyPr>
          <a:lstStyle/>
          <a:p>
            <a:pPr algn="ctr"/>
            <a:r>
              <a:rPr lang="ja-JP" altLang="en-US" sz="1200" dirty="0"/>
              <a:t>業務フロー（案）</a:t>
            </a:r>
          </a:p>
        </p:txBody>
      </p:sp>
      <p:sp>
        <p:nvSpPr>
          <p:cNvPr id="2" name="テキスト ボックス 1">
            <a:extLst>
              <a:ext uri="{FF2B5EF4-FFF2-40B4-BE49-F238E27FC236}">
                <a16:creationId xmlns:a16="http://schemas.microsoft.com/office/drawing/2014/main" id="{D4466B38-3734-6EE0-B11F-D61CD9C5A401}"/>
              </a:ext>
            </a:extLst>
          </p:cNvPr>
          <p:cNvSpPr txBox="1"/>
          <p:nvPr/>
        </p:nvSpPr>
        <p:spPr>
          <a:xfrm>
            <a:off x="12364" y="1155351"/>
            <a:ext cx="7321886" cy="338554"/>
          </a:xfrm>
          <a:prstGeom prst="rect">
            <a:avLst/>
          </a:prstGeom>
          <a:noFill/>
        </p:spPr>
        <p:txBody>
          <a:bodyPr wrap="square" rtlCol="0">
            <a:spAutoFit/>
          </a:bodyPr>
          <a:lstStyle/>
          <a:p>
            <a:pPr marL="285750" indent="-285750">
              <a:buFont typeface="Wingdings" panose="05000000000000000000" pitchFamily="2" charset="2"/>
              <a:buChar char="u"/>
            </a:pPr>
            <a:r>
              <a:rPr kumimoji="1" lang="ja-JP" altLang="en-US" sz="1600" dirty="0"/>
              <a:t>令和７年度の業務予定（機械・電気設備改築更新実施計画案作成業務）</a:t>
            </a:r>
          </a:p>
        </p:txBody>
      </p:sp>
    </p:spTree>
    <p:extLst>
      <p:ext uri="{BB962C8B-B14F-4D97-AF65-F5344CB8AC3E}">
        <p14:creationId xmlns:p14="http://schemas.microsoft.com/office/powerpoint/2010/main" val="1911307979"/>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01E5BB85-F7AE-693E-7AF5-24306F626297}"/>
              </a:ext>
            </a:extLst>
          </p:cNvPr>
          <p:cNvSpPr>
            <a:spLocks noGrp="1"/>
          </p:cNvSpPr>
          <p:nvPr>
            <p:ph type="ctrTitle"/>
          </p:nvPr>
        </p:nvSpPr>
        <p:spPr>
          <a:xfrm>
            <a:off x="0" y="1804431"/>
            <a:ext cx="9880600" cy="2257564"/>
          </a:xfrm>
        </p:spPr>
        <p:txBody>
          <a:bodyPr>
            <a:noAutofit/>
          </a:bodyPr>
          <a:lstStyle/>
          <a:p>
            <a:pPr>
              <a:lnSpc>
                <a:spcPct val="100000"/>
              </a:lnSpc>
            </a:pPr>
            <a:r>
              <a:rPr lang="ja-JP" altLang="en-US" sz="3200" b="1" dirty="0">
                <a:solidFill>
                  <a:schemeClr val="tx1"/>
                </a:solidFill>
                <a:latin typeface="+mn-ea"/>
                <a:ea typeface="+mn-ea"/>
              </a:rPr>
              <a:t>要求水準・評価基準の達成状況 </a:t>
            </a:r>
            <a:br>
              <a:rPr lang="en-US" altLang="ja-JP" sz="3200" b="1" dirty="0">
                <a:solidFill>
                  <a:schemeClr val="tx1"/>
                </a:solidFill>
                <a:latin typeface="+mn-ea"/>
                <a:ea typeface="+mn-ea"/>
              </a:rPr>
            </a:br>
            <a:r>
              <a:rPr lang="ja-JP" altLang="en-US" sz="3200" b="1" dirty="0">
                <a:solidFill>
                  <a:schemeClr val="tx1"/>
                </a:solidFill>
                <a:latin typeface="+mn-ea"/>
                <a:ea typeface="+mn-ea"/>
              </a:rPr>
              <a:t>（令和７年度上半期）</a:t>
            </a:r>
            <a:br>
              <a:rPr lang="en-US" altLang="ja-JP" sz="3200" b="1" dirty="0">
                <a:solidFill>
                  <a:schemeClr val="tx1"/>
                </a:solidFill>
                <a:latin typeface="+mn-ea"/>
                <a:ea typeface="+mn-ea"/>
              </a:rPr>
            </a:br>
            <a:r>
              <a:rPr lang="ja-JP" altLang="en-US" sz="1600" b="1" dirty="0">
                <a:solidFill>
                  <a:schemeClr val="tx1"/>
                </a:solidFill>
                <a:latin typeface="+mn-ea"/>
                <a:ea typeface="+mn-ea"/>
              </a:rPr>
              <a:t>　</a:t>
            </a:r>
            <a:br>
              <a:rPr lang="en-US" altLang="ja-JP" sz="3200" b="1" dirty="0">
                <a:solidFill>
                  <a:schemeClr val="tx1"/>
                </a:solidFill>
                <a:latin typeface="+mn-ea"/>
                <a:ea typeface="+mn-ea"/>
              </a:rPr>
            </a:br>
            <a:r>
              <a:rPr lang="en-US" altLang="ja-JP" sz="2400" b="1" dirty="0">
                <a:solidFill>
                  <a:schemeClr val="tx1"/>
                </a:solidFill>
                <a:latin typeface="+mn-ea"/>
                <a:ea typeface="+mn-ea"/>
              </a:rPr>
              <a:t>※</a:t>
            </a:r>
            <a:r>
              <a:rPr lang="ja-JP" altLang="en-US" sz="2400" b="1" dirty="0">
                <a:solidFill>
                  <a:schemeClr val="tx1"/>
                </a:solidFill>
                <a:latin typeface="+mn-ea"/>
                <a:ea typeface="+mn-ea"/>
              </a:rPr>
              <a:t>モニタリング実施状況を含む</a:t>
            </a:r>
            <a:br>
              <a:rPr lang="en-US" altLang="ja-JP" sz="3600" b="1" dirty="0">
                <a:latin typeface="+mn-ea"/>
                <a:ea typeface="+mn-ea"/>
              </a:rPr>
            </a:br>
            <a:r>
              <a:rPr lang="ja-JP" altLang="en-US" sz="1600" b="1" dirty="0"/>
              <a:t>　</a:t>
            </a:r>
            <a:endParaRPr lang="ja-JP" altLang="en-US" sz="3600" b="1" dirty="0"/>
          </a:p>
        </p:txBody>
      </p:sp>
      <p:sp>
        <p:nvSpPr>
          <p:cNvPr id="4" name="スライド番号プレースホルダー 3">
            <a:extLst>
              <a:ext uri="{FF2B5EF4-FFF2-40B4-BE49-F238E27FC236}">
                <a16:creationId xmlns:a16="http://schemas.microsoft.com/office/drawing/2014/main" id="{B7D9E987-737F-1AC1-765B-7F5893106147}"/>
              </a:ext>
            </a:extLst>
          </p:cNvPr>
          <p:cNvSpPr>
            <a:spLocks noGrp="1"/>
          </p:cNvSpPr>
          <p:nvPr>
            <p:ph type="sldNum" sz="quarter" idx="12"/>
          </p:nvPr>
        </p:nvSpPr>
        <p:spPr/>
        <p:txBody>
          <a:bodyPr/>
          <a:lstStyle/>
          <a:p>
            <a:pPr defTabSz="422041"/>
            <a:fld id="{36EC18DB-A5DF-4E0E-B815-FCD04A2C4B2C}" type="slidenum">
              <a:rPr lang="ja-JP" altLang="en-US">
                <a:solidFill>
                  <a:prstClr val="black"/>
                </a:solidFill>
                <a:latin typeface="Segoe UI"/>
                <a:ea typeface="Meiryo UI"/>
              </a:rPr>
              <a:pPr defTabSz="422041"/>
              <a:t>16</a:t>
            </a:fld>
            <a:endParaRPr lang="ja-JP" altLang="en-US">
              <a:solidFill>
                <a:prstClr val="black"/>
              </a:solidFill>
              <a:latin typeface="Segoe UI"/>
              <a:ea typeface="Meiryo UI"/>
            </a:endParaRPr>
          </a:p>
        </p:txBody>
      </p:sp>
      <p:sp>
        <p:nvSpPr>
          <p:cNvPr id="3" name="字幕 2">
            <a:extLst>
              <a:ext uri="{FF2B5EF4-FFF2-40B4-BE49-F238E27FC236}">
                <a16:creationId xmlns:a16="http://schemas.microsoft.com/office/drawing/2014/main" id="{6C4279D7-33C3-21C5-F02E-AAF4610EC785}"/>
              </a:ext>
            </a:extLst>
          </p:cNvPr>
          <p:cNvSpPr txBox="1">
            <a:spLocks/>
          </p:cNvSpPr>
          <p:nvPr/>
        </p:nvSpPr>
        <p:spPr>
          <a:xfrm>
            <a:off x="261170" y="353233"/>
            <a:ext cx="4988562" cy="895859"/>
          </a:xfrm>
          <a:prstGeom prst="rect">
            <a:avLst/>
          </a:prstGeom>
        </p:spPr>
        <p:txBody>
          <a:bodyPr vert="horz" lIns="91440" tIns="45720" rIns="91440" bIns="45720" rtlCol="0">
            <a:normAutofit/>
          </a:bodyPr>
          <a:lstStyle>
            <a:lvl1pPr marL="0" indent="0" algn="ctr"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kumimoji="1"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kumimoji="1"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9pPr>
          </a:lstStyle>
          <a:p>
            <a:pPr algn="l"/>
            <a:r>
              <a:rPr lang="en-US" altLang="ja-JP" dirty="0"/>
              <a:t>【</a:t>
            </a:r>
            <a:r>
              <a:rPr lang="ja-JP" altLang="en-US" dirty="0"/>
              <a:t>議題３</a:t>
            </a:r>
            <a:r>
              <a:rPr lang="en-US" altLang="ja-JP" dirty="0"/>
              <a:t>-</a:t>
            </a:r>
            <a:r>
              <a:rPr lang="ja-JP" altLang="en-US" dirty="0"/>
              <a:t>１</a:t>
            </a:r>
            <a:r>
              <a:rPr lang="en-US" altLang="ja-JP" dirty="0"/>
              <a:t>】</a:t>
            </a:r>
          </a:p>
        </p:txBody>
      </p:sp>
    </p:spTree>
    <p:extLst>
      <p:ext uri="{BB962C8B-B14F-4D97-AF65-F5344CB8AC3E}">
        <p14:creationId xmlns:p14="http://schemas.microsoft.com/office/powerpoint/2010/main" val="3746225168"/>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81643" y="1120982"/>
            <a:ext cx="4824289" cy="1077037"/>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正方形/長方形 13"/>
          <p:cNvSpPr/>
          <p:nvPr/>
        </p:nvSpPr>
        <p:spPr>
          <a:xfrm>
            <a:off x="81643" y="2281704"/>
            <a:ext cx="4824289" cy="1077037"/>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p:cNvSpPr/>
          <p:nvPr/>
        </p:nvSpPr>
        <p:spPr>
          <a:xfrm>
            <a:off x="5029710" y="2281704"/>
            <a:ext cx="4824289" cy="1077037"/>
          </a:xfrm>
          <a:prstGeom prst="rect">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5018955" y="1121141"/>
            <a:ext cx="4824289" cy="1077037"/>
          </a:xfrm>
          <a:prstGeom prst="rect">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スライド番号プレースホルダー 4"/>
          <p:cNvSpPr>
            <a:spLocks noGrp="1"/>
          </p:cNvSpPr>
          <p:nvPr>
            <p:ph type="sldNum" sz="quarter" idx="12"/>
          </p:nvPr>
        </p:nvSpPr>
        <p:spPr>
          <a:xfrm>
            <a:off x="7625149" y="6511514"/>
            <a:ext cx="2228850" cy="365125"/>
          </a:xfrm>
        </p:spPr>
        <p:txBody>
          <a:bodyPr/>
          <a:lstStyle/>
          <a:p>
            <a:fld id="{36EC18DB-A5DF-4E0E-B815-FCD04A2C4B2C}" type="slidenum">
              <a:rPr kumimoji="1" lang="ja-JP" altLang="en-US" smtClean="0"/>
              <a:t>17</a:t>
            </a:fld>
            <a:endParaRPr kumimoji="1" lang="ja-JP" altLang="en-US" dirty="0"/>
          </a:p>
        </p:txBody>
      </p:sp>
      <p:graphicFrame>
        <p:nvGraphicFramePr>
          <p:cNvPr id="2" name="表 1"/>
          <p:cNvGraphicFramePr>
            <a:graphicFrameLocks noGrp="1"/>
          </p:cNvGraphicFramePr>
          <p:nvPr/>
        </p:nvGraphicFramePr>
        <p:xfrm>
          <a:off x="111450" y="3889688"/>
          <a:ext cx="9731794" cy="2226032"/>
        </p:xfrm>
        <a:graphic>
          <a:graphicData uri="http://schemas.openxmlformats.org/drawingml/2006/table">
            <a:tbl>
              <a:tblPr firstRow="1" bandRow="1">
                <a:tableStyleId>{5940675A-B579-460E-94D1-54222C63F5DA}</a:tableStyleId>
              </a:tblPr>
              <a:tblGrid>
                <a:gridCol w="1135167">
                  <a:extLst>
                    <a:ext uri="{9D8B030D-6E8A-4147-A177-3AD203B41FA5}">
                      <a16:colId xmlns:a16="http://schemas.microsoft.com/office/drawing/2014/main" val="3741062982"/>
                    </a:ext>
                  </a:extLst>
                </a:gridCol>
                <a:gridCol w="2087133">
                  <a:extLst>
                    <a:ext uri="{9D8B030D-6E8A-4147-A177-3AD203B41FA5}">
                      <a16:colId xmlns:a16="http://schemas.microsoft.com/office/drawing/2014/main" val="3657842705"/>
                    </a:ext>
                  </a:extLst>
                </a:gridCol>
                <a:gridCol w="6509494">
                  <a:extLst>
                    <a:ext uri="{9D8B030D-6E8A-4147-A177-3AD203B41FA5}">
                      <a16:colId xmlns:a16="http://schemas.microsoft.com/office/drawing/2014/main" val="576581708"/>
                    </a:ext>
                  </a:extLst>
                </a:gridCol>
              </a:tblGrid>
              <a:tr h="605222">
                <a:tc>
                  <a:txBody>
                    <a:bodyPr/>
                    <a:lstStyle/>
                    <a:p>
                      <a:pPr algn="ctr">
                        <a:lnSpc>
                          <a:spcPts val="2400"/>
                        </a:lnSpc>
                      </a:pPr>
                      <a:r>
                        <a:rPr kumimoji="1" lang="en-US" altLang="ja-JP" sz="1200" dirty="0"/>
                        <a:t>PDCA</a:t>
                      </a:r>
                      <a:r>
                        <a:rPr kumimoji="1" lang="ja-JP" altLang="en-US" sz="1200" dirty="0"/>
                        <a:t>の実施頻度</a:t>
                      </a:r>
                      <a:endParaRPr kumimoji="1" lang="en-US" altLang="ja-JP" sz="1200" dirty="0"/>
                    </a:p>
                  </a:txBody>
                  <a:tcPr anchor="ctr">
                    <a:solidFill>
                      <a:schemeClr val="accent1">
                        <a:lumMod val="40000"/>
                        <a:lumOff val="60000"/>
                      </a:schemeClr>
                    </a:solidFill>
                  </a:tcPr>
                </a:tc>
                <a:tc>
                  <a:txBody>
                    <a:bodyPr/>
                    <a:lstStyle/>
                    <a:p>
                      <a:pPr algn="ctr">
                        <a:lnSpc>
                          <a:spcPts val="2400"/>
                        </a:lnSpc>
                      </a:pPr>
                      <a:r>
                        <a:rPr kumimoji="1" lang="ja-JP" altLang="en-US" sz="1400" dirty="0"/>
                        <a:t>目的</a:t>
                      </a:r>
                      <a:endParaRPr kumimoji="1" lang="en-US" altLang="ja-JP" sz="1400" dirty="0"/>
                    </a:p>
                  </a:txBody>
                  <a:tcPr anchor="ctr">
                    <a:solidFill>
                      <a:schemeClr val="accent1">
                        <a:lumMod val="40000"/>
                        <a:lumOff val="60000"/>
                      </a:schemeClr>
                    </a:solidFill>
                  </a:tcPr>
                </a:tc>
                <a:tc>
                  <a:txBody>
                    <a:bodyPr/>
                    <a:lstStyle/>
                    <a:p>
                      <a:pPr algn="ctr">
                        <a:lnSpc>
                          <a:spcPts val="2400"/>
                        </a:lnSpc>
                      </a:pPr>
                      <a:r>
                        <a:rPr kumimoji="1" lang="ja-JP" altLang="en-US" sz="1400" dirty="0"/>
                        <a:t>頂きたい意見</a:t>
                      </a:r>
                      <a:endParaRPr kumimoji="1" lang="en-US" altLang="ja-JP" sz="1400" dirty="0"/>
                    </a:p>
                  </a:txBody>
                  <a:tcPr anchor="ctr">
                    <a:solidFill>
                      <a:schemeClr val="accent1">
                        <a:lumMod val="40000"/>
                        <a:lumOff val="60000"/>
                      </a:schemeClr>
                    </a:solidFill>
                  </a:tcPr>
                </a:tc>
                <a:extLst>
                  <a:ext uri="{0D108BD9-81ED-4DB2-BD59-A6C34878D82A}">
                    <a16:rowId xmlns:a16="http://schemas.microsoft.com/office/drawing/2014/main" val="1487391756"/>
                  </a:ext>
                </a:extLst>
              </a:tr>
              <a:tr h="724778">
                <a:tc>
                  <a:txBody>
                    <a:bodyPr/>
                    <a:lstStyle/>
                    <a:p>
                      <a:pPr algn="ctr">
                        <a:lnSpc>
                          <a:spcPts val="2400"/>
                        </a:lnSpc>
                      </a:pPr>
                      <a:r>
                        <a:rPr kumimoji="1" lang="ja-JP" altLang="en-US" sz="1600" dirty="0"/>
                        <a:t>毎年</a:t>
                      </a:r>
                    </a:p>
                  </a:txBody>
                  <a:tcPr anchor="ctr"/>
                </a:tc>
                <a:tc>
                  <a:txBody>
                    <a:bodyPr/>
                    <a:lstStyle/>
                    <a:p>
                      <a:pPr>
                        <a:lnSpc>
                          <a:spcPts val="2400"/>
                        </a:lnSpc>
                        <a:spcBef>
                          <a:spcPts val="600"/>
                        </a:spcBef>
                      </a:pPr>
                      <a:r>
                        <a:rPr kumimoji="1" lang="ja-JP" altLang="en-US" sz="1200" dirty="0"/>
                        <a:t>・業務改善による</a:t>
                      </a:r>
                      <a:r>
                        <a:rPr kumimoji="1" lang="ja-JP" altLang="en-US" sz="1200" u="sng" dirty="0"/>
                        <a:t>品質確保</a:t>
                      </a:r>
                      <a:endParaRPr kumimoji="1" lang="en-US" altLang="ja-JP" sz="1200" u="sng" dirty="0"/>
                    </a:p>
                    <a:p>
                      <a:pPr>
                        <a:lnSpc>
                          <a:spcPts val="2400"/>
                        </a:lnSpc>
                        <a:spcBef>
                          <a:spcPts val="600"/>
                        </a:spcBef>
                      </a:pPr>
                      <a:r>
                        <a:rPr kumimoji="1" lang="ja-JP" altLang="en-US" sz="1200" dirty="0"/>
                        <a:t>・コスト削減の着実な</a:t>
                      </a:r>
                      <a:r>
                        <a:rPr kumimoji="1" lang="ja-JP" altLang="en-US" sz="1200" u="sng" dirty="0"/>
                        <a:t>進捗確保</a:t>
                      </a:r>
                      <a:endParaRPr kumimoji="1" lang="en-US" altLang="ja-JP" sz="1200" u="sng" dirty="0"/>
                    </a:p>
                  </a:txBody>
                  <a:tcPr anchor="ctr"/>
                </a:tc>
                <a:tc>
                  <a:txBody>
                    <a:bodyPr/>
                    <a:lstStyle/>
                    <a:p>
                      <a:pPr>
                        <a:lnSpc>
                          <a:spcPts val="2400"/>
                        </a:lnSpc>
                        <a:spcBef>
                          <a:spcPts val="600"/>
                        </a:spcBef>
                      </a:pPr>
                      <a:r>
                        <a:rPr kumimoji="1" lang="ja-JP" altLang="en-US" sz="1200" dirty="0"/>
                        <a:t>要求水準・評価基準に対する評価・ご意見、各基準値の適正性、確認された課題↔改善策に対する評価・ご意見、契約上の課題、維持管理業務に係る事故に対する再発防止策の有効性・問題点　等</a:t>
                      </a:r>
                      <a:endParaRPr kumimoji="1" lang="en-US" altLang="ja-JP" sz="1200" dirty="0"/>
                    </a:p>
                  </a:txBody>
                  <a:tcPr anchor="ctr"/>
                </a:tc>
                <a:extLst>
                  <a:ext uri="{0D108BD9-81ED-4DB2-BD59-A6C34878D82A}">
                    <a16:rowId xmlns:a16="http://schemas.microsoft.com/office/drawing/2014/main" val="1206667863"/>
                  </a:ext>
                </a:extLst>
              </a:tr>
              <a:tr h="832714">
                <a:tc>
                  <a:txBody>
                    <a:bodyPr/>
                    <a:lstStyle/>
                    <a:p>
                      <a:pPr algn="ctr">
                        <a:lnSpc>
                          <a:spcPts val="2400"/>
                        </a:lnSpc>
                      </a:pPr>
                      <a:r>
                        <a:rPr kumimoji="1" lang="ja-JP" altLang="en-US" sz="1600" dirty="0"/>
                        <a:t>５年ごと</a:t>
                      </a:r>
                    </a:p>
                  </a:txBody>
                  <a:tcPr anchor="ctr"/>
                </a:tc>
                <a:tc>
                  <a:txBody>
                    <a:bodyPr/>
                    <a:lstStyle/>
                    <a:p>
                      <a:pPr>
                        <a:lnSpc>
                          <a:spcPts val="2400"/>
                        </a:lnSpc>
                      </a:pPr>
                      <a:r>
                        <a:rPr kumimoji="1" lang="ja-JP" altLang="en-US" sz="1200" dirty="0"/>
                        <a:t>・時代の流れに対応した</a:t>
                      </a:r>
                      <a:r>
                        <a:rPr kumimoji="1" lang="ja-JP" altLang="en-US" sz="1200" u="sng" dirty="0"/>
                        <a:t>契約内容の確保</a:t>
                      </a:r>
                      <a:endParaRPr kumimoji="1" lang="en-US" altLang="ja-JP" sz="1200" u="sng" dirty="0"/>
                    </a:p>
                  </a:txBody>
                  <a:tcPr anchor="ctr"/>
                </a:tc>
                <a:tc>
                  <a:txBody>
                    <a:bodyPr/>
                    <a:lstStyle/>
                    <a:p>
                      <a:pPr>
                        <a:lnSpc>
                          <a:spcPts val="2400"/>
                        </a:lnSpc>
                      </a:pPr>
                      <a:r>
                        <a:rPr kumimoji="1" lang="ja-JP" altLang="en-US" sz="1200" dirty="0"/>
                        <a:t>契約見直しの必要性に関する確認、社会情勢等を鑑みた業務体制・履行状況に対する課題、確認された課題↔改善策に対する評価・ご意見</a:t>
                      </a:r>
                      <a:endParaRPr kumimoji="1" lang="en-US" altLang="ja-JP" sz="1200" dirty="0"/>
                    </a:p>
                  </a:txBody>
                  <a:tcPr anchor="ctr"/>
                </a:tc>
                <a:extLst>
                  <a:ext uri="{0D108BD9-81ED-4DB2-BD59-A6C34878D82A}">
                    <a16:rowId xmlns:a16="http://schemas.microsoft.com/office/drawing/2014/main" val="666198790"/>
                  </a:ext>
                </a:extLst>
              </a:tr>
            </a:tbl>
          </a:graphicData>
        </a:graphic>
      </p:graphicFrame>
      <p:sp>
        <p:nvSpPr>
          <p:cNvPr id="4" name="円 3"/>
          <p:cNvSpPr/>
          <p:nvPr/>
        </p:nvSpPr>
        <p:spPr>
          <a:xfrm>
            <a:off x="3921384" y="1214894"/>
            <a:ext cx="1982198" cy="1982198"/>
          </a:xfrm>
          <a:prstGeom prst="pie">
            <a:avLst>
              <a:gd name="adj1" fmla="val 10782415"/>
              <a:gd name="adj2" fmla="val 16200000"/>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 name="円 8"/>
          <p:cNvSpPr/>
          <p:nvPr/>
        </p:nvSpPr>
        <p:spPr>
          <a:xfrm rot="5400000">
            <a:off x="4035280" y="1205184"/>
            <a:ext cx="1982198" cy="1982198"/>
          </a:xfrm>
          <a:prstGeom prst="pie">
            <a:avLst>
              <a:gd name="adj1" fmla="val 10782415"/>
              <a:gd name="adj2" fmla="val 16200000"/>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0" name="円 9"/>
          <p:cNvSpPr/>
          <p:nvPr/>
        </p:nvSpPr>
        <p:spPr>
          <a:xfrm rot="10800000">
            <a:off x="4043447" y="1292759"/>
            <a:ext cx="1982198" cy="1982198"/>
          </a:xfrm>
          <a:prstGeom prst="pie">
            <a:avLst>
              <a:gd name="adj1" fmla="val 10782415"/>
              <a:gd name="adj2" fmla="val 16200000"/>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 name="円 10"/>
          <p:cNvSpPr/>
          <p:nvPr/>
        </p:nvSpPr>
        <p:spPr>
          <a:xfrm rot="16200000">
            <a:off x="3910735" y="1297571"/>
            <a:ext cx="1982198" cy="1982198"/>
          </a:xfrm>
          <a:prstGeom prst="pie">
            <a:avLst>
              <a:gd name="adj1" fmla="val 10782415"/>
              <a:gd name="adj2" fmla="val 16200000"/>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7" name="テキスト ボックス 16"/>
          <p:cNvSpPr txBox="1"/>
          <p:nvPr/>
        </p:nvSpPr>
        <p:spPr>
          <a:xfrm>
            <a:off x="5167363" y="2253859"/>
            <a:ext cx="1406083" cy="923330"/>
          </a:xfrm>
          <a:prstGeom prst="rect">
            <a:avLst/>
          </a:prstGeom>
          <a:noFill/>
        </p:spPr>
        <p:txBody>
          <a:bodyPr wrap="square" rtlCol="0">
            <a:spAutoFit/>
          </a:bodyPr>
          <a:lstStyle/>
          <a:p>
            <a:pPr algn="ctr"/>
            <a:r>
              <a:rPr kumimoji="1" lang="en-US" altLang="ja-JP" sz="5400" b="1" dirty="0">
                <a:solidFill>
                  <a:schemeClr val="bg1">
                    <a:lumMod val="50000"/>
                  </a:schemeClr>
                </a:solidFill>
                <a:effectLst>
                  <a:outerShdw blurRad="38100" dist="38100" dir="2700000" algn="tl">
                    <a:srgbClr val="000000">
                      <a:alpha val="43137"/>
                    </a:srgbClr>
                  </a:outerShdw>
                </a:effectLst>
              </a:rPr>
              <a:t>D</a:t>
            </a:r>
            <a:r>
              <a:rPr kumimoji="1" lang="en-US" altLang="ja-JP" sz="5400" dirty="0">
                <a:solidFill>
                  <a:schemeClr val="bg1">
                    <a:lumMod val="50000"/>
                  </a:schemeClr>
                </a:solidFill>
              </a:rPr>
              <a:t>o</a:t>
            </a:r>
            <a:endParaRPr kumimoji="1" lang="ja-JP" altLang="en-US" sz="5400" dirty="0">
              <a:solidFill>
                <a:schemeClr val="bg1">
                  <a:lumMod val="50000"/>
                </a:schemeClr>
              </a:solidFill>
            </a:endParaRPr>
          </a:p>
        </p:txBody>
      </p:sp>
      <p:sp>
        <p:nvSpPr>
          <p:cNvPr id="18" name="テキスト ボックス 17"/>
          <p:cNvSpPr txBox="1"/>
          <p:nvPr/>
        </p:nvSpPr>
        <p:spPr>
          <a:xfrm>
            <a:off x="1962865" y="2218661"/>
            <a:ext cx="3689246" cy="923330"/>
          </a:xfrm>
          <a:prstGeom prst="rect">
            <a:avLst/>
          </a:prstGeom>
          <a:noFill/>
        </p:spPr>
        <p:txBody>
          <a:bodyPr wrap="square" rtlCol="0">
            <a:spAutoFit/>
          </a:bodyPr>
          <a:lstStyle/>
          <a:p>
            <a:pPr algn="ctr"/>
            <a:r>
              <a:rPr kumimoji="1" lang="en-US" altLang="ja-JP" sz="5400" b="1" dirty="0">
                <a:solidFill>
                  <a:schemeClr val="bg1">
                    <a:lumMod val="50000"/>
                  </a:schemeClr>
                </a:solidFill>
                <a:effectLst>
                  <a:outerShdw blurRad="38100" dist="38100" dir="2700000" algn="tl">
                    <a:srgbClr val="000000">
                      <a:alpha val="43137"/>
                    </a:srgbClr>
                  </a:outerShdw>
                </a:effectLst>
              </a:rPr>
              <a:t>C</a:t>
            </a:r>
            <a:r>
              <a:rPr kumimoji="1" lang="en-US" altLang="ja-JP" sz="5400" dirty="0">
                <a:solidFill>
                  <a:schemeClr val="bg1">
                    <a:lumMod val="50000"/>
                  </a:schemeClr>
                </a:solidFill>
              </a:rPr>
              <a:t>heck</a:t>
            </a:r>
            <a:endParaRPr kumimoji="1" lang="ja-JP" altLang="en-US" sz="5400" dirty="0">
              <a:solidFill>
                <a:schemeClr val="bg1">
                  <a:lumMod val="50000"/>
                </a:schemeClr>
              </a:solidFill>
            </a:endParaRPr>
          </a:p>
        </p:txBody>
      </p:sp>
      <p:sp>
        <p:nvSpPr>
          <p:cNvPr id="19" name="テキスト ボックス 18"/>
          <p:cNvSpPr txBox="1"/>
          <p:nvPr/>
        </p:nvSpPr>
        <p:spPr>
          <a:xfrm>
            <a:off x="1158554" y="1223881"/>
            <a:ext cx="5270464" cy="923330"/>
          </a:xfrm>
          <a:prstGeom prst="rect">
            <a:avLst/>
          </a:prstGeom>
          <a:noFill/>
        </p:spPr>
        <p:txBody>
          <a:bodyPr wrap="square" rtlCol="0">
            <a:spAutoFit/>
          </a:bodyPr>
          <a:lstStyle/>
          <a:p>
            <a:pPr algn="ctr"/>
            <a:r>
              <a:rPr kumimoji="1" lang="en-US" altLang="ja-JP" sz="5400" b="1" dirty="0">
                <a:solidFill>
                  <a:schemeClr val="bg1">
                    <a:lumMod val="50000"/>
                  </a:schemeClr>
                </a:solidFill>
                <a:effectLst>
                  <a:outerShdw blurRad="38100" dist="38100" dir="2700000" algn="tl">
                    <a:srgbClr val="000000">
                      <a:alpha val="43137"/>
                    </a:srgbClr>
                  </a:outerShdw>
                </a:effectLst>
              </a:rPr>
              <a:t>A</a:t>
            </a:r>
            <a:r>
              <a:rPr kumimoji="1" lang="en-US" altLang="ja-JP" sz="5400" dirty="0">
                <a:solidFill>
                  <a:schemeClr val="bg1">
                    <a:lumMod val="50000"/>
                  </a:schemeClr>
                </a:solidFill>
              </a:rPr>
              <a:t>ction</a:t>
            </a:r>
            <a:endParaRPr kumimoji="1" lang="ja-JP" altLang="en-US" sz="5400" dirty="0">
              <a:solidFill>
                <a:schemeClr val="bg1">
                  <a:lumMod val="50000"/>
                </a:schemeClr>
              </a:solidFill>
            </a:endParaRPr>
          </a:p>
        </p:txBody>
      </p:sp>
      <p:sp>
        <p:nvSpPr>
          <p:cNvPr id="20" name="テキスト ボックス 19"/>
          <p:cNvSpPr txBox="1"/>
          <p:nvPr/>
        </p:nvSpPr>
        <p:spPr>
          <a:xfrm>
            <a:off x="6461264" y="1075353"/>
            <a:ext cx="3257435" cy="1138773"/>
          </a:xfrm>
          <a:prstGeom prst="rect">
            <a:avLst/>
          </a:prstGeom>
          <a:noFill/>
        </p:spPr>
        <p:txBody>
          <a:bodyPr wrap="square" rtlCol="0">
            <a:spAutoFit/>
          </a:bodyPr>
          <a:lstStyle/>
          <a:p>
            <a:pPr marL="85725" indent="-85725"/>
            <a:r>
              <a:rPr kumimoji="1" lang="ja-JP" altLang="en-US" sz="1700" dirty="0">
                <a:solidFill>
                  <a:schemeClr val="accent4">
                    <a:lumMod val="75000"/>
                  </a:schemeClr>
                </a:solidFill>
              </a:rPr>
              <a:t>●</a:t>
            </a:r>
            <a:r>
              <a:rPr kumimoji="1" lang="ja-JP" altLang="en-US" sz="1700" dirty="0"/>
              <a:t>包括委託契約に基づく、業務計</a:t>
            </a:r>
            <a:endParaRPr kumimoji="1" lang="en-US" altLang="ja-JP" sz="1700" dirty="0"/>
          </a:p>
          <a:p>
            <a:pPr marL="85725" indent="-85725"/>
            <a:r>
              <a:rPr kumimoji="1" lang="ja-JP" altLang="en-US" sz="1700" dirty="0"/>
              <a:t>　画書の作成</a:t>
            </a:r>
            <a:endParaRPr kumimoji="1" lang="en-US" altLang="ja-JP" sz="1700" dirty="0"/>
          </a:p>
          <a:p>
            <a:pPr marL="85725" indent="-85725"/>
            <a:r>
              <a:rPr kumimoji="1" lang="ja-JP" altLang="en-US" sz="1700" dirty="0">
                <a:solidFill>
                  <a:schemeClr val="accent4">
                    <a:lumMod val="75000"/>
                  </a:schemeClr>
                </a:solidFill>
              </a:rPr>
              <a:t>●</a:t>
            </a:r>
            <a:r>
              <a:rPr kumimoji="1" lang="ja-JP" altLang="en-US" sz="1700" dirty="0"/>
              <a:t>要求水準・評価基準値の遵守を目指した、取り組み内容の整理</a:t>
            </a:r>
          </a:p>
        </p:txBody>
      </p:sp>
      <p:sp>
        <p:nvSpPr>
          <p:cNvPr id="22" name="テキスト ボックス 21"/>
          <p:cNvSpPr txBox="1"/>
          <p:nvPr/>
        </p:nvSpPr>
        <p:spPr>
          <a:xfrm>
            <a:off x="6546793" y="2480967"/>
            <a:ext cx="3257435" cy="615553"/>
          </a:xfrm>
          <a:prstGeom prst="rect">
            <a:avLst/>
          </a:prstGeom>
          <a:noFill/>
        </p:spPr>
        <p:txBody>
          <a:bodyPr wrap="square" rtlCol="0">
            <a:spAutoFit/>
          </a:bodyPr>
          <a:lstStyle/>
          <a:p>
            <a:pPr marL="85725" indent="-85725"/>
            <a:r>
              <a:rPr kumimoji="1" lang="ja-JP" altLang="en-US" sz="1700" dirty="0">
                <a:solidFill>
                  <a:schemeClr val="accent2">
                    <a:lumMod val="75000"/>
                  </a:schemeClr>
                </a:solidFill>
              </a:rPr>
              <a:t>●</a:t>
            </a:r>
            <a:r>
              <a:rPr kumimoji="1" lang="ja-JP" altLang="en-US" sz="1700" dirty="0"/>
              <a:t>業務計画書に基づく業務の実施</a:t>
            </a:r>
            <a:endParaRPr kumimoji="1" lang="en-US" altLang="ja-JP" sz="1700" dirty="0"/>
          </a:p>
          <a:p>
            <a:pPr marL="85725" indent="-85725"/>
            <a:r>
              <a:rPr kumimoji="1" lang="ja-JP" altLang="en-US" sz="1700" dirty="0">
                <a:solidFill>
                  <a:schemeClr val="accent2">
                    <a:lumMod val="75000"/>
                  </a:schemeClr>
                </a:solidFill>
              </a:rPr>
              <a:t>●</a:t>
            </a:r>
            <a:r>
              <a:rPr kumimoji="1" lang="ja-JP" altLang="en-US" sz="1700" dirty="0"/>
              <a:t>業務実績の記録</a:t>
            </a:r>
            <a:endParaRPr kumimoji="1" lang="en-US" altLang="ja-JP" sz="1700" dirty="0"/>
          </a:p>
        </p:txBody>
      </p:sp>
      <p:sp>
        <p:nvSpPr>
          <p:cNvPr id="23" name="テキスト ボックス 22"/>
          <p:cNvSpPr txBox="1"/>
          <p:nvPr/>
        </p:nvSpPr>
        <p:spPr>
          <a:xfrm>
            <a:off x="18697" y="2419369"/>
            <a:ext cx="3257435" cy="830997"/>
          </a:xfrm>
          <a:prstGeom prst="rect">
            <a:avLst/>
          </a:prstGeom>
          <a:noFill/>
        </p:spPr>
        <p:txBody>
          <a:bodyPr wrap="square" rtlCol="0">
            <a:spAutoFit/>
          </a:bodyPr>
          <a:lstStyle/>
          <a:p>
            <a:pPr marL="85725" indent="-85725"/>
            <a:r>
              <a:rPr kumimoji="1" lang="ja-JP" altLang="en-US" sz="1600" dirty="0">
                <a:solidFill>
                  <a:schemeClr val="accent1">
                    <a:lumMod val="75000"/>
                  </a:schemeClr>
                </a:solidFill>
              </a:rPr>
              <a:t>●</a:t>
            </a:r>
            <a:r>
              <a:rPr kumimoji="1" lang="ja-JP" altLang="en-US" sz="1600" dirty="0"/>
              <a:t>セルフモニタリング、発注者実施</a:t>
            </a:r>
            <a:endParaRPr kumimoji="1" lang="en-US" altLang="ja-JP" sz="1600" dirty="0"/>
          </a:p>
          <a:p>
            <a:pPr marL="85725" indent="-85725"/>
            <a:r>
              <a:rPr kumimoji="1" lang="ja-JP" altLang="en-US" sz="1600" dirty="0"/>
              <a:t>　モニタリングによる履行状況確認</a:t>
            </a:r>
            <a:endParaRPr kumimoji="1" lang="en-US" altLang="ja-JP" sz="1600" dirty="0"/>
          </a:p>
          <a:p>
            <a:pPr marL="85725" indent="-85725"/>
            <a:r>
              <a:rPr kumimoji="1" lang="ja-JP" altLang="en-US" sz="1600" dirty="0">
                <a:solidFill>
                  <a:schemeClr val="accent1">
                    <a:lumMod val="75000"/>
                  </a:schemeClr>
                </a:solidFill>
              </a:rPr>
              <a:t>●</a:t>
            </a:r>
            <a:r>
              <a:rPr kumimoji="1" lang="ja-JP" altLang="en-US" sz="1600" dirty="0"/>
              <a:t>改善点抽出</a:t>
            </a:r>
          </a:p>
        </p:txBody>
      </p:sp>
      <p:sp>
        <p:nvSpPr>
          <p:cNvPr id="24" name="テキスト ボックス 23"/>
          <p:cNvSpPr txBox="1"/>
          <p:nvPr/>
        </p:nvSpPr>
        <p:spPr>
          <a:xfrm>
            <a:off x="0" y="1287647"/>
            <a:ext cx="4281768" cy="877163"/>
          </a:xfrm>
          <a:prstGeom prst="rect">
            <a:avLst/>
          </a:prstGeom>
          <a:noFill/>
        </p:spPr>
        <p:txBody>
          <a:bodyPr wrap="square" rtlCol="0">
            <a:spAutoFit/>
          </a:bodyPr>
          <a:lstStyle/>
          <a:p>
            <a:pPr marL="85725" indent="-85725"/>
            <a:r>
              <a:rPr kumimoji="1" lang="ja-JP" altLang="en-US" sz="1700" dirty="0">
                <a:solidFill>
                  <a:schemeClr val="accent6">
                    <a:lumMod val="75000"/>
                  </a:schemeClr>
                </a:solidFill>
              </a:rPr>
              <a:t>●</a:t>
            </a:r>
            <a:r>
              <a:rPr kumimoji="1" lang="ja-JP" altLang="en-US" sz="1700" dirty="0"/>
              <a:t>業務計画書の改善等による</a:t>
            </a:r>
            <a:endParaRPr kumimoji="1" lang="en-US" altLang="ja-JP" sz="1700" dirty="0"/>
          </a:p>
          <a:p>
            <a:pPr marL="85725" indent="-85725"/>
            <a:r>
              <a:rPr kumimoji="1" lang="ja-JP" altLang="en-US" sz="1700" dirty="0"/>
              <a:t>　　業務改善</a:t>
            </a:r>
            <a:endParaRPr kumimoji="1" lang="en-US" altLang="ja-JP" sz="1700" dirty="0"/>
          </a:p>
          <a:p>
            <a:pPr marL="85725" indent="-85725"/>
            <a:endParaRPr kumimoji="1" lang="ja-JP" altLang="en-US" sz="1700" dirty="0"/>
          </a:p>
        </p:txBody>
      </p:sp>
      <p:sp>
        <p:nvSpPr>
          <p:cNvPr id="16" name="テキスト ボックス 15"/>
          <p:cNvSpPr txBox="1"/>
          <p:nvPr/>
        </p:nvSpPr>
        <p:spPr>
          <a:xfrm>
            <a:off x="4877841" y="1223672"/>
            <a:ext cx="1849278" cy="923330"/>
          </a:xfrm>
          <a:prstGeom prst="rect">
            <a:avLst/>
          </a:prstGeom>
          <a:noFill/>
        </p:spPr>
        <p:txBody>
          <a:bodyPr wrap="square" rtlCol="0">
            <a:spAutoFit/>
          </a:bodyPr>
          <a:lstStyle/>
          <a:p>
            <a:pPr algn="ctr"/>
            <a:r>
              <a:rPr kumimoji="1" lang="en-US" altLang="ja-JP" sz="5400" b="1" dirty="0">
                <a:solidFill>
                  <a:schemeClr val="bg1">
                    <a:lumMod val="50000"/>
                  </a:schemeClr>
                </a:solidFill>
                <a:effectLst>
                  <a:outerShdw blurRad="38100" dist="38100" dir="2700000" algn="tl">
                    <a:srgbClr val="000000">
                      <a:alpha val="43137"/>
                    </a:srgbClr>
                  </a:outerShdw>
                </a:effectLst>
              </a:rPr>
              <a:t>P</a:t>
            </a:r>
            <a:r>
              <a:rPr kumimoji="1" lang="en-US" altLang="ja-JP" sz="5400" dirty="0">
                <a:solidFill>
                  <a:schemeClr val="bg1">
                    <a:lumMod val="50000"/>
                  </a:schemeClr>
                </a:solidFill>
              </a:rPr>
              <a:t>lan</a:t>
            </a:r>
            <a:endParaRPr kumimoji="1" lang="ja-JP" altLang="en-US" sz="5400" dirty="0">
              <a:solidFill>
                <a:schemeClr val="bg1">
                  <a:lumMod val="50000"/>
                </a:schemeClr>
              </a:solidFill>
            </a:endParaRPr>
          </a:p>
        </p:txBody>
      </p:sp>
      <p:sp>
        <p:nvSpPr>
          <p:cNvPr id="25" name="右矢印 24"/>
          <p:cNvSpPr/>
          <p:nvPr/>
        </p:nvSpPr>
        <p:spPr>
          <a:xfrm>
            <a:off x="4877841" y="1599460"/>
            <a:ext cx="178245" cy="402615"/>
          </a:xfrm>
          <a:prstGeom prst="right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右矢印 25"/>
          <p:cNvSpPr/>
          <p:nvPr/>
        </p:nvSpPr>
        <p:spPr>
          <a:xfrm rot="5400000">
            <a:off x="5459035" y="2030571"/>
            <a:ext cx="178245" cy="402615"/>
          </a:xfrm>
          <a:prstGeom prst="right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右矢印 26"/>
          <p:cNvSpPr/>
          <p:nvPr/>
        </p:nvSpPr>
        <p:spPr>
          <a:xfrm rot="10800000">
            <a:off x="4865340" y="2638271"/>
            <a:ext cx="178245" cy="402615"/>
          </a:xfrm>
          <a:prstGeom prst="right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右矢印 28"/>
          <p:cNvSpPr/>
          <p:nvPr/>
        </p:nvSpPr>
        <p:spPr>
          <a:xfrm rot="16200000">
            <a:off x="4339347" y="2047212"/>
            <a:ext cx="178245" cy="402615"/>
          </a:xfrm>
          <a:prstGeom prst="right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タイトル 1"/>
          <p:cNvSpPr txBox="1">
            <a:spLocks/>
          </p:cNvSpPr>
          <p:nvPr/>
        </p:nvSpPr>
        <p:spPr>
          <a:xfrm>
            <a:off x="0" y="644830"/>
            <a:ext cx="3632020" cy="382615"/>
          </a:xfrm>
          <a:prstGeom prst="rect">
            <a:avLst/>
          </a:prstGeom>
          <a:gradFill>
            <a:gsLst>
              <a:gs pos="49000">
                <a:srgbClr val="00B0F0"/>
              </a:gs>
              <a:gs pos="100000">
                <a:schemeClr val="bg1"/>
              </a:gs>
            </a:gsLst>
            <a:lin ang="0" scaled="1"/>
          </a:gradFill>
        </p:spPr>
        <p:txBody>
          <a:bodyPr vert="horz" lIns="91440" tIns="45720" rIns="91440" bIns="45720" rtlCol="0" anchor="ctr">
            <a:norm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en-US" altLang="ja-JP" sz="2000" b="1" dirty="0">
                <a:solidFill>
                  <a:schemeClr val="bg1"/>
                </a:solidFill>
                <a:latin typeface="ＭＳ ゴシック" panose="020B0609070205080204" pitchFamily="49" charset="-128"/>
                <a:ea typeface="ＭＳ ゴシック" panose="020B0609070205080204" pitchFamily="49" charset="-128"/>
              </a:rPr>
              <a:t>PDCA</a:t>
            </a:r>
            <a:r>
              <a:rPr lang="ja-JP" altLang="en-US" sz="2000" b="1" dirty="0">
                <a:solidFill>
                  <a:schemeClr val="bg1"/>
                </a:solidFill>
                <a:latin typeface="ＭＳ ゴシック" panose="020B0609070205080204" pitchFamily="49" charset="-128"/>
                <a:ea typeface="ＭＳ ゴシック" panose="020B0609070205080204" pitchFamily="49" charset="-128"/>
              </a:rPr>
              <a:t>の基本的な考え方</a:t>
            </a:r>
          </a:p>
        </p:txBody>
      </p:sp>
      <p:sp>
        <p:nvSpPr>
          <p:cNvPr id="31" name="タイトル 1"/>
          <p:cNvSpPr txBox="1">
            <a:spLocks/>
          </p:cNvSpPr>
          <p:nvPr/>
        </p:nvSpPr>
        <p:spPr>
          <a:xfrm>
            <a:off x="18697" y="3453710"/>
            <a:ext cx="3632020" cy="382615"/>
          </a:xfrm>
          <a:prstGeom prst="rect">
            <a:avLst/>
          </a:prstGeom>
          <a:gradFill>
            <a:gsLst>
              <a:gs pos="49000">
                <a:srgbClr val="00B0F0"/>
              </a:gs>
              <a:gs pos="100000">
                <a:schemeClr val="bg1"/>
              </a:gs>
            </a:gsLst>
            <a:lin ang="0" scaled="1"/>
          </a:gradFill>
        </p:spPr>
        <p:txBody>
          <a:bodyPr vert="horz" lIns="91440" tIns="45720" rIns="91440" bIns="45720" rtlCol="0" anchor="ctr">
            <a:norm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ja-JP" altLang="en-US" sz="2000" b="1" dirty="0">
                <a:solidFill>
                  <a:schemeClr val="bg1"/>
                </a:solidFill>
                <a:latin typeface="ＭＳ ゴシック" panose="020B0609070205080204" pitchFamily="49" charset="-128"/>
                <a:ea typeface="ＭＳ ゴシック" panose="020B0609070205080204" pitchFamily="49" charset="-128"/>
              </a:rPr>
              <a:t>審議会での確認事項</a:t>
            </a:r>
          </a:p>
        </p:txBody>
      </p:sp>
      <p:sp>
        <p:nvSpPr>
          <p:cNvPr id="38" name="下矢印 37"/>
          <p:cNvSpPr/>
          <p:nvPr/>
        </p:nvSpPr>
        <p:spPr>
          <a:xfrm rot="16200000">
            <a:off x="666793" y="6234056"/>
            <a:ext cx="525886" cy="457636"/>
          </a:xfrm>
          <a:prstGeom prst="downArrow">
            <a:avLst>
              <a:gd name="adj1" fmla="val 50000"/>
              <a:gd name="adj2" fmla="val 46097"/>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テキスト ボックス 38"/>
          <p:cNvSpPr txBox="1"/>
          <p:nvPr/>
        </p:nvSpPr>
        <p:spPr>
          <a:xfrm>
            <a:off x="1203938" y="6127375"/>
            <a:ext cx="8290246" cy="646331"/>
          </a:xfrm>
          <a:prstGeom prst="rect">
            <a:avLst/>
          </a:prstGeom>
          <a:noFill/>
        </p:spPr>
        <p:txBody>
          <a:bodyPr wrap="square" rtlCol="0">
            <a:spAutoFit/>
          </a:bodyPr>
          <a:lstStyle/>
          <a:p>
            <a:r>
              <a:rPr kumimoji="1" lang="en-US" altLang="ja-JP" u="sng" dirty="0"/>
              <a:t>CWO</a:t>
            </a:r>
            <a:r>
              <a:rPr kumimoji="1" lang="ja-JP" altLang="en-US" u="sng" dirty="0"/>
              <a:t>の業務履行状況を踏まえた課題・改善策、検討内容や方向性について、専門的なご意見を頂き、包括委託業務全体のベースアップを図る。</a:t>
            </a:r>
            <a:endParaRPr kumimoji="1" lang="en-US" altLang="ja-JP" u="sng" dirty="0"/>
          </a:p>
        </p:txBody>
      </p:sp>
      <p:sp>
        <p:nvSpPr>
          <p:cNvPr id="3" name="テキスト ボックス 2">
            <a:extLst>
              <a:ext uri="{FF2B5EF4-FFF2-40B4-BE49-F238E27FC236}">
                <a16:creationId xmlns:a16="http://schemas.microsoft.com/office/drawing/2014/main" id="{B214B5DA-7078-09E4-F3BD-5991161199D3}"/>
              </a:ext>
            </a:extLst>
          </p:cNvPr>
          <p:cNvSpPr txBox="1"/>
          <p:nvPr/>
        </p:nvSpPr>
        <p:spPr>
          <a:xfrm>
            <a:off x="8396679" y="60810"/>
            <a:ext cx="1407549" cy="461665"/>
          </a:xfrm>
          <a:prstGeom prst="rect">
            <a:avLst/>
          </a:prstGeom>
          <a:noFill/>
          <a:ln>
            <a:solidFill>
              <a:schemeClr val="tx1"/>
            </a:solidFill>
          </a:ln>
        </p:spPr>
        <p:txBody>
          <a:bodyPr wrap="square" rtlCol="0" anchor="ctr">
            <a:spAutoFit/>
          </a:bodyPr>
          <a:lstStyle/>
          <a:p>
            <a:pPr algn="ctr"/>
            <a:r>
              <a:rPr kumimoji="1" lang="ja-JP" altLang="en-US" sz="1200" dirty="0"/>
              <a:t>第１回審議会資料</a:t>
            </a:r>
            <a:endParaRPr kumimoji="1" lang="en-US" altLang="ja-JP" sz="1200" dirty="0"/>
          </a:p>
          <a:p>
            <a:pPr algn="ctr"/>
            <a:r>
              <a:rPr kumimoji="1" lang="ja-JP" altLang="en-US" sz="1200" dirty="0"/>
              <a:t>（再掲）</a:t>
            </a:r>
          </a:p>
        </p:txBody>
      </p:sp>
      <p:sp>
        <p:nvSpPr>
          <p:cNvPr id="21" name="角丸四角形 18">
            <a:extLst>
              <a:ext uri="{FF2B5EF4-FFF2-40B4-BE49-F238E27FC236}">
                <a16:creationId xmlns:a16="http://schemas.microsoft.com/office/drawing/2014/main" id="{5A7318E1-4C6E-D8F1-2F28-F519ABFCBB97}"/>
              </a:ext>
            </a:extLst>
          </p:cNvPr>
          <p:cNvSpPr/>
          <p:nvPr/>
        </p:nvSpPr>
        <p:spPr>
          <a:xfrm>
            <a:off x="72908" y="96839"/>
            <a:ext cx="817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117623838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表 7"/>
          <p:cNvGraphicFramePr>
            <a:graphicFrameLocks noGrp="1"/>
          </p:cNvGraphicFramePr>
          <p:nvPr>
            <p:extLst>
              <p:ext uri="{D42A27DB-BD31-4B8C-83A1-F6EECF244321}">
                <p14:modId xmlns:p14="http://schemas.microsoft.com/office/powerpoint/2010/main" val="1396967450"/>
              </p:ext>
            </p:extLst>
          </p:nvPr>
        </p:nvGraphicFramePr>
        <p:xfrm>
          <a:off x="186373" y="1219746"/>
          <a:ext cx="9522006" cy="5608320"/>
        </p:xfrm>
        <a:graphic>
          <a:graphicData uri="http://schemas.openxmlformats.org/drawingml/2006/table">
            <a:tbl>
              <a:tblPr firstRow="1" bandRow="1">
                <a:tableStyleId>{00A15C55-8517-42AA-B614-E9B94910E393}</a:tableStyleId>
              </a:tblPr>
              <a:tblGrid>
                <a:gridCol w="1248227">
                  <a:extLst>
                    <a:ext uri="{9D8B030D-6E8A-4147-A177-3AD203B41FA5}">
                      <a16:colId xmlns:a16="http://schemas.microsoft.com/office/drawing/2014/main" val="1716734234"/>
                    </a:ext>
                  </a:extLst>
                </a:gridCol>
                <a:gridCol w="4115118">
                  <a:extLst>
                    <a:ext uri="{9D8B030D-6E8A-4147-A177-3AD203B41FA5}">
                      <a16:colId xmlns:a16="http://schemas.microsoft.com/office/drawing/2014/main" val="1965644980"/>
                    </a:ext>
                  </a:extLst>
                </a:gridCol>
                <a:gridCol w="4158661">
                  <a:extLst>
                    <a:ext uri="{9D8B030D-6E8A-4147-A177-3AD203B41FA5}">
                      <a16:colId xmlns:a16="http://schemas.microsoft.com/office/drawing/2014/main" val="3868781665"/>
                    </a:ext>
                  </a:extLst>
                </a:gridCol>
              </a:tblGrid>
              <a:tr h="399021">
                <a:tc>
                  <a:txBody>
                    <a:bodyPr/>
                    <a:lstStyle/>
                    <a:p>
                      <a:pPr algn="ctr"/>
                      <a:endParaRPr kumimoji="1" lang="ja-JP" altLang="en-US" sz="1600" dirty="0"/>
                    </a:p>
                  </a:txBody>
                  <a:tcPr anchor="ctr"/>
                </a:tc>
                <a:tc>
                  <a:txBody>
                    <a:bodyPr/>
                    <a:lstStyle/>
                    <a:p>
                      <a:pPr algn="ctr"/>
                      <a:r>
                        <a:rPr kumimoji="1" lang="ja-JP" altLang="en-US" sz="1800" dirty="0"/>
                        <a:t>モニタリング項目</a:t>
                      </a:r>
                      <a:endParaRPr kumimoji="1" lang="en-US" altLang="ja-JP" sz="1800" dirty="0"/>
                    </a:p>
                    <a:p>
                      <a:pPr algn="ctr"/>
                      <a:r>
                        <a:rPr kumimoji="1" lang="ja-JP" altLang="en-US" sz="1400" dirty="0"/>
                        <a:t>（アウトプット項目中心）</a:t>
                      </a:r>
                      <a:endParaRPr kumimoji="1" lang="en-US" altLang="ja-JP" sz="1400" dirty="0"/>
                    </a:p>
                    <a:p>
                      <a:pPr algn="ctr"/>
                      <a:r>
                        <a:rPr kumimoji="1" lang="ja-JP" altLang="en-US" sz="1400" dirty="0"/>
                        <a:t>モニタリングマニュアルで規定</a:t>
                      </a:r>
                    </a:p>
                  </a:txBody>
                  <a:tcPr anchor="ctr"/>
                </a:tc>
                <a:tc>
                  <a:txBody>
                    <a:bodyPr/>
                    <a:lstStyle/>
                    <a:p>
                      <a:pPr algn="ctr"/>
                      <a:r>
                        <a:rPr kumimoji="1" lang="ja-JP" altLang="en-US" sz="1800" dirty="0"/>
                        <a:t>要求水準・評価基準</a:t>
                      </a:r>
                      <a:endParaRPr kumimoji="1" lang="en-US" altLang="ja-JP" sz="1800" dirty="0"/>
                    </a:p>
                    <a:p>
                      <a:pPr algn="ctr"/>
                      <a:r>
                        <a:rPr kumimoji="1" lang="ja-JP" altLang="en-US" sz="1400" dirty="0"/>
                        <a:t>（アウトカム）</a:t>
                      </a:r>
                      <a:endParaRPr kumimoji="1" lang="en-US" altLang="ja-JP" sz="1400" dirty="0"/>
                    </a:p>
                    <a:p>
                      <a:pPr algn="ctr"/>
                      <a:r>
                        <a:rPr kumimoji="1" lang="ja-JP" altLang="en-US" sz="1400" dirty="0"/>
                        <a:t>特記仕様書で規定</a:t>
                      </a:r>
                    </a:p>
                  </a:txBody>
                  <a:tcPr anchor="ctr"/>
                </a:tc>
                <a:extLst>
                  <a:ext uri="{0D108BD9-81ED-4DB2-BD59-A6C34878D82A}">
                    <a16:rowId xmlns:a16="http://schemas.microsoft.com/office/drawing/2014/main" val="1167308062"/>
                  </a:ext>
                </a:extLst>
              </a:tr>
              <a:tr h="844084">
                <a:tc>
                  <a:txBody>
                    <a:bodyPr/>
                    <a:lstStyle/>
                    <a:p>
                      <a:pPr marL="0" indent="180975" algn="l"/>
                      <a:r>
                        <a:rPr kumimoji="1" lang="ja-JP" altLang="en-US" sz="1600" dirty="0"/>
                        <a:t>管路施設</a:t>
                      </a:r>
                    </a:p>
                  </a:txBody>
                  <a:tcPr anchor="ctr"/>
                </a:tc>
                <a:tc>
                  <a:txBody>
                    <a:bodyPr/>
                    <a:lstStyle/>
                    <a:p>
                      <a:pPr marL="0" indent="180975" algn="l"/>
                      <a:r>
                        <a:rPr kumimoji="1" lang="en-US" altLang="ja-JP" sz="2400" u="sng" dirty="0"/>
                        <a:t>40</a:t>
                      </a:r>
                      <a:r>
                        <a:rPr kumimoji="1" lang="ja-JP" altLang="en-US" sz="2400" u="sng" dirty="0"/>
                        <a:t>項目</a:t>
                      </a:r>
                      <a:endParaRPr kumimoji="1" lang="en-US" altLang="ja-JP" sz="2400" u="sng" dirty="0"/>
                    </a:p>
                    <a:p>
                      <a:pPr marL="0" indent="180975" algn="l"/>
                      <a:r>
                        <a:rPr kumimoji="1" lang="ja-JP" altLang="en-US" sz="1600" dirty="0"/>
                        <a:t>　・巡視・点検・調査数量</a:t>
                      </a:r>
                      <a:endParaRPr kumimoji="1" lang="en-US" altLang="ja-JP" sz="1600" dirty="0"/>
                    </a:p>
                    <a:p>
                      <a:pPr marL="0" indent="180975" algn="l"/>
                      <a:r>
                        <a:rPr kumimoji="1" lang="ja-JP" altLang="en-US" sz="1600" dirty="0"/>
                        <a:t>　・つまり・清掃数量</a:t>
                      </a:r>
                      <a:endParaRPr kumimoji="1" lang="en-US" altLang="ja-JP" sz="1600" dirty="0"/>
                    </a:p>
                    <a:p>
                      <a:pPr marL="0" indent="180975" algn="l"/>
                      <a:r>
                        <a:rPr kumimoji="1" lang="ja-JP" altLang="en-US" sz="1600" dirty="0"/>
                        <a:t>　・市民対応状況　など</a:t>
                      </a:r>
                      <a:endParaRPr kumimoji="1" lang="en-US" altLang="ja-JP" sz="1600" dirty="0"/>
                    </a:p>
                    <a:p>
                      <a:pPr marL="0" indent="180975" algn="l"/>
                      <a:r>
                        <a:rPr kumimoji="1" lang="ja-JP" altLang="en-US" sz="1600" dirty="0"/>
                        <a:t>（頻度）毎月報告・監視</a:t>
                      </a:r>
                      <a:endParaRPr kumimoji="1" lang="en-US" altLang="ja-JP" sz="1600" dirty="0"/>
                    </a:p>
                    <a:p>
                      <a:pPr marL="0" indent="180975" algn="l"/>
                      <a:r>
                        <a:rPr kumimoji="1" lang="ja-JP" altLang="en-US" sz="1600" dirty="0"/>
                        <a:t>　　　　　　</a:t>
                      </a:r>
                      <a:endParaRPr kumimoji="1" lang="ja-JP" altLang="en-US" sz="1600" dirty="0">
                        <a:solidFill>
                          <a:schemeClr val="tx1"/>
                        </a:solidFill>
                      </a:endParaRPr>
                    </a:p>
                  </a:txBody>
                  <a:tcPr anchor="ctr"/>
                </a:tc>
                <a:tc>
                  <a:txBody>
                    <a:bodyPr/>
                    <a:lstStyle/>
                    <a:p>
                      <a:pPr marL="0" indent="180975" algn="l"/>
                      <a:r>
                        <a:rPr kumimoji="1" lang="en-US" altLang="ja-JP" sz="2400" u="sng" dirty="0"/>
                        <a:t>3</a:t>
                      </a:r>
                      <a:r>
                        <a:rPr kumimoji="1" lang="ja-JP" altLang="en-US" sz="2400" u="sng" dirty="0"/>
                        <a:t>項目</a:t>
                      </a:r>
                      <a:endParaRPr kumimoji="1" lang="en-US" altLang="ja-JP" sz="2400" u="sng" dirty="0"/>
                    </a:p>
                    <a:p>
                      <a:pPr marL="0" indent="180975" algn="l"/>
                      <a:r>
                        <a:rPr kumimoji="1" lang="ja-JP" altLang="en-US" sz="1600" dirty="0"/>
                        <a:t>要求水準・評価基準値等</a:t>
                      </a:r>
                      <a:endParaRPr kumimoji="1" lang="en-US" altLang="ja-JP" sz="1600" dirty="0"/>
                    </a:p>
                    <a:p>
                      <a:pPr marL="0" indent="180975" algn="l"/>
                      <a:r>
                        <a:rPr kumimoji="1" lang="ja-JP" altLang="en-US" sz="1600" dirty="0"/>
                        <a:t>　・道路陥没件数</a:t>
                      </a:r>
                      <a:endParaRPr kumimoji="1" lang="en-US" altLang="ja-JP" sz="1600" dirty="0"/>
                    </a:p>
                    <a:p>
                      <a:pPr marL="0" indent="180975" algn="l"/>
                      <a:r>
                        <a:rPr kumimoji="1" lang="ja-JP" altLang="en-US" sz="1600" dirty="0"/>
                        <a:t>　・下水つまり件数</a:t>
                      </a:r>
                      <a:endParaRPr kumimoji="1" lang="en-US" altLang="ja-JP" sz="1600" dirty="0"/>
                    </a:p>
                    <a:p>
                      <a:pPr marL="0" indent="180975" algn="l"/>
                      <a:r>
                        <a:rPr kumimoji="1" lang="ja-JP" altLang="en-US" sz="1600" dirty="0"/>
                        <a:t>　・申告対応時間　</a:t>
                      </a:r>
                      <a:endParaRPr kumimoji="1" lang="en-US" altLang="ja-JP" sz="1600" dirty="0"/>
                    </a:p>
                    <a:p>
                      <a:pPr marL="0" indent="180975" algn="l"/>
                      <a:r>
                        <a:rPr kumimoji="1" lang="ja-JP" altLang="en-US" sz="1600" dirty="0"/>
                        <a:t>（頻度）毎月報告・監視</a:t>
                      </a:r>
                      <a:endParaRPr kumimoji="1" lang="en-US" altLang="ja-JP" sz="1600" dirty="0"/>
                    </a:p>
                  </a:txBody>
                  <a:tcPr anchor="ctr"/>
                </a:tc>
                <a:extLst>
                  <a:ext uri="{0D108BD9-81ED-4DB2-BD59-A6C34878D82A}">
                    <a16:rowId xmlns:a16="http://schemas.microsoft.com/office/drawing/2014/main" val="1147447405"/>
                  </a:ext>
                </a:extLst>
              </a:tr>
              <a:tr h="1580738">
                <a:tc>
                  <a:txBody>
                    <a:bodyPr/>
                    <a:lstStyle/>
                    <a:p>
                      <a:pPr algn="ctr"/>
                      <a:r>
                        <a:rPr kumimoji="1" lang="ja-JP" altLang="en-US" sz="1600" dirty="0"/>
                        <a:t>処理場・</a:t>
                      </a:r>
                      <a:endParaRPr kumimoji="1" lang="en-US" altLang="ja-JP" sz="1600" dirty="0"/>
                    </a:p>
                    <a:p>
                      <a:pPr algn="ctr"/>
                      <a:r>
                        <a:rPr kumimoji="1" lang="ja-JP" altLang="en-US" sz="1600" dirty="0"/>
                        <a:t>抽水所施設</a:t>
                      </a:r>
                    </a:p>
                  </a:txBody>
                  <a:tcPr anchor="ctr"/>
                </a:tc>
                <a:tc>
                  <a:txBody>
                    <a:bodyPr/>
                    <a:lstStyle/>
                    <a:p>
                      <a:pPr marL="0" indent="180975" algn="l"/>
                      <a:r>
                        <a:rPr kumimoji="1" lang="en-US" altLang="ja-JP" sz="2400" u="sng" dirty="0"/>
                        <a:t>46</a:t>
                      </a:r>
                      <a:r>
                        <a:rPr kumimoji="1" lang="ja-JP" altLang="en-US" sz="2400" u="sng" dirty="0"/>
                        <a:t>項目</a:t>
                      </a:r>
                      <a:endParaRPr kumimoji="1" lang="en-US" altLang="ja-JP" sz="2400" u="sng" dirty="0">
                        <a:solidFill>
                          <a:srgbClr val="FF0000"/>
                        </a:solidFill>
                      </a:endParaRPr>
                    </a:p>
                    <a:p>
                      <a:pPr marL="0" indent="180975" algn="l"/>
                      <a:r>
                        <a:rPr kumimoji="1" lang="ja-JP" altLang="en-US" sz="1600" dirty="0"/>
                        <a:t>・放流水質</a:t>
                      </a:r>
                      <a:endParaRPr kumimoji="1" lang="en-US" altLang="ja-JP" sz="1600" dirty="0"/>
                    </a:p>
                    <a:p>
                      <a:pPr marL="0" indent="180975" algn="l"/>
                      <a:r>
                        <a:rPr kumimoji="1" lang="ja-JP" altLang="en-US" sz="1600" dirty="0"/>
                        <a:t>・エネルギー、薬品等使用量</a:t>
                      </a:r>
                      <a:endParaRPr kumimoji="1" lang="en-US" altLang="ja-JP" sz="1600" dirty="0"/>
                    </a:p>
                    <a:p>
                      <a:pPr marL="0" indent="180975" algn="l"/>
                      <a:r>
                        <a:rPr kumimoji="1" lang="ja-JP" altLang="en-US" sz="1600" dirty="0"/>
                        <a:t>・雨水ポンプの運転</a:t>
                      </a:r>
                      <a:endParaRPr kumimoji="1" lang="en-US" altLang="ja-JP" sz="1600" dirty="0"/>
                    </a:p>
                    <a:p>
                      <a:pPr marL="0" indent="180975" algn="l"/>
                      <a:r>
                        <a:rPr kumimoji="1" lang="ja-JP" altLang="en-US" sz="1600" dirty="0"/>
                        <a:t>・水処理、汚泥処理施設の状況</a:t>
                      </a:r>
                      <a:endParaRPr kumimoji="1" lang="en-US" altLang="ja-JP" sz="1600" dirty="0"/>
                    </a:p>
                    <a:p>
                      <a:pPr marL="0" indent="180975" algn="l"/>
                      <a:r>
                        <a:rPr kumimoji="1" lang="ja-JP" altLang="en-US" sz="1600" dirty="0"/>
                        <a:t>・点検、修繕実施</a:t>
                      </a:r>
                      <a:endParaRPr kumimoji="1" lang="en-US" altLang="ja-JP" sz="1600" dirty="0"/>
                    </a:p>
                    <a:p>
                      <a:pPr marL="0" indent="180975" algn="l"/>
                      <a:r>
                        <a:rPr kumimoji="1" lang="ja-JP" altLang="en-US" sz="1600" dirty="0"/>
                        <a:t>・災害対応要員の確保状況</a:t>
                      </a:r>
                      <a:endParaRPr kumimoji="1" lang="en-US" altLang="ja-JP" sz="1600" dirty="0"/>
                    </a:p>
                    <a:p>
                      <a:pPr marL="0" indent="180975" algn="l"/>
                      <a:r>
                        <a:rPr kumimoji="1" lang="ja-JP" altLang="en-US" sz="1600" dirty="0"/>
                        <a:t>　　　　　　　　　　　　　　　など</a:t>
                      </a:r>
                      <a:endParaRPr kumimoji="1" lang="en-US" altLang="ja-JP" sz="1600" dirty="0"/>
                    </a:p>
                    <a:p>
                      <a:pPr marL="0" indent="180975" algn="l"/>
                      <a:endParaRPr kumimoji="1" lang="en-US" altLang="ja-JP" sz="1600" dirty="0"/>
                    </a:p>
                    <a:p>
                      <a:pPr marL="0" marR="0" lvl="0" indent="180975" algn="l" defTabSz="914400" rtl="0" eaLnBrk="1" fontAlgn="auto" latinLnBrk="0" hangingPunct="1">
                        <a:lnSpc>
                          <a:spcPct val="100000"/>
                        </a:lnSpc>
                        <a:spcBef>
                          <a:spcPts val="0"/>
                        </a:spcBef>
                        <a:spcAft>
                          <a:spcPts val="0"/>
                        </a:spcAft>
                        <a:buClrTx/>
                        <a:buSzTx/>
                        <a:buFontTx/>
                        <a:buNone/>
                        <a:tabLst/>
                        <a:defRPr/>
                      </a:pPr>
                      <a:r>
                        <a:rPr kumimoji="1" lang="ja-JP" altLang="en-US" sz="1600" dirty="0"/>
                        <a:t>（頻度）毎月、四半期、年</a:t>
                      </a:r>
                      <a:r>
                        <a:rPr kumimoji="1" lang="en-US" altLang="ja-JP" sz="1600" dirty="0"/>
                        <a:t>1</a:t>
                      </a:r>
                      <a:r>
                        <a:rPr kumimoji="1" lang="ja-JP" altLang="en-US" sz="1600" dirty="0"/>
                        <a:t>回の報告・監視</a:t>
                      </a:r>
                    </a:p>
                  </a:txBody>
                  <a:tcPr anchor="ctr"/>
                </a:tc>
                <a:tc>
                  <a:txBody>
                    <a:bodyPr/>
                    <a:lstStyle/>
                    <a:p>
                      <a:pPr marL="0" indent="180975" algn="l"/>
                      <a:r>
                        <a:rPr kumimoji="1" lang="en-US" altLang="ja-JP" sz="2400" u="sng" dirty="0"/>
                        <a:t>3</a:t>
                      </a:r>
                      <a:r>
                        <a:rPr kumimoji="1" lang="ja-JP" altLang="en-US" sz="2400" u="sng" dirty="0"/>
                        <a:t>項目</a:t>
                      </a:r>
                      <a:endParaRPr kumimoji="1" lang="en-US" altLang="ja-JP" sz="2400" u="sng" dirty="0"/>
                    </a:p>
                    <a:p>
                      <a:pPr marL="0" indent="180975" algn="l"/>
                      <a:r>
                        <a:rPr kumimoji="1" lang="ja-JP" altLang="en-US" sz="1600" dirty="0"/>
                        <a:t>要求水準・評価基準値等</a:t>
                      </a:r>
                      <a:endParaRPr kumimoji="1" lang="en-US" altLang="ja-JP" sz="1600" dirty="0"/>
                    </a:p>
                    <a:p>
                      <a:pPr marL="0" indent="180975" algn="l"/>
                      <a:r>
                        <a:rPr kumimoji="1" lang="ja-JP" altLang="en-US" sz="1600" dirty="0"/>
                        <a:t>・ポンプ運転に関する事項</a:t>
                      </a:r>
                      <a:endParaRPr kumimoji="1" lang="en-US" altLang="ja-JP" sz="1600" dirty="0"/>
                    </a:p>
                    <a:p>
                      <a:pPr marL="0" indent="180975" algn="l"/>
                      <a:r>
                        <a:rPr kumimoji="1" lang="ja-JP" altLang="en-US" sz="1600" dirty="0"/>
                        <a:t>（浸水発生、危険水位超過）</a:t>
                      </a:r>
                      <a:endParaRPr kumimoji="1" lang="en-US" altLang="ja-JP" sz="1600" dirty="0"/>
                    </a:p>
                    <a:p>
                      <a:pPr marL="0" indent="180975" algn="l"/>
                      <a:r>
                        <a:rPr kumimoji="1" lang="ja-JP" altLang="en-US" sz="1600" dirty="0"/>
                        <a:t>・放流水質</a:t>
                      </a:r>
                      <a:endParaRPr kumimoji="1" lang="en-US" altLang="ja-JP" sz="1600" dirty="0"/>
                    </a:p>
                    <a:p>
                      <a:pPr marL="0" indent="180975" algn="just"/>
                      <a:r>
                        <a:rPr kumimoji="1" lang="ja-JP" altLang="en-US" sz="1600" dirty="0"/>
                        <a:t>（</a:t>
                      </a:r>
                      <a:r>
                        <a:rPr kumimoji="1" lang="en-US" altLang="ja-JP" sz="1600" dirty="0"/>
                        <a:t>pH</a:t>
                      </a:r>
                      <a:r>
                        <a:rPr kumimoji="1" lang="ja-JP" altLang="en-US" sz="1600" dirty="0" err="1"/>
                        <a:t>、</a:t>
                      </a:r>
                      <a:r>
                        <a:rPr kumimoji="1" lang="en-US" altLang="ja-JP" sz="1600" dirty="0"/>
                        <a:t>SS</a:t>
                      </a:r>
                      <a:r>
                        <a:rPr kumimoji="1" lang="ja-JP" altLang="en-US" sz="1600" dirty="0" err="1"/>
                        <a:t>、</a:t>
                      </a:r>
                      <a:r>
                        <a:rPr kumimoji="1" lang="en-US" altLang="ja-JP" sz="1600" dirty="0"/>
                        <a:t>BOD</a:t>
                      </a:r>
                      <a:r>
                        <a:rPr kumimoji="1" lang="ja-JP" altLang="en-US" sz="1600" dirty="0" err="1"/>
                        <a:t>、</a:t>
                      </a:r>
                      <a:r>
                        <a:rPr kumimoji="1" lang="en-US" altLang="ja-JP" sz="1600" dirty="0"/>
                        <a:t>COD</a:t>
                      </a:r>
                      <a:r>
                        <a:rPr kumimoji="1" lang="ja-JP" altLang="en-US" sz="1600" dirty="0" err="1"/>
                        <a:t>、</a:t>
                      </a:r>
                      <a:r>
                        <a:rPr kumimoji="1" lang="ja-JP" altLang="en-US" sz="1600" dirty="0"/>
                        <a:t>全窒素、　</a:t>
                      </a:r>
                      <a:endParaRPr kumimoji="1" lang="en-US" altLang="ja-JP" sz="1600" dirty="0"/>
                    </a:p>
                    <a:p>
                      <a:pPr marL="0" indent="180975" algn="just"/>
                      <a:r>
                        <a:rPr kumimoji="1" lang="ja-JP" altLang="en-US" sz="1600" dirty="0"/>
                        <a:t>　 全</a:t>
                      </a:r>
                      <a:r>
                        <a:rPr kumimoji="1" lang="ja-JP" altLang="en-US" sz="1600" dirty="0" err="1"/>
                        <a:t>りん</a:t>
                      </a:r>
                      <a:r>
                        <a:rPr kumimoji="1" lang="ja-JP" altLang="en-US" sz="1600" dirty="0"/>
                        <a:t>、大腸菌群数）</a:t>
                      </a:r>
                      <a:endParaRPr kumimoji="1" lang="en-US" altLang="ja-JP" sz="1600" dirty="0"/>
                    </a:p>
                    <a:p>
                      <a:pPr marL="0" indent="180975" algn="l"/>
                      <a:r>
                        <a:rPr kumimoji="1" lang="ja-JP" altLang="en-US" sz="1600" dirty="0"/>
                        <a:t>・ユーティリティ等に関する事項</a:t>
                      </a:r>
                      <a:endParaRPr kumimoji="1" lang="en-US" altLang="ja-JP" sz="1600" dirty="0"/>
                    </a:p>
                    <a:p>
                      <a:pPr marL="0" indent="180975" algn="just"/>
                      <a:r>
                        <a:rPr kumimoji="1" lang="ja-JP" altLang="en-US" sz="1600" dirty="0"/>
                        <a:t>（電力量、燃料、薬品等）</a:t>
                      </a:r>
                      <a:endParaRPr kumimoji="1" lang="en-US" altLang="ja-JP" sz="1600" dirty="0"/>
                    </a:p>
                    <a:p>
                      <a:pPr marL="0" marR="0" lvl="0" indent="180975" algn="just" defTabSz="914400" rtl="0" eaLnBrk="1" fontAlgn="auto" latinLnBrk="0" hangingPunct="1">
                        <a:lnSpc>
                          <a:spcPct val="100000"/>
                        </a:lnSpc>
                        <a:spcBef>
                          <a:spcPts val="0"/>
                        </a:spcBef>
                        <a:spcAft>
                          <a:spcPts val="0"/>
                        </a:spcAft>
                        <a:buClrTx/>
                        <a:buSzTx/>
                        <a:buFontTx/>
                        <a:buNone/>
                        <a:tabLst/>
                        <a:defRPr/>
                      </a:pPr>
                      <a:endParaRPr kumimoji="1" lang="en-US" altLang="ja-JP" sz="1600" dirty="0"/>
                    </a:p>
                    <a:p>
                      <a:pPr marL="0" marR="0" lvl="0" indent="180975" algn="just" defTabSz="914400" rtl="0" eaLnBrk="1" fontAlgn="auto" latinLnBrk="0" hangingPunct="1">
                        <a:lnSpc>
                          <a:spcPct val="100000"/>
                        </a:lnSpc>
                        <a:spcBef>
                          <a:spcPts val="0"/>
                        </a:spcBef>
                        <a:spcAft>
                          <a:spcPts val="0"/>
                        </a:spcAft>
                        <a:buClrTx/>
                        <a:buSzTx/>
                        <a:buFontTx/>
                        <a:buNone/>
                        <a:tabLst/>
                        <a:defRPr/>
                      </a:pPr>
                      <a:r>
                        <a:rPr kumimoji="1" lang="ja-JP" altLang="en-US" sz="1600" dirty="0"/>
                        <a:t>（頻度）毎月報告・監視</a:t>
                      </a:r>
                      <a:endParaRPr kumimoji="1" lang="en-US" altLang="ja-JP" sz="1600" dirty="0"/>
                    </a:p>
                    <a:p>
                      <a:pPr marL="0" indent="180975" algn="just"/>
                      <a:endParaRPr kumimoji="1" lang="en-US" altLang="ja-JP" sz="1600" dirty="0"/>
                    </a:p>
                  </a:txBody>
                  <a:tcPr anchor="ctr"/>
                </a:tc>
                <a:extLst>
                  <a:ext uri="{0D108BD9-81ED-4DB2-BD59-A6C34878D82A}">
                    <a16:rowId xmlns:a16="http://schemas.microsoft.com/office/drawing/2014/main" val="2889943566"/>
                  </a:ext>
                </a:extLst>
              </a:tr>
            </a:tbl>
          </a:graphicData>
        </a:graphic>
      </p:graphicFrame>
      <p:sp>
        <p:nvSpPr>
          <p:cNvPr id="14"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要求水準</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業務モニタリング結果</a:t>
            </a:r>
            <a:r>
              <a:rPr lang="ja-JP" altLang="en-US" sz="2925" dirty="0">
                <a:solidFill>
                  <a:schemeClr val="bg1"/>
                </a:solidFill>
                <a:latin typeface="HGP創英角ｺﾞｼｯｸUB" panose="020B0900000000000000" pitchFamily="50" charset="-128"/>
                <a:ea typeface="HGP創英角ｺﾞｼｯｸUB" panose="020B0900000000000000" pitchFamily="50" charset="-128"/>
              </a:rPr>
              <a:t>　</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19" name="角丸四角形 18"/>
          <p:cNvSpPr/>
          <p:nvPr/>
        </p:nvSpPr>
        <p:spPr>
          <a:xfrm>
            <a:off x="72908" y="96839"/>
            <a:ext cx="817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sp>
        <p:nvSpPr>
          <p:cNvPr id="3" name="スライド番号プレースホルダー 2"/>
          <p:cNvSpPr>
            <a:spLocks noGrp="1"/>
          </p:cNvSpPr>
          <p:nvPr>
            <p:ph type="sldNum" sz="quarter" idx="12"/>
          </p:nvPr>
        </p:nvSpPr>
        <p:spPr/>
        <p:txBody>
          <a:bodyPr/>
          <a:lstStyle/>
          <a:p>
            <a:fld id="{36EC18DB-A5DF-4E0E-B815-FCD04A2C4B2C}" type="slidenum">
              <a:rPr kumimoji="1" lang="ja-JP" altLang="en-US" smtClean="0"/>
              <a:t>18</a:t>
            </a:fld>
            <a:endParaRPr kumimoji="1" lang="ja-JP" altLang="en-US"/>
          </a:p>
        </p:txBody>
      </p:sp>
      <p:sp>
        <p:nvSpPr>
          <p:cNvPr id="2" name="テキスト ボックス 1">
            <a:extLst>
              <a:ext uri="{FF2B5EF4-FFF2-40B4-BE49-F238E27FC236}">
                <a16:creationId xmlns:a16="http://schemas.microsoft.com/office/drawing/2014/main" id="{2939D37F-A18F-4039-5604-D28D29B0FA7E}"/>
              </a:ext>
            </a:extLst>
          </p:cNvPr>
          <p:cNvSpPr txBox="1"/>
          <p:nvPr/>
        </p:nvSpPr>
        <p:spPr>
          <a:xfrm>
            <a:off x="8396679" y="60810"/>
            <a:ext cx="1407549" cy="461665"/>
          </a:xfrm>
          <a:prstGeom prst="rect">
            <a:avLst/>
          </a:prstGeom>
          <a:noFill/>
          <a:ln>
            <a:solidFill>
              <a:schemeClr val="tx1"/>
            </a:solidFill>
          </a:ln>
        </p:spPr>
        <p:txBody>
          <a:bodyPr wrap="square" rtlCol="0" anchor="ctr">
            <a:spAutoFit/>
          </a:bodyPr>
          <a:lstStyle/>
          <a:p>
            <a:pPr algn="ctr"/>
            <a:r>
              <a:rPr kumimoji="1" lang="ja-JP" altLang="en-US" sz="1200" dirty="0"/>
              <a:t>第１回審議会資料</a:t>
            </a:r>
            <a:endParaRPr kumimoji="1" lang="en-US" altLang="ja-JP" sz="1200" dirty="0"/>
          </a:p>
          <a:p>
            <a:pPr algn="ctr"/>
            <a:r>
              <a:rPr kumimoji="1" lang="ja-JP" altLang="en-US" sz="1200" dirty="0"/>
              <a:t>（再掲）</a:t>
            </a:r>
          </a:p>
        </p:txBody>
      </p:sp>
    </p:spTree>
    <p:extLst>
      <p:ext uri="{BB962C8B-B14F-4D97-AF65-F5344CB8AC3E}">
        <p14:creationId xmlns:p14="http://schemas.microsoft.com/office/powerpoint/2010/main" val="1266975637"/>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要求水準</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業務モニタリング結果</a:t>
            </a:r>
            <a:r>
              <a:rPr lang="ja-JP" altLang="en-US" sz="2925" dirty="0">
                <a:solidFill>
                  <a:schemeClr val="bg1"/>
                </a:solidFill>
                <a:latin typeface="HGP創英角ｺﾞｼｯｸUB" panose="020B0900000000000000" pitchFamily="50" charset="-128"/>
                <a:ea typeface="HGP創英角ｺﾞｼｯｸUB" panose="020B0900000000000000" pitchFamily="50" charset="-128"/>
              </a:rPr>
              <a:t>　</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4221087494"/>
              </p:ext>
            </p:extLst>
          </p:nvPr>
        </p:nvGraphicFramePr>
        <p:xfrm>
          <a:off x="229550" y="1258836"/>
          <a:ext cx="9460142" cy="4311865"/>
        </p:xfrm>
        <a:graphic>
          <a:graphicData uri="http://schemas.openxmlformats.org/drawingml/2006/table">
            <a:tbl>
              <a:tblPr firstRow="1" bandRow="1">
                <a:tableStyleId>{5C22544A-7EE6-4342-B048-85BDC9FD1C3A}</a:tableStyleId>
              </a:tblPr>
              <a:tblGrid>
                <a:gridCol w="341950">
                  <a:extLst>
                    <a:ext uri="{9D8B030D-6E8A-4147-A177-3AD203B41FA5}">
                      <a16:colId xmlns:a16="http://schemas.microsoft.com/office/drawing/2014/main" val="4133302652"/>
                    </a:ext>
                  </a:extLst>
                </a:gridCol>
                <a:gridCol w="871538">
                  <a:extLst>
                    <a:ext uri="{9D8B030D-6E8A-4147-A177-3AD203B41FA5}">
                      <a16:colId xmlns:a16="http://schemas.microsoft.com/office/drawing/2014/main" val="706894114"/>
                    </a:ext>
                  </a:extLst>
                </a:gridCol>
                <a:gridCol w="6757987">
                  <a:extLst>
                    <a:ext uri="{9D8B030D-6E8A-4147-A177-3AD203B41FA5}">
                      <a16:colId xmlns:a16="http://schemas.microsoft.com/office/drawing/2014/main" val="3454032297"/>
                    </a:ext>
                  </a:extLst>
                </a:gridCol>
                <a:gridCol w="831545">
                  <a:extLst>
                    <a:ext uri="{9D8B030D-6E8A-4147-A177-3AD203B41FA5}">
                      <a16:colId xmlns:a16="http://schemas.microsoft.com/office/drawing/2014/main" val="87249116"/>
                    </a:ext>
                  </a:extLst>
                </a:gridCol>
                <a:gridCol w="657122">
                  <a:extLst>
                    <a:ext uri="{9D8B030D-6E8A-4147-A177-3AD203B41FA5}">
                      <a16:colId xmlns:a16="http://schemas.microsoft.com/office/drawing/2014/main" val="530703205"/>
                    </a:ext>
                  </a:extLst>
                </a:gridCol>
              </a:tblGrid>
              <a:tr h="460285">
                <a:tc gridSpan="2">
                  <a:txBody>
                    <a:bodyPr/>
                    <a:lstStyle/>
                    <a:p>
                      <a:pPr>
                        <a:lnSpc>
                          <a:spcPct val="100000"/>
                        </a:lnSpc>
                      </a:pPr>
                      <a:endParaRPr kumimoji="1" lang="ja-JP" altLang="en-US" sz="1500" dirty="0">
                        <a:solidFill>
                          <a:schemeClr val="tx1"/>
                        </a:solidFill>
                        <a:latin typeface="Century" panose="02040604050505020304" pitchFamily="18" charset="0"/>
                        <a:ea typeface="ＭＳ ゴシック" panose="020B0609070205080204" pitchFamily="49" charset="-128"/>
                      </a:endParaRPr>
                    </a:p>
                  </a:txBody>
                  <a:tcPr marL="100680" marR="100680" marT="50340" marB="5034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4">
                        <a:lumMod val="40000"/>
                        <a:lumOff val="60000"/>
                      </a:schemeClr>
                    </a:solidFill>
                  </a:tcPr>
                </a:tc>
                <a:tc hMerge="1">
                  <a:txBody>
                    <a:bodyPr/>
                    <a:lstStyle/>
                    <a:p>
                      <a:endParaRPr kumimoji="1" lang="ja-JP" altLang="en-US" sz="1400" dirty="0">
                        <a:solidFill>
                          <a:schemeClr val="tx1"/>
                        </a:solidFill>
                        <a:latin typeface="ＭＳ ゴシック" panose="020B0609070205080204" pitchFamily="49" charset="-128"/>
                        <a:ea typeface="ＭＳ ゴシック" panose="020B0609070205080204" pitchFamily="49"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a:lnSpc>
                          <a:spcPct val="100000"/>
                        </a:lnSpc>
                      </a:pPr>
                      <a:r>
                        <a:rPr kumimoji="1" lang="ja-JP" altLang="en-US" sz="1500" dirty="0">
                          <a:solidFill>
                            <a:schemeClr val="tx1"/>
                          </a:solidFill>
                          <a:latin typeface="Century" panose="02040604050505020304" pitchFamily="18" charset="0"/>
                          <a:ea typeface="ＭＳ ゴシック" panose="020B0609070205080204" pitchFamily="49" charset="-128"/>
                        </a:rPr>
                        <a:t>要求水準</a:t>
                      </a:r>
                    </a:p>
                  </a:txBody>
                  <a:tcPr marL="100680" marR="100680" marT="50340" marB="50340" anchor="ctr" anchorCtr="1">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a:lnSpc>
                          <a:spcPct val="100000"/>
                        </a:lnSpc>
                      </a:pPr>
                      <a:r>
                        <a:rPr kumimoji="1" lang="ja-JP" altLang="en-US" sz="1500" dirty="0">
                          <a:solidFill>
                            <a:schemeClr val="tx1"/>
                          </a:solidFill>
                          <a:latin typeface="Century" panose="02040604050505020304" pitchFamily="18" charset="0"/>
                          <a:ea typeface="ＭＳ ゴシック" panose="020B0609070205080204" pitchFamily="49" charset="-128"/>
                        </a:rPr>
                        <a:t>発生数</a:t>
                      </a:r>
                      <a:endParaRPr kumimoji="1" lang="en-US" altLang="ja-JP" sz="1500" dirty="0">
                        <a:solidFill>
                          <a:schemeClr val="tx1"/>
                        </a:solidFill>
                        <a:latin typeface="Century" panose="02040604050505020304" pitchFamily="18" charset="0"/>
                        <a:ea typeface="ＭＳ ゴシック" panose="020B0609070205080204" pitchFamily="49" charset="-128"/>
                      </a:endParaRPr>
                    </a:p>
                  </a:txBody>
                  <a:tcPr marL="100680" marR="100680" marT="50340" marB="50340"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500" dirty="0">
                          <a:solidFill>
                            <a:schemeClr val="tx1"/>
                          </a:solidFill>
                          <a:latin typeface="Century" panose="02040604050505020304" pitchFamily="18" charset="0"/>
                          <a:ea typeface="ＭＳ ゴシック" panose="020B0609070205080204" pitchFamily="49" charset="-128"/>
                        </a:rPr>
                        <a:t>評価</a:t>
                      </a:r>
                    </a:p>
                  </a:txBody>
                  <a:tcPr marL="100680" marR="100680" marT="50340" marB="50340" anchor="ctr" anchorCtr="1">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4">
                        <a:lumMod val="40000"/>
                        <a:lumOff val="60000"/>
                      </a:schemeClr>
                    </a:solidFill>
                  </a:tcPr>
                </a:tc>
                <a:extLst>
                  <a:ext uri="{0D108BD9-81ED-4DB2-BD59-A6C34878D82A}">
                    <a16:rowId xmlns:a16="http://schemas.microsoft.com/office/drawing/2014/main" val="4064719659"/>
                  </a:ext>
                </a:extLst>
              </a:tr>
              <a:tr h="832187">
                <a:tc gridSpan="2">
                  <a:txBody>
                    <a:bodyPr/>
                    <a:lstStyle/>
                    <a:p>
                      <a:pPr algn="ctr">
                        <a:lnSpc>
                          <a:spcPct val="100000"/>
                        </a:lnSpc>
                      </a:pPr>
                      <a:r>
                        <a:rPr kumimoji="1" lang="ja-JP" altLang="en-US" sz="1500" b="1" dirty="0">
                          <a:solidFill>
                            <a:schemeClr val="tx1"/>
                          </a:solidFill>
                          <a:latin typeface="Century" panose="02040604050505020304" pitchFamily="18" charset="0"/>
                          <a:ea typeface="ＭＳ ゴシック" panose="020B0609070205080204" pitchFamily="49" charset="-128"/>
                        </a:rPr>
                        <a:t>管路</a:t>
                      </a:r>
                    </a:p>
                  </a:txBody>
                  <a:tcPr marL="100680" marR="100680" marT="50340" marB="50340"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20000"/>
                        <a:lumOff val="80000"/>
                      </a:schemeClr>
                    </a:solidFill>
                  </a:tcPr>
                </a:tc>
                <a:tc hMerge="1">
                  <a:txBody>
                    <a:bodyPr/>
                    <a:lstStyle/>
                    <a:p>
                      <a:pPr algn="ctr"/>
                      <a:endParaRPr kumimoji="1" lang="ja-JP" altLang="en-US" sz="1400" b="1" dirty="0">
                        <a:solidFill>
                          <a:schemeClr val="tx1"/>
                        </a:solidFill>
                        <a:latin typeface="ＭＳ ゴシック" panose="020B0609070205080204" pitchFamily="49" charset="-128"/>
                        <a:ea typeface="ＭＳ ゴシック" panose="020B0609070205080204" pitchFamily="49" charset="-128"/>
                      </a:endParaRPr>
                    </a:p>
                  </a:txBody>
                  <a:tcPr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marL="285750" indent="-285750">
                        <a:lnSpc>
                          <a:spcPct val="100000"/>
                        </a:lnSpc>
                        <a:buFont typeface="Wingdings" panose="05000000000000000000" pitchFamily="2" charset="2"/>
                        <a:buChar char="Ø"/>
                      </a:pPr>
                      <a:r>
                        <a:rPr kumimoji="1" lang="ja-JP" altLang="en-US" sz="1500" dirty="0">
                          <a:solidFill>
                            <a:schemeClr val="tx1"/>
                          </a:solidFill>
                          <a:latin typeface="Century" panose="02040604050505020304" pitchFamily="18" charset="0"/>
                          <a:ea typeface="ＭＳ ゴシック" panose="020B0609070205080204" pitchFamily="49" charset="-128"/>
                        </a:rPr>
                        <a:t>道路陥没、下水つまりによる第三者被害　</a:t>
                      </a:r>
                      <a:r>
                        <a:rPr kumimoji="1" lang="en-US" altLang="ja-JP" sz="1500" dirty="0">
                          <a:solidFill>
                            <a:schemeClr val="tx1"/>
                          </a:solidFill>
                          <a:latin typeface="Century" panose="02040604050505020304" pitchFamily="18" charset="0"/>
                          <a:ea typeface="ＭＳ ゴシック" panose="020B0609070205080204" pitchFamily="49" charset="-128"/>
                        </a:rPr>
                        <a:t>0</a:t>
                      </a:r>
                      <a:r>
                        <a:rPr kumimoji="1" lang="ja-JP" altLang="en-US" sz="1500" dirty="0">
                          <a:solidFill>
                            <a:schemeClr val="tx1"/>
                          </a:solidFill>
                          <a:latin typeface="Century" panose="02040604050505020304" pitchFamily="18" charset="0"/>
                          <a:ea typeface="ＭＳ ゴシック" panose="020B0609070205080204" pitchFamily="49" charset="-128"/>
                        </a:rPr>
                        <a:t>件。</a:t>
                      </a:r>
                      <a:endParaRPr kumimoji="1" lang="en-US" altLang="ja-JP" sz="1500" dirty="0">
                        <a:solidFill>
                          <a:schemeClr val="tx1"/>
                        </a:solidFill>
                        <a:latin typeface="Century" panose="02040604050505020304" pitchFamily="18" charset="0"/>
                        <a:ea typeface="ＭＳ ゴシック" panose="020B0609070205080204" pitchFamily="49" charset="-128"/>
                      </a:endParaRPr>
                    </a:p>
                    <a:p>
                      <a:pPr marL="0" indent="0">
                        <a:lnSpc>
                          <a:spcPct val="100000"/>
                        </a:lnSpc>
                        <a:buFont typeface="Wingdings" panose="05000000000000000000" pitchFamily="2" charset="2"/>
                        <a:buNone/>
                      </a:pPr>
                      <a:r>
                        <a:rPr kumimoji="1" lang="ja-JP" altLang="en-US" sz="1500" dirty="0">
                          <a:solidFill>
                            <a:schemeClr val="tx1"/>
                          </a:solidFill>
                          <a:latin typeface="Century" panose="02040604050505020304" pitchFamily="18" charset="0"/>
                          <a:ea typeface="ＭＳ ゴシック" panose="020B0609070205080204" pitchFamily="49" charset="-128"/>
                        </a:rPr>
                        <a:t>　ただし、その原因が本市の管理施設に起因しない場合や受注者の過失によらない場合を除く</a:t>
                      </a:r>
                      <a:r>
                        <a:rPr kumimoji="1" lang="ja-JP" altLang="en-US" sz="1400" dirty="0">
                          <a:solidFill>
                            <a:schemeClr val="tx1"/>
                          </a:solidFill>
                          <a:latin typeface="Century" panose="02040604050505020304" pitchFamily="18" charset="0"/>
                          <a:ea typeface="ＭＳ ゴシック" panose="020B0609070205080204" pitchFamily="49" charset="-128"/>
                        </a:rPr>
                        <a:t>（令和</a:t>
                      </a:r>
                      <a:r>
                        <a:rPr kumimoji="1" lang="en-US" altLang="ja-JP" sz="1400" dirty="0">
                          <a:solidFill>
                            <a:schemeClr val="tx1"/>
                          </a:solidFill>
                          <a:latin typeface="Century" panose="02040604050505020304" pitchFamily="18" charset="0"/>
                          <a:ea typeface="ＭＳ ゴシック" panose="020B0609070205080204" pitchFamily="49" charset="-128"/>
                        </a:rPr>
                        <a:t>7</a:t>
                      </a:r>
                      <a:r>
                        <a:rPr kumimoji="1" lang="ja-JP" altLang="en-US" sz="1400" dirty="0">
                          <a:solidFill>
                            <a:schemeClr val="tx1"/>
                          </a:solidFill>
                          <a:latin typeface="Century" panose="02040604050505020304" pitchFamily="18" charset="0"/>
                          <a:ea typeface="ＭＳ ゴシック" panose="020B0609070205080204" pitchFamily="49" charset="-128"/>
                        </a:rPr>
                        <a:t>年度上半期における第三者被害の事故発生：</a:t>
                      </a:r>
                      <a:r>
                        <a:rPr kumimoji="1" lang="en-US" altLang="ja-JP" sz="1400" dirty="0">
                          <a:solidFill>
                            <a:schemeClr val="tx1"/>
                          </a:solidFill>
                          <a:latin typeface="Century" panose="02040604050505020304" pitchFamily="18" charset="0"/>
                          <a:ea typeface="ＭＳ ゴシック" panose="020B0609070205080204" pitchFamily="49" charset="-128"/>
                        </a:rPr>
                        <a:t>8</a:t>
                      </a:r>
                      <a:r>
                        <a:rPr kumimoji="1" lang="ja-JP" altLang="en-US" sz="1400" dirty="0">
                          <a:solidFill>
                            <a:schemeClr val="tx1"/>
                          </a:solidFill>
                          <a:latin typeface="Century" panose="02040604050505020304" pitchFamily="18" charset="0"/>
                          <a:ea typeface="ＭＳ ゴシック" panose="020B0609070205080204" pitchFamily="49" charset="-128"/>
                        </a:rPr>
                        <a:t>件）</a:t>
                      </a:r>
                      <a:endParaRPr kumimoji="1" lang="ja-JP" altLang="en-US" sz="1500" dirty="0">
                        <a:solidFill>
                          <a:schemeClr val="tx1"/>
                        </a:solidFill>
                        <a:latin typeface="Century" panose="02040604050505020304" pitchFamily="18" charset="0"/>
                        <a:ea typeface="ＭＳ ゴシック" panose="020B0609070205080204" pitchFamily="49" charset="-128"/>
                      </a:endParaRPr>
                    </a:p>
                  </a:txBody>
                  <a:tcPr marL="100680" marR="100680" marT="50340" marB="5034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indent="0" algn="ctr">
                        <a:lnSpc>
                          <a:spcPct val="100000"/>
                        </a:lnSpc>
                        <a:buFont typeface="Wingdings" panose="05000000000000000000" pitchFamily="2" charset="2"/>
                        <a:buNone/>
                      </a:pPr>
                      <a:r>
                        <a:rPr kumimoji="1" lang="en-US" altLang="ja-JP" sz="1500" dirty="0">
                          <a:solidFill>
                            <a:schemeClr val="tx1"/>
                          </a:solidFill>
                          <a:latin typeface="Century" panose="02040604050505020304" pitchFamily="18" charset="0"/>
                          <a:ea typeface="ＭＳ ゴシック" panose="020B0609070205080204" pitchFamily="49" charset="-128"/>
                        </a:rPr>
                        <a:t>0</a:t>
                      </a:r>
                      <a:r>
                        <a:rPr kumimoji="1" lang="ja-JP" altLang="en-US" sz="1500" dirty="0">
                          <a:solidFill>
                            <a:schemeClr val="tx1"/>
                          </a:solidFill>
                          <a:latin typeface="Century" panose="02040604050505020304" pitchFamily="18" charset="0"/>
                          <a:ea typeface="ＭＳ ゴシック" panose="020B0609070205080204" pitchFamily="49" charset="-128"/>
                        </a:rPr>
                        <a:t>件</a:t>
                      </a:r>
                    </a:p>
                  </a:txBody>
                  <a:tcPr marL="100680" marR="100680" marT="50340" marB="5034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indent="0" algn="ctr">
                        <a:lnSpc>
                          <a:spcPct val="100000"/>
                        </a:lnSpc>
                        <a:buFont typeface="Wingdings" panose="05000000000000000000" pitchFamily="2" charset="2"/>
                        <a:buNone/>
                      </a:pPr>
                      <a:r>
                        <a:rPr kumimoji="1" lang="ja-JP" altLang="en-US" sz="1500" u="none" dirty="0">
                          <a:solidFill>
                            <a:schemeClr val="tx1"/>
                          </a:solidFill>
                          <a:latin typeface="Century" panose="02040604050505020304" pitchFamily="18" charset="0"/>
                          <a:ea typeface="ＭＳ ゴシック" panose="020B0609070205080204" pitchFamily="49" charset="-128"/>
                        </a:rPr>
                        <a:t>〇</a:t>
                      </a:r>
                      <a:endParaRPr kumimoji="1" lang="en-US" altLang="ja-JP" sz="1500" u="none" dirty="0">
                        <a:solidFill>
                          <a:schemeClr val="tx1"/>
                        </a:solidFill>
                        <a:latin typeface="Century" panose="02040604050505020304" pitchFamily="18" charset="0"/>
                        <a:ea typeface="ＭＳ ゴシック" panose="020B0609070205080204" pitchFamily="49" charset="-128"/>
                      </a:endParaRPr>
                    </a:p>
                  </a:txBody>
                  <a:tcPr marL="100680" marR="100680" marT="50340" marB="5034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658434449"/>
                  </a:ext>
                </a:extLst>
              </a:tr>
              <a:tr h="632713">
                <a:tc rowSpan="2">
                  <a:txBody>
                    <a:bodyPr/>
                    <a:lstStyle/>
                    <a:p>
                      <a:pPr algn="ctr"/>
                      <a:r>
                        <a:rPr kumimoji="1" lang="ja-JP" altLang="en-US" sz="1500" b="1" dirty="0">
                          <a:solidFill>
                            <a:schemeClr val="tx1"/>
                          </a:solidFill>
                          <a:latin typeface="Century" panose="02040604050505020304" pitchFamily="18" charset="0"/>
                          <a:ea typeface="ＭＳ ゴシック" panose="020B0609070205080204" pitchFamily="49" charset="-128"/>
                        </a:rPr>
                        <a:t>下水処理場・抽水所</a:t>
                      </a:r>
                    </a:p>
                  </a:txBody>
                  <a:tcPr marL="100680" marR="100680" marT="50340" marB="50340" vert="eaVert"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lnSpc>
                          <a:spcPct val="100000"/>
                        </a:lnSpc>
                      </a:pPr>
                      <a:r>
                        <a:rPr kumimoji="1" lang="ja-JP" altLang="en-US" sz="1500" b="1" dirty="0">
                          <a:solidFill>
                            <a:schemeClr val="tx1"/>
                          </a:solidFill>
                          <a:latin typeface="Century" panose="02040604050505020304" pitchFamily="18" charset="0"/>
                          <a:ea typeface="ＭＳ ゴシック" panose="020B0609070205080204" pitchFamily="49" charset="-128"/>
                        </a:rPr>
                        <a:t>ポンプ</a:t>
                      </a:r>
                      <a:endParaRPr kumimoji="1" lang="en-US" altLang="ja-JP" sz="1500" b="1" dirty="0">
                        <a:solidFill>
                          <a:schemeClr val="tx1"/>
                        </a:solidFill>
                        <a:latin typeface="Century" panose="02040604050505020304" pitchFamily="18" charset="0"/>
                        <a:ea typeface="ＭＳ ゴシック" panose="020B0609070205080204" pitchFamily="49" charset="-128"/>
                      </a:endParaRPr>
                    </a:p>
                    <a:p>
                      <a:pPr algn="ctr">
                        <a:lnSpc>
                          <a:spcPct val="100000"/>
                        </a:lnSpc>
                      </a:pPr>
                      <a:r>
                        <a:rPr kumimoji="1" lang="ja-JP" altLang="en-US" sz="1500" b="1" dirty="0">
                          <a:solidFill>
                            <a:schemeClr val="tx1"/>
                          </a:solidFill>
                          <a:latin typeface="Century" panose="02040604050505020304" pitchFamily="18" charset="0"/>
                          <a:ea typeface="ＭＳ ゴシック" panose="020B0609070205080204" pitchFamily="49" charset="-128"/>
                        </a:rPr>
                        <a:t>運転</a:t>
                      </a:r>
                    </a:p>
                  </a:txBody>
                  <a:tcPr marL="100680" marR="100680" marT="50340" marB="50340"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marL="285750" indent="-285750">
                        <a:lnSpc>
                          <a:spcPct val="100000"/>
                        </a:lnSpc>
                        <a:buFont typeface="Wingdings" panose="05000000000000000000" pitchFamily="2" charset="2"/>
                        <a:buChar char="Ø"/>
                      </a:pPr>
                      <a:r>
                        <a:rPr kumimoji="1" lang="ja-JP" altLang="en-US" sz="1600" dirty="0">
                          <a:solidFill>
                            <a:schemeClr val="tx1"/>
                          </a:solidFill>
                          <a:latin typeface="Century" panose="02040604050505020304" pitchFamily="18" charset="0"/>
                          <a:ea typeface="ＭＳ ゴシック" panose="020B0609070205080204" pitchFamily="49" charset="-128"/>
                        </a:rPr>
                        <a:t>ポンプ運転に起因する</a:t>
                      </a:r>
                      <a:r>
                        <a:rPr kumimoji="1" lang="ja-JP" altLang="en-US" sz="1500" dirty="0">
                          <a:solidFill>
                            <a:schemeClr val="tx1"/>
                          </a:solidFill>
                          <a:latin typeface="Century" panose="02040604050505020304" pitchFamily="18" charset="0"/>
                          <a:ea typeface="ＭＳ ゴシック" panose="020B0609070205080204" pitchFamily="49" charset="-128"/>
                        </a:rPr>
                        <a:t>「浸水」を発生させない。</a:t>
                      </a:r>
                      <a:endParaRPr kumimoji="1" lang="en-US" altLang="ja-JP" sz="1500" dirty="0">
                        <a:solidFill>
                          <a:schemeClr val="tx1"/>
                        </a:solidFill>
                        <a:latin typeface="Century" panose="02040604050505020304" pitchFamily="18" charset="0"/>
                        <a:ea typeface="ＭＳ ゴシック" panose="020B0609070205080204" pitchFamily="49"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500" dirty="0">
                          <a:solidFill>
                            <a:schemeClr val="tx1"/>
                          </a:solidFill>
                          <a:latin typeface="Century" panose="02040604050505020304" pitchFamily="18" charset="0"/>
                          <a:ea typeface="ＭＳ ゴシック" panose="020B0609070205080204" pitchFamily="49" charset="-128"/>
                        </a:rPr>
                        <a:t>　ただし、受注者の過失によらない場合を除く</a:t>
                      </a:r>
                    </a:p>
                  </a:txBody>
                  <a:tcPr marL="100680" marR="100680" marT="50340" marB="5034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indent="0" algn="ctr">
                        <a:lnSpc>
                          <a:spcPct val="100000"/>
                        </a:lnSpc>
                        <a:buFont typeface="Wingdings" panose="05000000000000000000" pitchFamily="2" charset="2"/>
                        <a:buNone/>
                      </a:pPr>
                      <a:r>
                        <a:rPr kumimoji="1" lang="en-US" altLang="ja-JP" sz="1500" dirty="0">
                          <a:solidFill>
                            <a:schemeClr val="tx1"/>
                          </a:solidFill>
                          <a:latin typeface="Century" panose="02040604050505020304" pitchFamily="18" charset="0"/>
                          <a:ea typeface="ＭＳ ゴシック" panose="020B0609070205080204" pitchFamily="49" charset="-128"/>
                        </a:rPr>
                        <a:t>0</a:t>
                      </a:r>
                      <a:r>
                        <a:rPr kumimoji="1" lang="ja-JP" altLang="en-US" sz="1500" dirty="0">
                          <a:solidFill>
                            <a:schemeClr val="tx1"/>
                          </a:solidFill>
                          <a:latin typeface="Century" panose="02040604050505020304" pitchFamily="18" charset="0"/>
                          <a:ea typeface="ＭＳ ゴシック" panose="020B0609070205080204" pitchFamily="49" charset="-128"/>
                        </a:rPr>
                        <a:t>回</a:t>
                      </a:r>
                    </a:p>
                  </a:txBody>
                  <a:tcPr marL="100680" marR="100680" marT="50340" marB="5034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indent="0" algn="ctr">
                        <a:lnSpc>
                          <a:spcPct val="100000"/>
                        </a:lnSpc>
                        <a:buFont typeface="Wingdings" panose="05000000000000000000" pitchFamily="2" charset="2"/>
                        <a:buNone/>
                      </a:pPr>
                      <a:r>
                        <a:rPr kumimoji="1" lang="ja-JP" altLang="en-US" sz="1500" dirty="0">
                          <a:solidFill>
                            <a:schemeClr val="tx1"/>
                          </a:solidFill>
                          <a:latin typeface="Century" panose="02040604050505020304" pitchFamily="18" charset="0"/>
                          <a:ea typeface="ＭＳ ゴシック" panose="020B0609070205080204" pitchFamily="49" charset="-128"/>
                        </a:rPr>
                        <a:t>〇</a:t>
                      </a:r>
                    </a:p>
                  </a:txBody>
                  <a:tcPr marL="100680" marR="100680" marT="50340" marB="5034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635471355"/>
                  </a:ext>
                </a:extLst>
              </a:tr>
              <a:tr h="2302494">
                <a:tc vMerge="1">
                  <a:txBody>
                    <a:bodyPr/>
                    <a:lstStyle/>
                    <a:p>
                      <a:pPr algn="ctr"/>
                      <a:endParaRPr kumimoji="1" lang="ja-JP" altLang="en-US" sz="1400" b="1" dirty="0">
                        <a:solidFill>
                          <a:schemeClr val="tx1"/>
                        </a:solidFill>
                        <a:latin typeface="ＭＳ ゴシック" panose="020B0609070205080204" pitchFamily="49" charset="-128"/>
                        <a:ea typeface="ＭＳ ゴシック" panose="020B0609070205080204" pitchFamily="49" charset="-128"/>
                      </a:endParaRPr>
                    </a:p>
                  </a:txBody>
                  <a:tcPr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lnSpc>
                          <a:spcPct val="100000"/>
                        </a:lnSpc>
                      </a:pPr>
                      <a:r>
                        <a:rPr kumimoji="1" lang="ja-JP" altLang="en-US" sz="1500" b="1" dirty="0">
                          <a:solidFill>
                            <a:schemeClr val="tx1"/>
                          </a:solidFill>
                          <a:latin typeface="Century" panose="02040604050505020304" pitchFamily="18" charset="0"/>
                          <a:ea typeface="ＭＳ ゴシック" panose="020B0609070205080204" pitchFamily="49" charset="-128"/>
                        </a:rPr>
                        <a:t>放流</a:t>
                      </a:r>
                      <a:endParaRPr kumimoji="1" lang="en-US" altLang="ja-JP" sz="1500" b="1" dirty="0">
                        <a:solidFill>
                          <a:schemeClr val="tx1"/>
                        </a:solidFill>
                        <a:latin typeface="Century" panose="02040604050505020304" pitchFamily="18" charset="0"/>
                        <a:ea typeface="ＭＳ ゴシック" panose="020B0609070205080204" pitchFamily="49" charset="-128"/>
                      </a:endParaRPr>
                    </a:p>
                    <a:p>
                      <a:pPr algn="ctr">
                        <a:lnSpc>
                          <a:spcPct val="100000"/>
                        </a:lnSpc>
                      </a:pPr>
                      <a:r>
                        <a:rPr kumimoji="1" lang="ja-JP" altLang="en-US" sz="1500" b="1" dirty="0">
                          <a:solidFill>
                            <a:schemeClr val="tx1"/>
                          </a:solidFill>
                          <a:latin typeface="Century" panose="02040604050505020304" pitchFamily="18" charset="0"/>
                          <a:ea typeface="ＭＳ ゴシック" panose="020B0609070205080204" pitchFamily="49" charset="-128"/>
                        </a:rPr>
                        <a:t>水質</a:t>
                      </a:r>
                    </a:p>
                  </a:txBody>
                  <a:tcPr marL="100680" marR="100680" marT="50340" marB="50340"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marL="285750" indent="-285750" algn="l">
                        <a:lnSpc>
                          <a:spcPct val="100000"/>
                        </a:lnSpc>
                        <a:buFont typeface="Wingdings" panose="05000000000000000000" pitchFamily="2" charset="2"/>
                        <a:buChar char="Ø"/>
                      </a:pPr>
                      <a:r>
                        <a:rPr kumimoji="1" lang="ja-JP" altLang="en-US" sz="1500" dirty="0">
                          <a:solidFill>
                            <a:schemeClr val="tx1"/>
                          </a:solidFill>
                          <a:latin typeface="Century" panose="02040604050505020304" pitchFamily="18" charset="0"/>
                          <a:ea typeface="ＭＳ ゴシック" panose="020B0609070205080204" pitchFamily="49" charset="-128"/>
                        </a:rPr>
                        <a:t>水質試験の各回測定値が水質汚濁防止法及び下水道法に定める基準を超過しない。</a:t>
                      </a:r>
                      <a:endParaRPr kumimoji="1" lang="en-US" altLang="ja-JP" sz="1500" dirty="0">
                        <a:solidFill>
                          <a:schemeClr val="tx1"/>
                        </a:solidFill>
                        <a:latin typeface="Century" panose="02040604050505020304" pitchFamily="18" charset="0"/>
                        <a:ea typeface="ＭＳ ゴシック" panose="020B0609070205080204" pitchFamily="49" charset="-128"/>
                      </a:endParaRPr>
                    </a:p>
                    <a:p>
                      <a:pPr marL="0" indent="0" algn="l">
                        <a:lnSpc>
                          <a:spcPct val="100000"/>
                        </a:lnSpc>
                        <a:buFont typeface="Wingdings" panose="05000000000000000000" pitchFamily="2" charset="2"/>
                        <a:buNone/>
                      </a:pPr>
                      <a:r>
                        <a:rPr kumimoji="1" lang="ja-JP" altLang="en-US" sz="1500" dirty="0">
                          <a:solidFill>
                            <a:schemeClr val="tx1"/>
                          </a:solidFill>
                          <a:latin typeface="Century" panose="02040604050505020304" pitchFamily="18" charset="0"/>
                          <a:ea typeface="ＭＳ ゴシック" panose="020B0609070205080204" pitchFamily="49" charset="-128"/>
                        </a:rPr>
                        <a:t>　</a:t>
                      </a:r>
                      <a:r>
                        <a:rPr kumimoji="1" lang="en-US" altLang="ja-JP" sz="1500" u="sng" dirty="0">
                          <a:solidFill>
                            <a:schemeClr val="tx1"/>
                          </a:solidFill>
                          <a:latin typeface="Century" panose="02040604050505020304" pitchFamily="18" charset="0"/>
                          <a:ea typeface="ＭＳ ゴシック" panose="020B0609070205080204" pitchFamily="49" charset="-128"/>
                        </a:rPr>
                        <a:t>【</a:t>
                      </a:r>
                      <a:r>
                        <a:rPr kumimoji="1" lang="ja-JP" altLang="en-US" sz="1500" u="sng" dirty="0">
                          <a:solidFill>
                            <a:schemeClr val="tx1"/>
                          </a:solidFill>
                          <a:latin typeface="Century" panose="02040604050505020304" pitchFamily="18" charset="0"/>
                          <a:ea typeface="ＭＳ ゴシック" panose="020B0609070205080204" pitchFamily="49" charset="-128"/>
                        </a:rPr>
                        <a:t>項目</a:t>
                      </a:r>
                      <a:r>
                        <a:rPr kumimoji="1" lang="en-US" altLang="ja-JP" sz="1500" u="sng" dirty="0">
                          <a:solidFill>
                            <a:schemeClr val="tx1"/>
                          </a:solidFill>
                          <a:latin typeface="Century" panose="02040604050505020304" pitchFamily="18" charset="0"/>
                          <a:ea typeface="ＭＳ ゴシック" panose="020B0609070205080204" pitchFamily="49" charset="-128"/>
                        </a:rPr>
                        <a:t>】pH</a:t>
                      </a:r>
                      <a:r>
                        <a:rPr kumimoji="1" lang="ja-JP" altLang="en-US" sz="1500" u="sng" dirty="0">
                          <a:solidFill>
                            <a:schemeClr val="tx1"/>
                          </a:solidFill>
                          <a:latin typeface="Century" panose="02040604050505020304" pitchFamily="18" charset="0"/>
                          <a:ea typeface="ＭＳ ゴシック" panose="020B0609070205080204" pitchFamily="49" charset="-128"/>
                        </a:rPr>
                        <a:t>、</a:t>
                      </a:r>
                      <a:r>
                        <a:rPr kumimoji="1" lang="en-US" altLang="ja-JP" sz="1500" u="sng" dirty="0">
                          <a:solidFill>
                            <a:schemeClr val="tx1"/>
                          </a:solidFill>
                          <a:latin typeface="Century" panose="02040604050505020304" pitchFamily="18" charset="0"/>
                          <a:ea typeface="ＭＳ ゴシック" panose="020B0609070205080204" pitchFamily="49" charset="-128"/>
                        </a:rPr>
                        <a:t>SS</a:t>
                      </a:r>
                      <a:r>
                        <a:rPr kumimoji="1" lang="ja-JP" altLang="en-US" sz="1500" u="sng" dirty="0">
                          <a:solidFill>
                            <a:schemeClr val="tx1"/>
                          </a:solidFill>
                          <a:latin typeface="Century" panose="02040604050505020304" pitchFamily="18" charset="0"/>
                          <a:ea typeface="ＭＳ ゴシック" panose="020B0609070205080204" pitchFamily="49" charset="-128"/>
                        </a:rPr>
                        <a:t>、</a:t>
                      </a:r>
                      <a:r>
                        <a:rPr kumimoji="1" lang="en-US" altLang="ja-JP" sz="1500" u="sng" dirty="0">
                          <a:solidFill>
                            <a:schemeClr val="tx1"/>
                          </a:solidFill>
                          <a:latin typeface="Century" panose="02040604050505020304" pitchFamily="18" charset="0"/>
                          <a:ea typeface="ＭＳ ゴシック" panose="020B0609070205080204" pitchFamily="49" charset="-128"/>
                        </a:rPr>
                        <a:t>BOD</a:t>
                      </a:r>
                      <a:r>
                        <a:rPr kumimoji="1" lang="ja-JP" altLang="en-US" sz="1500" u="sng" dirty="0" err="1">
                          <a:solidFill>
                            <a:schemeClr val="tx1"/>
                          </a:solidFill>
                          <a:latin typeface="Century" panose="02040604050505020304" pitchFamily="18" charset="0"/>
                          <a:ea typeface="ＭＳ ゴシック" panose="020B0609070205080204" pitchFamily="49" charset="-128"/>
                        </a:rPr>
                        <a:t>、</a:t>
                      </a:r>
                      <a:r>
                        <a:rPr kumimoji="1" lang="ja-JP" altLang="en-US" sz="1500" u="sng" dirty="0">
                          <a:solidFill>
                            <a:schemeClr val="tx1"/>
                          </a:solidFill>
                          <a:latin typeface="Century" panose="02040604050505020304" pitchFamily="18" charset="0"/>
                          <a:ea typeface="ＭＳ ゴシック" panose="020B0609070205080204" pitchFamily="49" charset="-128"/>
                        </a:rPr>
                        <a:t>全窒素、全</a:t>
                      </a:r>
                      <a:r>
                        <a:rPr kumimoji="1" lang="ja-JP" altLang="en-US" sz="1500" u="sng" dirty="0" err="1">
                          <a:solidFill>
                            <a:schemeClr val="tx1"/>
                          </a:solidFill>
                          <a:latin typeface="Century" panose="02040604050505020304" pitchFamily="18" charset="0"/>
                          <a:ea typeface="ＭＳ ゴシック" panose="020B0609070205080204" pitchFamily="49" charset="-128"/>
                        </a:rPr>
                        <a:t>りん</a:t>
                      </a:r>
                      <a:r>
                        <a:rPr kumimoji="1" lang="ja-JP" altLang="en-US" sz="1500" u="sng" dirty="0">
                          <a:solidFill>
                            <a:schemeClr val="tx1"/>
                          </a:solidFill>
                          <a:latin typeface="Century" panose="02040604050505020304" pitchFamily="18" charset="0"/>
                          <a:ea typeface="ＭＳ ゴシック" panose="020B0609070205080204" pitchFamily="49" charset="-128"/>
                        </a:rPr>
                        <a:t>、</a:t>
                      </a:r>
                      <a:endParaRPr kumimoji="1" lang="en-US" altLang="ja-JP" sz="1500" u="sng" dirty="0">
                        <a:solidFill>
                          <a:schemeClr val="tx1"/>
                        </a:solidFill>
                        <a:latin typeface="Century" panose="02040604050505020304" pitchFamily="18" charset="0"/>
                        <a:ea typeface="ＭＳ ゴシック" panose="020B0609070205080204" pitchFamily="49" charset="-128"/>
                      </a:endParaRPr>
                    </a:p>
                    <a:p>
                      <a:pPr marL="0" indent="0" algn="l">
                        <a:lnSpc>
                          <a:spcPct val="100000"/>
                        </a:lnSpc>
                        <a:buFont typeface="Wingdings" panose="05000000000000000000" pitchFamily="2" charset="2"/>
                        <a:buNone/>
                      </a:pPr>
                      <a:r>
                        <a:rPr kumimoji="1" lang="ja-JP" altLang="en-US" sz="1500" u="none" dirty="0">
                          <a:solidFill>
                            <a:schemeClr val="tx1"/>
                          </a:solidFill>
                          <a:latin typeface="Century" panose="02040604050505020304" pitchFamily="18" charset="0"/>
                          <a:ea typeface="ＭＳ ゴシック" panose="020B0609070205080204" pitchFamily="49" charset="-128"/>
                        </a:rPr>
                        <a:t>　　　　　</a:t>
                      </a:r>
                      <a:r>
                        <a:rPr kumimoji="1" lang="ja-JP" altLang="en-US" sz="1500" u="sng" dirty="0">
                          <a:solidFill>
                            <a:schemeClr val="tx1"/>
                          </a:solidFill>
                          <a:latin typeface="Century" panose="02040604050505020304" pitchFamily="18" charset="0"/>
                          <a:ea typeface="ＭＳ ゴシック" panose="020B0609070205080204" pitchFamily="49" charset="-128"/>
                        </a:rPr>
                        <a:t>大腸菌群数</a:t>
                      </a:r>
                      <a:endParaRPr kumimoji="1" lang="en-US" altLang="ja-JP" sz="1500" u="sng" dirty="0">
                        <a:solidFill>
                          <a:schemeClr val="tx1"/>
                        </a:solidFill>
                        <a:latin typeface="Century" panose="02040604050505020304" pitchFamily="18" charset="0"/>
                        <a:ea typeface="ＭＳ ゴシック" panose="020B0609070205080204" pitchFamily="49" charset="-128"/>
                      </a:endParaRPr>
                    </a:p>
                    <a:p>
                      <a:pPr marL="285750" indent="-285750" algn="l">
                        <a:lnSpc>
                          <a:spcPct val="100000"/>
                        </a:lnSpc>
                        <a:buFont typeface="Wingdings" panose="05000000000000000000" pitchFamily="2" charset="2"/>
                        <a:buChar char="Ø"/>
                      </a:pPr>
                      <a:r>
                        <a:rPr kumimoji="1" lang="ja-JP" altLang="en-US" sz="1500" dirty="0">
                          <a:solidFill>
                            <a:schemeClr val="tx1"/>
                          </a:solidFill>
                          <a:latin typeface="Century" panose="02040604050505020304" pitchFamily="18" charset="0"/>
                          <a:ea typeface="ＭＳ ゴシック" panose="020B0609070205080204" pitchFamily="49" charset="-128"/>
                        </a:rPr>
                        <a:t>自動観測局の測定値から算出した値が総量規制基準（</a:t>
                      </a:r>
                      <a:r>
                        <a:rPr kumimoji="1" lang="en-US" altLang="ja-JP" sz="1500" dirty="0">
                          <a:solidFill>
                            <a:schemeClr val="tx1"/>
                          </a:solidFill>
                          <a:latin typeface="Century" panose="02040604050505020304" pitchFamily="18" charset="0"/>
                          <a:ea typeface="ＭＳ ゴシック" panose="020B0609070205080204" pitchFamily="49" charset="-128"/>
                        </a:rPr>
                        <a:t>L</a:t>
                      </a:r>
                      <a:r>
                        <a:rPr kumimoji="1" lang="ja-JP" altLang="en-US" sz="1500" dirty="0">
                          <a:solidFill>
                            <a:schemeClr val="tx1"/>
                          </a:solidFill>
                          <a:latin typeface="Century" panose="02040604050505020304" pitchFamily="18" charset="0"/>
                          <a:ea typeface="ＭＳ ゴシック" panose="020B0609070205080204" pitchFamily="49" charset="-128"/>
                        </a:rPr>
                        <a:t>値）を超過しない。</a:t>
                      </a:r>
                      <a:endParaRPr kumimoji="1" lang="en-US" altLang="ja-JP" sz="1500" dirty="0">
                        <a:solidFill>
                          <a:schemeClr val="tx1"/>
                        </a:solidFill>
                        <a:latin typeface="Century" panose="02040604050505020304" pitchFamily="18" charset="0"/>
                        <a:ea typeface="ＭＳ ゴシック" panose="020B0609070205080204" pitchFamily="49" charset="-128"/>
                      </a:endParaRPr>
                    </a:p>
                    <a:p>
                      <a:pPr marL="0" marR="0" lvl="0" indent="0" algn="l"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500" dirty="0">
                          <a:solidFill>
                            <a:schemeClr val="tx1"/>
                          </a:solidFill>
                          <a:latin typeface="Century" panose="02040604050505020304" pitchFamily="18" charset="0"/>
                          <a:ea typeface="ＭＳ ゴシック" panose="020B0609070205080204" pitchFamily="49" charset="-128"/>
                        </a:rPr>
                        <a:t>　</a:t>
                      </a:r>
                      <a:r>
                        <a:rPr kumimoji="1" lang="en-US" altLang="ja-JP" sz="1500" u="sng" dirty="0">
                          <a:solidFill>
                            <a:schemeClr val="tx1"/>
                          </a:solidFill>
                          <a:latin typeface="Century" panose="02040604050505020304" pitchFamily="18" charset="0"/>
                          <a:ea typeface="ＭＳ ゴシック" panose="020B0609070205080204" pitchFamily="49" charset="-128"/>
                        </a:rPr>
                        <a:t>【</a:t>
                      </a:r>
                      <a:r>
                        <a:rPr kumimoji="1" lang="ja-JP" altLang="en-US" sz="1500" u="sng" dirty="0">
                          <a:solidFill>
                            <a:schemeClr val="tx1"/>
                          </a:solidFill>
                          <a:latin typeface="Century" panose="02040604050505020304" pitchFamily="18" charset="0"/>
                          <a:ea typeface="ＭＳ ゴシック" panose="020B0609070205080204" pitchFamily="49" charset="-128"/>
                        </a:rPr>
                        <a:t>項目</a:t>
                      </a:r>
                      <a:r>
                        <a:rPr kumimoji="1" lang="en-US" altLang="ja-JP" sz="1500" u="sng" dirty="0">
                          <a:solidFill>
                            <a:schemeClr val="tx1"/>
                          </a:solidFill>
                          <a:latin typeface="Century" panose="02040604050505020304" pitchFamily="18" charset="0"/>
                          <a:ea typeface="ＭＳ ゴシック" panose="020B0609070205080204" pitchFamily="49" charset="-128"/>
                        </a:rPr>
                        <a:t>】COD</a:t>
                      </a:r>
                      <a:r>
                        <a:rPr kumimoji="1" lang="ja-JP" altLang="en-US" sz="1500" u="sng" dirty="0">
                          <a:solidFill>
                            <a:schemeClr val="tx1"/>
                          </a:solidFill>
                          <a:latin typeface="Century" panose="02040604050505020304" pitchFamily="18" charset="0"/>
                          <a:ea typeface="ＭＳ ゴシック" panose="020B0609070205080204" pitchFamily="49" charset="-128"/>
                        </a:rPr>
                        <a:t>、全窒素、全りん</a:t>
                      </a:r>
                      <a:endParaRPr kumimoji="1" lang="en-US" altLang="ja-JP" sz="1500" u="sng" dirty="0">
                        <a:solidFill>
                          <a:schemeClr val="tx1"/>
                        </a:solidFill>
                        <a:latin typeface="Century" panose="02040604050505020304" pitchFamily="18" charset="0"/>
                        <a:ea typeface="ＭＳ ゴシック" panose="020B0609070205080204" pitchFamily="49" charset="-128"/>
                      </a:endParaRPr>
                    </a:p>
                    <a:p>
                      <a:pPr marL="0" marR="0" lvl="0" indent="0" algn="l"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1" lang="en-US" altLang="ja-JP" sz="1500" u="sng" dirty="0">
                        <a:solidFill>
                          <a:schemeClr val="tx1"/>
                        </a:solidFill>
                        <a:latin typeface="Century" panose="02040604050505020304" pitchFamily="18" charset="0"/>
                        <a:ea typeface="ＭＳ ゴシック" panose="020B0609070205080204" pitchFamily="49" charset="-128"/>
                      </a:endParaRPr>
                    </a:p>
                    <a:p>
                      <a:pPr marL="0" marR="0" lvl="0" indent="0" algn="l"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500" dirty="0">
                          <a:solidFill>
                            <a:schemeClr val="tx1"/>
                          </a:solidFill>
                          <a:latin typeface="Century" panose="02040604050505020304" pitchFamily="18" charset="0"/>
                          <a:ea typeface="ＭＳ ゴシック" panose="020B0609070205080204" pitchFamily="49" charset="-128"/>
                        </a:rPr>
                        <a:t>　停電及び設備の故障等やむを得ない理由がある場合、有害物質等の流入や汚泥処理炉系（包括業務外）の事故等による脱水分離液処理水の悪化が生じた場合、降雨の状況により放流水質に影響を及ぼす場合などを除く。</a:t>
                      </a:r>
                      <a:endParaRPr kumimoji="1" lang="en-US" altLang="ja-JP" sz="1500" dirty="0">
                        <a:solidFill>
                          <a:schemeClr val="tx1"/>
                        </a:solidFill>
                        <a:latin typeface="ＭＳ ゴシック" panose="020B0609070205080204" pitchFamily="49" charset="-128"/>
                        <a:ea typeface="ＭＳ ゴシック" panose="020B0609070205080204" pitchFamily="49" charset="-128"/>
                      </a:endParaRPr>
                    </a:p>
                  </a:txBody>
                  <a:tcPr marL="100680" marR="100680" marT="50340" marB="5034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indent="0" algn="ctr">
                        <a:lnSpc>
                          <a:spcPct val="100000"/>
                        </a:lnSpc>
                        <a:buFont typeface="Wingdings" panose="05000000000000000000" pitchFamily="2" charset="2"/>
                        <a:buNone/>
                      </a:pPr>
                      <a:r>
                        <a:rPr kumimoji="1" lang="ja-JP" altLang="en-US" sz="1500" u="none" dirty="0">
                          <a:solidFill>
                            <a:schemeClr val="tx1"/>
                          </a:solidFill>
                          <a:latin typeface="Century" panose="02040604050505020304" pitchFamily="18" charset="0"/>
                          <a:ea typeface="ＭＳ ゴシック" panose="020B0609070205080204" pitchFamily="49" charset="-128"/>
                        </a:rPr>
                        <a:t>全項目</a:t>
                      </a:r>
                      <a:endParaRPr kumimoji="1" lang="en-US" altLang="ja-JP" sz="1500" u="none" dirty="0">
                        <a:solidFill>
                          <a:schemeClr val="tx1"/>
                        </a:solidFill>
                        <a:latin typeface="Century" panose="02040604050505020304" pitchFamily="18" charset="0"/>
                        <a:ea typeface="ＭＳ ゴシック" panose="020B0609070205080204" pitchFamily="49" charset="-128"/>
                      </a:endParaRPr>
                    </a:p>
                    <a:p>
                      <a:pPr marL="0" indent="0" algn="ctr">
                        <a:lnSpc>
                          <a:spcPct val="100000"/>
                        </a:lnSpc>
                        <a:buFont typeface="Wingdings" panose="05000000000000000000" pitchFamily="2" charset="2"/>
                        <a:buNone/>
                      </a:pPr>
                      <a:r>
                        <a:rPr kumimoji="1" lang="ja-JP" altLang="en-US" sz="1500" u="none" dirty="0">
                          <a:solidFill>
                            <a:schemeClr val="tx1"/>
                          </a:solidFill>
                          <a:latin typeface="Century" panose="02040604050505020304" pitchFamily="18" charset="0"/>
                          <a:ea typeface="ＭＳ ゴシック" panose="020B0609070205080204" pitchFamily="49" charset="-128"/>
                        </a:rPr>
                        <a:t>超過</a:t>
                      </a:r>
                      <a:endParaRPr kumimoji="1" lang="en-US" altLang="ja-JP" sz="1500" u="none" dirty="0">
                        <a:solidFill>
                          <a:schemeClr val="tx1"/>
                        </a:solidFill>
                        <a:latin typeface="Century" panose="02040604050505020304" pitchFamily="18" charset="0"/>
                        <a:ea typeface="ＭＳ ゴシック" panose="020B0609070205080204" pitchFamily="49" charset="-128"/>
                      </a:endParaRPr>
                    </a:p>
                    <a:p>
                      <a:pPr marL="0" indent="0" algn="ctr">
                        <a:lnSpc>
                          <a:spcPct val="100000"/>
                        </a:lnSpc>
                        <a:buFont typeface="Wingdings" panose="05000000000000000000" pitchFamily="2" charset="2"/>
                        <a:buNone/>
                      </a:pPr>
                      <a:r>
                        <a:rPr kumimoji="1" lang="ja-JP" altLang="en-US" sz="1500" u="none" dirty="0">
                          <a:solidFill>
                            <a:schemeClr val="tx1"/>
                          </a:solidFill>
                          <a:latin typeface="Century" panose="02040604050505020304" pitchFamily="18" charset="0"/>
                          <a:ea typeface="ＭＳ ゴシック" panose="020B0609070205080204" pitchFamily="49" charset="-128"/>
                        </a:rPr>
                        <a:t>なし</a:t>
                      </a:r>
                      <a:endParaRPr kumimoji="1" lang="en-US" altLang="ja-JP" sz="1500" u="none" dirty="0">
                        <a:solidFill>
                          <a:schemeClr val="tx1"/>
                        </a:solidFill>
                        <a:latin typeface="ＭＳ ゴシック" panose="020B0609070205080204" pitchFamily="49" charset="-128"/>
                        <a:ea typeface="ＭＳ ゴシック" panose="020B0609070205080204" pitchFamily="49" charset="-128"/>
                      </a:endParaRPr>
                    </a:p>
                  </a:txBody>
                  <a:tcPr marL="100680" marR="100680" marT="50340" marB="5034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indent="0" algn="ctr">
                        <a:lnSpc>
                          <a:spcPct val="100000"/>
                        </a:lnSpc>
                        <a:buFont typeface="Wingdings" panose="05000000000000000000" pitchFamily="2" charset="2"/>
                        <a:buNone/>
                      </a:pPr>
                      <a:r>
                        <a:rPr kumimoji="1" lang="ja-JP" altLang="en-US" sz="1500" u="none" dirty="0">
                          <a:solidFill>
                            <a:schemeClr val="tx1"/>
                          </a:solidFill>
                          <a:latin typeface="Century" panose="02040604050505020304" pitchFamily="18" charset="0"/>
                          <a:ea typeface="ＭＳ ゴシック" panose="020B0609070205080204" pitchFamily="49" charset="-128"/>
                        </a:rPr>
                        <a:t>〇</a:t>
                      </a:r>
                      <a:endParaRPr kumimoji="1" lang="en-US" altLang="ja-JP" sz="1500" u="none" dirty="0">
                        <a:solidFill>
                          <a:schemeClr val="tx1"/>
                        </a:solidFill>
                        <a:latin typeface="Century" panose="02040604050505020304" pitchFamily="18" charset="0"/>
                        <a:ea typeface="ＭＳ ゴシック" panose="020B0609070205080204" pitchFamily="49" charset="-128"/>
                      </a:endParaRPr>
                    </a:p>
                  </a:txBody>
                  <a:tcPr marL="100680" marR="100680" marT="50340" marB="5034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06072116"/>
                  </a:ext>
                </a:extLst>
              </a:tr>
            </a:tbl>
          </a:graphicData>
        </a:graphic>
      </p:graphicFrame>
      <p:sp>
        <p:nvSpPr>
          <p:cNvPr id="3" name="スライド番号プレースホルダー 2"/>
          <p:cNvSpPr>
            <a:spLocks noGrp="1"/>
          </p:cNvSpPr>
          <p:nvPr>
            <p:ph type="sldNum" sz="quarter" idx="12"/>
          </p:nvPr>
        </p:nvSpPr>
        <p:spPr/>
        <p:txBody>
          <a:bodyPr/>
          <a:lstStyle/>
          <a:p>
            <a:fld id="{36EC18DB-A5DF-4E0E-B815-FCD04A2C4B2C}" type="slidenum">
              <a:rPr kumimoji="1" lang="ja-JP" altLang="en-US" smtClean="0"/>
              <a:t>19</a:t>
            </a:fld>
            <a:endParaRPr kumimoji="1" lang="ja-JP" altLang="en-US" dirty="0"/>
          </a:p>
        </p:txBody>
      </p:sp>
      <p:sp>
        <p:nvSpPr>
          <p:cNvPr id="6" name="テキスト ボックス 5">
            <a:extLst>
              <a:ext uri="{FF2B5EF4-FFF2-40B4-BE49-F238E27FC236}">
                <a16:creationId xmlns:a16="http://schemas.microsoft.com/office/drawing/2014/main" id="{5A45561A-9159-2F32-7D6E-2F3B6A8E2E0A}"/>
              </a:ext>
            </a:extLst>
          </p:cNvPr>
          <p:cNvSpPr txBox="1"/>
          <p:nvPr/>
        </p:nvSpPr>
        <p:spPr>
          <a:xfrm>
            <a:off x="150589" y="5601322"/>
            <a:ext cx="9288532" cy="523220"/>
          </a:xfrm>
          <a:prstGeom prst="rect">
            <a:avLst/>
          </a:prstGeom>
          <a:noFill/>
        </p:spPr>
        <p:txBody>
          <a:bodyPr wrap="square" rtlCol="0">
            <a:spAutoFit/>
          </a:bodyPr>
          <a:lstStyle/>
          <a:p>
            <a:pPr algn="l"/>
            <a:r>
              <a:rPr lang="en-US" altLang="ja-JP" sz="1400" b="0" i="0" u="none" strike="noStrike" baseline="0" dirty="0">
                <a:latin typeface="ＭＳ ゴシック" panose="020B0609070205080204" pitchFamily="49" charset="-128"/>
                <a:ea typeface="ＭＳ ゴシック" panose="020B0609070205080204" pitchFamily="49" charset="-128"/>
              </a:rPr>
              <a:t>※ </a:t>
            </a:r>
            <a:r>
              <a:rPr lang="ja-JP" altLang="en-US" sz="1400" b="0" i="0" u="none" strike="noStrike" baseline="0" dirty="0">
                <a:latin typeface="ＭＳ ゴシック" panose="020B0609070205080204" pitchFamily="49" charset="-128"/>
                <a:ea typeface="ＭＳ ゴシック" panose="020B0609070205080204" pitchFamily="49" charset="-128"/>
              </a:rPr>
              <a:t>令和</a:t>
            </a:r>
            <a:r>
              <a:rPr lang="en-US" altLang="ja-JP" sz="1400" dirty="0">
                <a:latin typeface="ＭＳ ゴシック" panose="020B0609070205080204" pitchFamily="49" charset="-128"/>
                <a:ea typeface="ＭＳ ゴシック" panose="020B0609070205080204" pitchFamily="49" charset="-128"/>
              </a:rPr>
              <a:t>7</a:t>
            </a:r>
            <a:r>
              <a:rPr lang="ja-JP" altLang="en-US" sz="1400" b="0" i="0" u="none" strike="noStrike" baseline="0" dirty="0">
                <a:latin typeface="ＭＳ ゴシック" panose="020B0609070205080204" pitchFamily="49" charset="-128"/>
                <a:ea typeface="ＭＳ ゴシック" panose="020B0609070205080204" pitchFamily="49" charset="-128"/>
              </a:rPr>
              <a:t>年</a:t>
            </a:r>
            <a:r>
              <a:rPr lang="en-US" altLang="ja-JP" sz="1400" b="0" i="0" u="none" strike="noStrike" baseline="0" dirty="0">
                <a:latin typeface="ＭＳ ゴシック" panose="020B0609070205080204" pitchFamily="49" charset="-128"/>
                <a:ea typeface="ＭＳ ゴシック" panose="020B0609070205080204" pitchFamily="49" charset="-128"/>
              </a:rPr>
              <a:t>4</a:t>
            </a:r>
            <a:r>
              <a:rPr lang="ja-JP" altLang="en-US" sz="1400" b="0" i="0" u="none" strike="noStrike" baseline="0" dirty="0">
                <a:latin typeface="ＭＳ ゴシック" panose="020B0609070205080204" pitchFamily="49" charset="-128"/>
                <a:ea typeface="ＭＳ ゴシック" panose="020B0609070205080204" pitchFamily="49" charset="-128"/>
              </a:rPr>
              <a:t>⽉以降、包括委託に関連する事故</a:t>
            </a:r>
            <a:r>
              <a:rPr lang="en-US" altLang="ja-JP" sz="1400" b="0" i="0" u="none" strike="noStrike" baseline="0" dirty="0">
                <a:latin typeface="ＭＳ ゴシック" panose="020B0609070205080204" pitchFamily="49" charset="-128"/>
                <a:ea typeface="ＭＳ ゴシック" panose="020B0609070205080204" pitchFamily="49" charset="-128"/>
              </a:rPr>
              <a:t>(4.</a:t>
            </a:r>
            <a:r>
              <a:rPr lang="ja-JP" altLang="en-US" sz="1400" b="0" i="0" u="none" strike="noStrike" baseline="0" dirty="0">
                <a:latin typeface="ＭＳ ゴシック" panose="020B0609070205080204" pitchFamily="49" charset="-128"/>
                <a:ea typeface="ＭＳ ゴシック" panose="020B0609070205080204" pitchFamily="49" charset="-128"/>
              </a:rPr>
              <a:t>包括委託に関連する事故発生状況にて事案紹介</a:t>
            </a:r>
            <a:r>
              <a:rPr lang="en-US" altLang="ja-JP" sz="1400" b="0" i="0" u="none" strike="noStrike" baseline="0" dirty="0">
                <a:latin typeface="ＭＳ ゴシック" panose="020B0609070205080204" pitchFamily="49" charset="-128"/>
                <a:ea typeface="ＭＳ ゴシック" panose="020B0609070205080204" pitchFamily="49" charset="-128"/>
              </a:rPr>
              <a:t>) </a:t>
            </a:r>
            <a:r>
              <a:rPr lang="ja-JP" altLang="en-US" sz="1400" b="0" i="0" u="none" strike="noStrike" baseline="0" dirty="0">
                <a:latin typeface="ＭＳ ゴシック" panose="020B0609070205080204" pitchFamily="49" charset="-128"/>
                <a:ea typeface="ＭＳ ゴシック" panose="020B0609070205080204" pitchFamily="49" charset="-128"/>
              </a:rPr>
              <a:t>は発⽣しているが、</a:t>
            </a:r>
            <a:r>
              <a:rPr lang="en-US" altLang="ja-JP" sz="1400" b="0" i="0" u="none" strike="noStrike" baseline="0" dirty="0">
                <a:latin typeface="ＭＳ ゴシック" panose="020B0609070205080204" pitchFamily="49" charset="-128"/>
                <a:ea typeface="ＭＳ ゴシック" panose="020B0609070205080204" pitchFamily="49" charset="-128"/>
              </a:rPr>
              <a:t>CWO</a:t>
            </a:r>
            <a:r>
              <a:rPr lang="ja-JP" altLang="en-US" sz="1400" b="0" i="0" u="none" strike="noStrike" baseline="0" dirty="0">
                <a:latin typeface="ＭＳ ゴシック" panose="020B0609070205080204" pitchFamily="49" charset="-128"/>
                <a:ea typeface="ＭＳ ゴシック" panose="020B0609070205080204" pitchFamily="49" charset="-128"/>
              </a:rPr>
              <a:t>の過失等により要求水準未達となる事案は発⽣していないため、</a:t>
            </a:r>
            <a:r>
              <a:rPr lang="en-US" altLang="ja-JP" sz="1400" b="0" i="0" u="none" strike="noStrike" baseline="0" dirty="0">
                <a:latin typeface="ＭＳ ゴシック" panose="020B0609070205080204" pitchFamily="49" charset="-128"/>
                <a:ea typeface="ＭＳ ゴシック" panose="020B0609070205080204" pitchFamily="49" charset="-128"/>
              </a:rPr>
              <a:t>0</a:t>
            </a:r>
            <a:r>
              <a:rPr lang="ja-JP" altLang="en-US" sz="1400" b="0" i="0" u="none" strike="noStrike" baseline="0" dirty="0">
                <a:latin typeface="ＭＳ ゴシック" panose="020B0609070205080204" pitchFamily="49" charset="-128"/>
                <a:ea typeface="ＭＳ ゴシック" panose="020B0609070205080204" pitchFamily="49" charset="-128"/>
              </a:rPr>
              <a:t>件である。</a:t>
            </a:r>
            <a:endParaRPr kumimoji="1" lang="ja-JP" altLang="en-US" sz="1400" dirty="0">
              <a:latin typeface="ＭＳ ゴシック" panose="020B0609070205080204" pitchFamily="49" charset="-128"/>
              <a:ea typeface="ＭＳ ゴシック" panose="020B0609070205080204" pitchFamily="49" charset="-128"/>
            </a:endParaRPr>
          </a:p>
        </p:txBody>
      </p:sp>
      <p:sp>
        <p:nvSpPr>
          <p:cNvPr id="7" name="テキスト ボックス 6">
            <a:extLst>
              <a:ext uri="{FF2B5EF4-FFF2-40B4-BE49-F238E27FC236}">
                <a16:creationId xmlns:a16="http://schemas.microsoft.com/office/drawing/2014/main" id="{A3E1E14C-11BC-7DD1-A439-DB0A3A0B59A3}"/>
              </a:ext>
            </a:extLst>
          </p:cNvPr>
          <p:cNvSpPr txBox="1"/>
          <p:nvPr/>
        </p:nvSpPr>
        <p:spPr>
          <a:xfrm>
            <a:off x="8606766" y="1805360"/>
            <a:ext cx="701430" cy="261610"/>
          </a:xfrm>
          <a:prstGeom prst="rect">
            <a:avLst/>
          </a:prstGeom>
          <a:noFill/>
        </p:spPr>
        <p:txBody>
          <a:bodyPr wrap="square" rtlCol="0">
            <a:spAutoFit/>
          </a:bodyPr>
          <a:lstStyle/>
          <a:p>
            <a:pPr algn="l"/>
            <a:r>
              <a:rPr lang="en-US" altLang="ja-JP" sz="1100" b="0" i="0" u="none" strike="noStrike" baseline="0" dirty="0">
                <a:latin typeface="ＭＳ ゴシック" panose="020B0609070205080204" pitchFamily="49" charset="-128"/>
                <a:ea typeface="ＭＳ ゴシック" panose="020B0609070205080204" pitchFamily="49" charset="-128"/>
              </a:rPr>
              <a:t>※</a:t>
            </a:r>
            <a:endParaRPr kumimoji="1" lang="ja-JP" altLang="en-US" sz="1100" dirty="0">
              <a:latin typeface="ＭＳ ゴシック" panose="020B0609070205080204" pitchFamily="49" charset="-128"/>
              <a:ea typeface="ＭＳ ゴシック" panose="020B0609070205080204" pitchFamily="49" charset="-128"/>
            </a:endParaRPr>
          </a:p>
        </p:txBody>
      </p:sp>
      <p:sp>
        <p:nvSpPr>
          <p:cNvPr id="2" name="角丸四角形 18">
            <a:extLst>
              <a:ext uri="{FF2B5EF4-FFF2-40B4-BE49-F238E27FC236}">
                <a16:creationId xmlns:a16="http://schemas.microsoft.com/office/drawing/2014/main" id="{E019A947-3FAB-A917-3898-05E91437E72E}"/>
              </a:ext>
            </a:extLst>
          </p:cNvPr>
          <p:cNvSpPr/>
          <p:nvPr/>
        </p:nvSpPr>
        <p:spPr>
          <a:xfrm>
            <a:off x="72908" y="96839"/>
            <a:ext cx="817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347046972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681037" y="-356529"/>
            <a:ext cx="8543925" cy="1325563"/>
          </a:xfrm>
        </p:spPr>
        <p:txBody>
          <a:bodyPr>
            <a:normAutofit/>
          </a:bodyPr>
          <a:lstStyle/>
          <a:p>
            <a:r>
              <a:rPr kumimoji="1" lang="ja-JP" altLang="en-US" sz="2800" dirty="0"/>
              <a:t>説明資料目次</a:t>
            </a:r>
          </a:p>
        </p:txBody>
      </p:sp>
      <p:sp>
        <p:nvSpPr>
          <p:cNvPr id="5" name="スライド番号プレースホルダー 4"/>
          <p:cNvSpPr>
            <a:spLocks noGrp="1"/>
          </p:cNvSpPr>
          <p:nvPr>
            <p:ph type="sldNum" sz="quarter" idx="12"/>
          </p:nvPr>
        </p:nvSpPr>
        <p:spPr/>
        <p:txBody>
          <a:bodyPr/>
          <a:lstStyle/>
          <a:p>
            <a:fld id="{36EC18DB-A5DF-4E0E-B815-FCD04A2C4B2C}" type="slidenum">
              <a:rPr kumimoji="1" lang="ja-JP" altLang="en-US" smtClean="0"/>
              <a:t>2</a:t>
            </a:fld>
            <a:endParaRPr kumimoji="1" lang="ja-JP" altLang="en-US"/>
          </a:p>
        </p:txBody>
      </p:sp>
      <p:sp>
        <p:nvSpPr>
          <p:cNvPr id="3" name="テキスト ボックス 2">
            <a:extLst>
              <a:ext uri="{FF2B5EF4-FFF2-40B4-BE49-F238E27FC236}">
                <a16:creationId xmlns:a16="http://schemas.microsoft.com/office/drawing/2014/main" id="{9A763DFA-B116-C845-00F0-54220D8D7682}"/>
              </a:ext>
            </a:extLst>
          </p:cNvPr>
          <p:cNvSpPr txBox="1"/>
          <p:nvPr/>
        </p:nvSpPr>
        <p:spPr>
          <a:xfrm>
            <a:off x="42226" y="619241"/>
            <a:ext cx="9828000" cy="5786167"/>
          </a:xfrm>
          <a:prstGeom prst="rect">
            <a:avLst/>
          </a:prstGeom>
          <a:noFill/>
        </p:spPr>
        <p:txBody>
          <a:bodyPr vert="horz" wrap="square" lIns="91407" tIns="45704" rIns="91407" bIns="45704" rtlCol="0" anchor="t">
            <a:spAutoFit/>
          </a:bodyPr>
          <a:lstStyle/>
          <a:p>
            <a:r>
              <a:rPr lang="ja-JP" altLang="en-US" b="1" dirty="0"/>
              <a:t>１．審議会の設置・スケジュール</a:t>
            </a:r>
            <a:r>
              <a:rPr lang="en-US" altLang="ja-JP" b="1" dirty="0"/>
              <a:t>										</a:t>
            </a:r>
            <a:r>
              <a:rPr lang="ja-JP" altLang="en-US" b="1" dirty="0"/>
              <a:t>・・・・・　Ｐ３－５</a:t>
            </a:r>
            <a:endParaRPr lang="en-US" altLang="ja-JP" sz="1050" b="1" dirty="0"/>
          </a:p>
          <a:p>
            <a:endParaRPr lang="en-US" altLang="ja-JP" sz="800" b="1" dirty="0"/>
          </a:p>
          <a:p>
            <a:r>
              <a:rPr lang="ja-JP" altLang="en-US" b="1" dirty="0"/>
              <a:t>２．</a:t>
            </a:r>
            <a:r>
              <a:rPr lang="zh-TW" altLang="en-US" b="1" dirty="0"/>
              <a:t>大阪</a:t>
            </a:r>
            <a:r>
              <a:rPr lang="ja-JP" altLang="en-US" b="1" dirty="0"/>
              <a:t>市</a:t>
            </a:r>
            <a:r>
              <a:rPr lang="zh-TW" altLang="en-US" b="1" dirty="0"/>
              <a:t>下水道施設</a:t>
            </a:r>
            <a:r>
              <a:rPr lang="ja-JP" altLang="en-US" b="1" dirty="0"/>
              <a:t>包括的管理</a:t>
            </a:r>
            <a:r>
              <a:rPr lang="zh-TW" altLang="en-US" b="1" dirty="0"/>
              <a:t>業務委託</a:t>
            </a:r>
            <a:r>
              <a:rPr lang="ja-JP" altLang="en-US" b="1" dirty="0"/>
              <a:t>の業務内容</a:t>
            </a:r>
            <a:r>
              <a:rPr lang="en-US" altLang="ja-JP" b="1" dirty="0"/>
              <a:t>					</a:t>
            </a:r>
            <a:r>
              <a:rPr lang="ja-JP" altLang="en-US" b="1" dirty="0"/>
              <a:t>・・・・・　Ｐ６－</a:t>
            </a:r>
            <a:r>
              <a:rPr lang="en-US" altLang="ja-JP" b="1" dirty="0"/>
              <a:t>15</a:t>
            </a:r>
          </a:p>
          <a:p>
            <a:endParaRPr lang="en-US" altLang="ja-JP" sz="800" b="1" dirty="0"/>
          </a:p>
          <a:p>
            <a:r>
              <a:rPr lang="ja-JP" altLang="en-US" b="1" dirty="0"/>
              <a:t>３．調査審議事項（実績報告）</a:t>
            </a:r>
            <a:endParaRPr lang="en-US" altLang="ja-JP" sz="1600" b="1" dirty="0"/>
          </a:p>
          <a:p>
            <a:r>
              <a:rPr lang="ja-JP" altLang="en-US" b="1" dirty="0"/>
              <a:t>　３</a:t>
            </a:r>
            <a:r>
              <a:rPr lang="en-US" altLang="ja-JP" b="1" dirty="0"/>
              <a:t>‐</a:t>
            </a:r>
            <a:r>
              <a:rPr lang="ja-JP" altLang="en-US" b="1" dirty="0"/>
              <a:t>１．要求水準・評価基準の達成状況（令和７年度上半期）</a:t>
            </a:r>
            <a:r>
              <a:rPr lang="en-US" altLang="ja-JP" b="1" dirty="0"/>
              <a:t>			</a:t>
            </a:r>
            <a:r>
              <a:rPr lang="ja-JP" altLang="en-US" b="1" dirty="0"/>
              <a:t>・・・・・　Ｐ</a:t>
            </a:r>
            <a:r>
              <a:rPr lang="en-US" altLang="ja-JP" b="1" dirty="0"/>
              <a:t>16</a:t>
            </a:r>
            <a:r>
              <a:rPr lang="ja-JP" altLang="en-US" b="1" dirty="0"/>
              <a:t>－</a:t>
            </a:r>
            <a:r>
              <a:rPr lang="en-US" altLang="ja-JP" b="1" dirty="0"/>
              <a:t>38</a:t>
            </a:r>
            <a:endParaRPr lang="en-US" altLang="ja-JP" sz="900" b="1" dirty="0"/>
          </a:p>
          <a:p>
            <a:endParaRPr lang="en-US" altLang="ja-JP" sz="800" b="1" dirty="0"/>
          </a:p>
          <a:p>
            <a:r>
              <a:rPr lang="ja-JP" altLang="en-US" b="1" dirty="0"/>
              <a:t>　３</a:t>
            </a:r>
            <a:r>
              <a:rPr lang="en-US" altLang="ja-JP" b="1" dirty="0"/>
              <a:t>‐</a:t>
            </a:r>
            <a:r>
              <a:rPr lang="ja-JP" altLang="en-US" b="1" dirty="0"/>
              <a:t>２．包括委託に関連する第三者事故発生状況（令和７年度上半期）</a:t>
            </a:r>
            <a:r>
              <a:rPr lang="en-US" altLang="ja-JP" b="1" dirty="0"/>
              <a:t>	</a:t>
            </a:r>
            <a:r>
              <a:rPr lang="ja-JP" altLang="en-US" b="1" dirty="0"/>
              <a:t>・・・・・　Ｐ</a:t>
            </a:r>
            <a:r>
              <a:rPr lang="en-US" altLang="ja-JP" b="1" dirty="0"/>
              <a:t>29</a:t>
            </a:r>
            <a:r>
              <a:rPr lang="ja-JP" altLang="en-US" b="1" dirty="0"/>
              <a:t>－</a:t>
            </a:r>
            <a:r>
              <a:rPr lang="en-US" altLang="ja-JP" b="1" dirty="0"/>
              <a:t>35</a:t>
            </a:r>
          </a:p>
          <a:p>
            <a:endParaRPr lang="en-US" altLang="ja-JP" sz="800" b="1" dirty="0"/>
          </a:p>
          <a:p>
            <a:r>
              <a:rPr lang="ja-JP" altLang="en-US" b="1" dirty="0"/>
              <a:t>４．調査審議事項</a:t>
            </a:r>
            <a:endParaRPr lang="en-US" altLang="ja-JP" b="1" dirty="0"/>
          </a:p>
          <a:p>
            <a:r>
              <a:rPr lang="ja-JP" altLang="en-US" b="1" dirty="0"/>
              <a:t>　４</a:t>
            </a:r>
            <a:r>
              <a:rPr lang="en-US" altLang="ja-JP" b="1" dirty="0"/>
              <a:t>‐</a:t>
            </a:r>
            <a:r>
              <a:rPr lang="ja-JP" altLang="en-US" b="1" dirty="0"/>
              <a:t>１．５年毎の業務委託条件の見直し</a:t>
            </a:r>
            <a:r>
              <a:rPr lang="en-US" altLang="ja-JP" b="1" dirty="0"/>
              <a:t>								</a:t>
            </a:r>
            <a:r>
              <a:rPr lang="ja-JP" altLang="en-US" b="1" dirty="0"/>
              <a:t>・・・・・　Ｐ</a:t>
            </a:r>
            <a:r>
              <a:rPr lang="en-US" altLang="ja-JP" b="1" dirty="0"/>
              <a:t>36</a:t>
            </a:r>
            <a:r>
              <a:rPr lang="ja-JP" altLang="en-US" b="1" dirty="0"/>
              <a:t>－</a:t>
            </a:r>
            <a:r>
              <a:rPr lang="en-US" altLang="ja-JP" b="1" dirty="0"/>
              <a:t>37</a:t>
            </a:r>
          </a:p>
          <a:p>
            <a:r>
              <a:rPr lang="ja-JP" altLang="en-US" b="1" dirty="0"/>
              <a:t>　　　①　大阪市下水道施設包括的管理業務委託発注当初の理念について</a:t>
            </a:r>
            <a:r>
              <a:rPr lang="en-US" altLang="ja-JP" b="1" dirty="0"/>
              <a:t>	</a:t>
            </a:r>
            <a:r>
              <a:rPr lang="ja-JP" altLang="en-US" b="1" dirty="0"/>
              <a:t>・・・・・　Ｐ</a:t>
            </a:r>
            <a:r>
              <a:rPr lang="en-US" altLang="ja-JP" b="1" dirty="0"/>
              <a:t>38</a:t>
            </a:r>
            <a:r>
              <a:rPr lang="ja-JP" altLang="en-US" b="1" dirty="0"/>
              <a:t>－</a:t>
            </a:r>
            <a:r>
              <a:rPr lang="en-US" altLang="ja-JP" b="1" dirty="0"/>
              <a:t>39</a:t>
            </a:r>
          </a:p>
          <a:p>
            <a:r>
              <a:rPr lang="ja-JP" altLang="en-US" b="1" dirty="0"/>
              <a:t>　　　②　特記仕様書の見直しについて　　</a:t>
            </a:r>
            <a:r>
              <a:rPr lang="en-US" altLang="ja-JP" b="1" dirty="0"/>
              <a:t>								</a:t>
            </a:r>
            <a:r>
              <a:rPr lang="ja-JP" altLang="en-US" b="1" dirty="0"/>
              <a:t>・・・・・　Ｐ</a:t>
            </a:r>
            <a:r>
              <a:rPr lang="en-US" altLang="ja-JP" b="1" dirty="0"/>
              <a:t>40</a:t>
            </a:r>
            <a:r>
              <a:rPr lang="ja-JP" altLang="en-US" b="1" dirty="0"/>
              <a:t>－</a:t>
            </a:r>
            <a:r>
              <a:rPr lang="en-US" altLang="ja-JP" b="1" dirty="0"/>
              <a:t>43</a:t>
            </a:r>
          </a:p>
          <a:p>
            <a:r>
              <a:rPr lang="ja-JP" altLang="en-US" b="1" dirty="0"/>
              <a:t>　　　③　評価基準値について</a:t>
            </a:r>
            <a:r>
              <a:rPr lang="en-US" altLang="ja-JP" b="1" dirty="0"/>
              <a:t>											</a:t>
            </a:r>
            <a:r>
              <a:rPr lang="ja-JP" altLang="en-US" b="1" dirty="0"/>
              <a:t>・・・・・　Ｐ</a:t>
            </a:r>
            <a:r>
              <a:rPr lang="en-US" altLang="ja-JP" b="1" dirty="0"/>
              <a:t>44</a:t>
            </a:r>
            <a:r>
              <a:rPr lang="ja-JP" altLang="en-US" b="1" dirty="0"/>
              <a:t>－</a:t>
            </a:r>
            <a:r>
              <a:rPr lang="en-US" altLang="ja-JP" b="1" dirty="0"/>
              <a:t>49</a:t>
            </a:r>
          </a:p>
          <a:p>
            <a:r>
              <a:rPr lang="ja-JP" altLang="en-US" b="1" dirty="0"/>
              <a:t>　　　④　業務数量の見直しについて</a:t>
            </a:r>
            <a:r>
              <a:rPr lang="en-US" altLang="ja-JP" b="1" dirty="0"/>
              <a:t>									</a:t>
            </a:r>
            <a:r>
              <a:rPr lang="ja-JP" altLang="en-US" b="1" dirty="0"/>
              <a:t>・・・・・　Ｐ</a:t>
            </a:r>
            <a:r>
              <a:rPr lang="en-US" altLang="ja-JP" b="1" dirty="0"/>
              <a:t>50</a:t>
            </a:r>
            <a:r>
              <a:rPr lang="ja-JP" altLang="en-US" b="1" dirty="0"/>
              <a:t>－</a:t>
            </a:r>
            <a:r>
              <a:rPr lang="en-US" altLang="ja-JP" b="1" dirty="0"/>
              <a:t>53</a:t>
            </a:r>
            <a:endParaRPr lang="en-US" altLang="ja-JP" sz="800" b="1" dirty="0"/>
          </a:p>
          <a:p>
            <a:r>
              <a:rPr lang="ja-JP" altLang="en-US" b="1" dirty="0"/>
              <a:t>　　　⑤　修繕費不足への対応について　　　　　　</a:t>
            </a:r>
            <a:r>
              <a:rPr lang="en-US" altLang="ja-JP" b="1" dirty="0"/>
              <a:t>							</a:t>
            </a:r>
            <a:r>
              <a:rPr lang="ja-JP" altLang="en-US" b="1" dirty="0"/>
              <a:t>・・・・・　Ｐ</a:t>
            </a:r>
            <a:r>
              <a:rPr lang="en-US" altLang="ja-JP" b="1" dirty="0"/>
              <a:t>54</a:t>
            </a:r>
            <a:r>
              <a:rPr lang="ja-JP" altLang="en-US" b="1" dirty="0"/>
              <a:t>－</a:t>
            </a:r>
            <a:r>
              <a:rPr lang="en-US" altLang="ja-JP" b="1" dirty="0"/>
              <a:t>56</a:t>
            </a:r>
          </a:p>
          <a:p>
            <a:r>
              <a:rPr lang="ja-JP" altLang="en-US" b="1" dirty="0"/>
              <a:t>　　　</a:t>
            </a:r>
            <a:endParaRPr lang="en-US" altLang="ja-JP" b="1" dirty="0"/>
          </a:p>
          <a:p>
            <a:endParaRPr lang="en-US" altLang="ja-JP" sz="800" b="1" dirty="0"/>
          </a:p>
          <a:p>
            <a:r>
              <a:rPr lang="ja-JP" altLang="en-US" b="1" dirty="0"/>
              <a:t>５．その他報告事項</a:t>
            </a:r>
            <a:endParaRPr lang="en-US" altLang="ja-JP" b="1" dirty="0"/>
          </a:p>
          <a:p>
            <a:r>
              <a:rPr lang="ja-JP" altLang="en-US" b="1" dirty="0"/>
              <a:t>　５</a:t>
            </a:r>
            <a:r>
              <a:rPr lang="en-US" altLang="ja-JP" b="1" dirty="0"/>
              <a:t>‐</a:t>
            </a:r>
            <a:r>
              <a:rPr lang="ja-JP" altLang="en-US" b="1" dirty="0"/>
              <a:t>１．埼玉県八潮市における道路陥没を踏まえた対応状況</a:t>
            </a:r>
            <a:r>
              <a:rPr lang="en-US" altLang="ja-JP" b="1" dirty="0"/>
              <a:t>				</a:t>
            </a:r>
            <a:r>
              <a:rPr lang="ja-JP" altLang="en-US" b="1" dirty="0"/>
              <a:t>・・・・・　Ｐ</a:t>
            </a:r>
            <a:r>
              <a:rPr lang="en-US" altLang="ja-JP" b="1" dirty="0"/>
              <a:t>57</a:t>
            </a:r>
            <a:r>
              <a:rPr lang="ja-JP" altLang="en-US" b="1" dirty="0"/>
              <a:t>－</a:t>
            </a:r>
            <a:r>
              <a:rPr lang="en-US" altLang="ja-JP" b="1" dirty="0"/>
              <a:t>62</a:t>
            </a:r>
            <a:endParaRPr lang="ja-JP" altLang="en-US" b="1" dirty="0"/>
          </a:p>
          <a:p>
            <a:endParaRPr lang="en-US" altLang="ja-JP" sz="800" b="1" dirty="0"/>
          </a:p>
          <a:p>
            <a:r>
              <a:rPr lang="ja-JP" altLang="en-US" b="1" dirty="0"/>
              <a:t>　５</a:t>
            </a:r>
            <a:r>
              <a:rPr lang="en-US" altLang="ja-JP" b="1" dirty="0"/>
              <a:t>‐</a:t>
            </a:r>
            <a:r>
              <a:rPr lang="ja-JP" altLang="en-US" b="1" dirty="0"/>
              <a:t>２．長堀抽水所雨水滞水池爆発事故に対する原因究明・再発防止策</a:t>
            </a:r>
            <a:r>
              <a:rPr lang="en-US" altLang="ja-JP" b="1" dirty="0"/>
              <a:t>	</a:t>
            </a:r>
            <a:r>
              <a:rPr lang="ja-JP" altLang="en-US" b="1" dirty="0"/>
              <a:t>・・・・・　Ｐ</a:t>
            </a:r>
            <a:r>
              <a:rPr lang="en-US" altLang="ja-JP" b="1" dirty="0"/>
              <a:t>63</a:t>
            </a:r>
            <a:r>
              <a:rPr lang="ja-JP" altLang="en-US" b="1" dirty="0"/>
              <a:t>－</a:t>
            </a:r>
            <a:r>
              <a:rPr lang="en-US" altLang="ja-JP" b="1" dirty="0"/>
              <a:t>64</a:t>
            </a:r>
            <a:endParaRPr lang="ja-JP" altLang="en-US" b="1" dirty="0"/>
          </a:p>
          <a:p>
            <a:endParaRPr lang="en-US" altLang="ja-JP" sz="1600" b="1" dirty="0"/>
          </a:p>
          <a:p>
            <a:r>
              <a:rPr lang="ja-JP" altLang="en-US" b="1" dirty="0"/>
              <a:t>別添資料（モニタリングチェックシート）</a:t>
            </a:r>
            <a:r>
              <a:rPr lang="en-US" altLang="ja-JP" b="1" dirty="0"/>
              <a:t>								</a:t>
            </a:r>
            <a:r>
              <a:rPr lang="ja-JP" altLang="en-US" b="1" dirty="0"/>
              <a:t>・・・・・　Ｐ</a:t>
            </a:r>
            <a:r>
              <a:rPr lang="en-US" altLang="ja-JP" b="1" dirty="0"/>
              <a:t>65</a:t>
            </a:r>
            <a:r>
              <a:rPr lang="ja-JP" altLang="en-US" b="1" dirty="0"/>
              <a:t>－</a:t>
            </a:r>
            <a:r>
              <a:rPr lang="en-US" altLang="ja-JP" b="1" dirty="0"/>
              <a:t>72</a:t>
            </a:r>
          </a:p>
        </p:txBody>
      </p:sp>
    </p:spTree>
    <p:extLst>
      <p:ext uri="{BB962C8B-B14F-4D97-AF65-F5344CB8AC3E}">
        <p14:creationId xmlns:p14="http://schemas.microsoft.com/office/powerpoint/2010/main" val="2639047461"/>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評価基準</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業務モニタリング結果</a:t>
            </a:r>
            <a:r>
              <a:rPr lang="ja-JP" altLang="en-US" sz="2925" dirty="0">
                <a:solidFill>
                  <a:schemeClr val="bg1"/>
                </a:solidFill>
                <a:latin typeface="HGP創英角ｺﾞｼｯｸUB" panose="020B0900000000000000" pitchFamily="50" charset="-128"/>
                <a:ea typeface="HGP創英角ｺﾞｼｯｸUB" panose="020B0900000000000000" pitchFamily="50" charset="-128"/>
              </a:rPr>
              <a:t>　</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3" name="スライド番号プレースホルダー 2"/>
          <p:cNvSpPr>
            <a:spLocks noGrp="1"/>
          </p:cNvSpPr>
          <p:nvPr>
            <p:ph type="sldNum" sz="quarter" idx="12"/>
          </p:nvPr>
        </p:nvSpPr>
        <p:spPr/>
        <p:txBody>
          <a:bodyPr/>
          <a:lstStyle/>
          <a:p>
            <a:fld id="{36EC18DB-A5DF-4E0E-B815-FCD04A2C4B2C}" type="slidenum">
              <a:rPr kumimoji="1" lang="ja-JP" altLang="en-US" smtClean="0"/>
              <a:t>20</a:t>
            </a:fld>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1080128422"/>
              </p:ext>
            </p:extLst>
          </p:nvPr>
        </p:nvGraphicFramePr>
        <p:xfrm>
          <a:off x="337643" y="1261897"/>
          <a:ext cx="9327057" cy="4799939"/>
        </p:xfrm>
        <a:graphic>
          <a:graphicData uri="http://schemas.openxmlformats.org/drawingml/2006/table">
            <a:tbl>
              <a:tblPr firstRow="1" bandRow="1">
                <a:tableStyleId>{5C22544A-7EE6-4342-B048-85BDC9FD1C3A}</a:tableStyleId>
              </a:tblPr>
              <a:tblGrid>
                <a:gridCol w="322757">
                  <a:extLst>
                    <a:ext uri="{9D8B030D-6E8A-4147-A177-3AD203B41FA5}">
                      <a16:colId xmlns:a16="http://schemas.microsoft.com/office/drawing/2014/main" val="4133302652"/>
                    </a:ext>
                  </a:extLst>
                </a:gridCol>
                <a:gridCol w="1333500">
                  <a:extLst>
                    <a:ext uri="{9D8B030D-6E8A-4147-A177-3AD203B41FA5}">
                      <a16:colId xmlns:a16="http://schemas.microsoft.com/office/drawing/2014/main" val="706894114"/>
                    </a:ext>
                  </a:extLst>
                </a:gridCol>
                <a:gridCol w="4343400">
                  <a:extLst>
                    <a:ext uri="{9D8B030D-6E8A-4147-A177-3AD203B41FA5}">
                      <a16:colId xmlns:a16="http://schemas.microsoft.com/office/drawing/2014/main" val="530703205"/>
                    </a:ext>
                  </a:extLst>
                </a:gridCol>
                <a:gridCol w="2844800">
                  <a:extLst>
                    <a:ext uri="{9D8B030D-6E8A-4147-A177-3AD203B41FA5}">
                      <a16:colId xmlns:a16="http://schemas.microsoft.com/office/drawing/2014/main" val="1903299644"/>
                    </a:ext>
                  </a:extLst>
                </a:gridCol>
                <a:gridCol w="482600">
                  <a:extLst>
                    <a:ext uri="{9D8B030D-6E8A-4147-A177-3AD203B41FA5}">
                      <a16:colId xmlns:a16="http://schemas.microsoft.com/office/drawing/2014/main" val="3624731599"/>
                    </a:ext>
                  </a:extLst>
                </a:gridCol>
              </a:tblGrid>
              <a:tr h="246353">
                <a:tc gridSpan="2">
                  <a:txBody>
                    <a:bodyPr/>
                    <a:lstStyle/>
                    <a:p>
                      <a:pPr>
                        <a:lnSpc>
                          <a:spcPct val="100000"/>
                        </a:lnSpc>
                      </a:pPr>
                      <a:endParaRPr kumimoji="1" lang="ja-JP" altLang="en-US" sz="1500" dirty="0">
                        <a:solidFill>
                          <a:schemeClr val="tx1"/>
                        </a:solidFill>
                        <a:latin typeface="ＭＳ ゴシック" panose="020B0609070205080204" pitchFamily="49" charset="-128"/>
                        <a:ea typeface="ＭＳ ゴシック" panose="020B0609070205080204" pitchFamily="49" charset="-128"/>
                      </a:endParaRP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4">
                        <a:lumMod val="40000"/>
                        <a:lumOff val="60000"/>
                      </a:schemeClr>
                    </a:solidFill>
                  </a:tcPr>
                </a:tc>
                <a:tc hMerge="1">
                  <a:txBody>
                    <a:bodyPr/>
                    <a:lstStyle/>
                    <a:p>
                      <a:endParaRPr kumimoji="1" lang="ja-JP" altLang="en-US" sz="1400" dirty="0">
                        <a:solidFill>
                          <a:schemeClr val="tx1"/>
                        </a:solidFill>
                        <a:latin typeface="ＭＳ ゴシック" panose="020B0609070205080204" pitchFamily="49" charset="-128"/>
                        <a:ea typeface="ＭＳ ゴシック" panose="020B0609070205080204" pitchFamily="49"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500" dirty="0">
                          <a:solidFill>
                            <a:schemeClr val="tx1"/>
                          </a:solidFill>
                          <a:latin typeface="ＭＳ ゴシック" panose="020B0609070205080204" pitchFamily="49" charset="-128"/>
                          <a:ea typeface="ＭＳ ゴシック" panose="020B0609070205080204" pitchFamily="49" charset="-128"/>
                        </a:rPr>
                        <a:t>評価基準</a:t>
                      </a:r>
                      <a:endParaRPr kumimoji="1" lang="en-US" altLang="ja-JP" sz="1500" dirty="0">
                        <a:solidFill>
                          <a:schemeClr val="tx1"/>
                        </a:solidFill>
                        <a:latin typeface="ＭＳ ゴシック" panose="020B0609070205080204" pitchFamily="49" charset="-128"/>
                        <a:ea typeface="ＭＳ ゴシック" panose="020B0609070205080204" pitchFamily="49" charset="-128"/>
                      </a:endParaRPr>
                    </a:p>
                  </a:txBody>
                  <a:tcPr marL="98529" marR="98529" marT="49264" marB="49264"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500" dirty="0">
                          <a:solidFill>
                            <a:schemeClr val="tx1"/>
                          </a:solidFill>
                          <a:latin typeface="ＭＳ ゴシック" panose="020B0609070205080204" pitchFamily="49" charset="-128"/>
                          <a:ea typeface="ＭＳ ゴシック" panose="020B0609070205080204" pitchFamily="49" charset="-128"/>
                        </a:rPr>
                        <a:t>発生数</a:t>
                      </a:r>
                      <a:endParaRPr kumimoji="1" lang="en-US" altLang="ja-JP" sz="1500" dirty="0">
                        <a:solidFill>
                          <a:schemeClr val="tx1"/>
                        </a:solidFill>
                        <a:latin typeface="ＭＳ ゴシック" panose="020B0609070205080204" pitchFamily="49" charset="-128"/>
                        <a:ea typeface="ＭＳ ゴシック" panose="020B0609070205080204" pitchFamily="49" charset="-128"/>
                      </a:endParaRPr>
                    </a:p>
                  </a:txBody>
                  <a:tcPr marL="98529" marR="98529" marT="49264" marB="49264"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500" dirty="0">
                          <a:solidFill>
                            <a:schemeClr val="tx1"/>
                          </a:solidFill>
                          <a:latin typeface="ＭＳ ゴシック" panose="020B0609070205080204" pitchFamily="49" charset="-128"/>
                          <a:ea typeface="ＭＳ ゴシック" panose="020B0609070205080204" pitchFamily="49" charset="-128"/>
                        </a:rPr>
                        <a:t>評価</a:t>
                      </a:r>
                    </a:p>
                  </a:txBody>
                  <a:tcPr marL="98529" marR="98529" marT="49264" marB="49264"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4">
                        <a:lumMod val="40000"/>
                        <a:lumOff val="60000"/>
                      </a:schemeClr>
                    </a:solidFill>
                  </a:tcPr>
                </a:tc>
                <a:extLst>
                  <a:ext uri="{0D108BD9-81ED-4DB2-BD59-A6C34878D82A}">
                    <a16:rowId xmlns:a16="http://schemas.microsoft.com/office/drawing/2014/main" val="4064719659"/>
                  </a:ext>
                </a:extLst>
              </a:tr>
              <a:tr h="1716197">
                <a:tc gridSpan="2">
                  <a:txBody>
                    <a:bodyPr/>
                    <a:lstStyle/>
                    <a:p>
                      <a:pPr algn="ctr">
                        <a:lnSpc>
                          <a:spcPct val="100000"/>
                        </a:lnSpc>
                      </a:pPr>
                      <a:r>
                        <a:rPr kumimoji="1" lang="ja-JP" altLang="en-US" sz="1500" b="1" dirty="0">
                          <a:solidFill>
                            <a:schemeClr val="tx1"/>
                          </a:solidFill>
                          <a:latin typeface="ＭＳ ゴシック" panose="020B0609070205080204" pitchFamily="49" charset="-128"/>
                          <a:ea typeface="ＭＳ ゴシック" panose="020B0609070205080204" pitchFamily="49" charset="-128"/>
                        </a:rPr>
                        <a:t>管路</a:t>
                      </a:r>
                    </a:p>
                  </a:txBody>
                  <a:tcPr marL="98529" marR="98529" marT="49264" marB="49264"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20000"/>
                        <a:lumOff val="80000"/>
                      </a:schemeClr>
                    </a:solidFill>
                  </a:tcPr>
                </a:tc>
                <a:tc hMerge="1">
                  <a:txBody>
                    <a:bodyPr/>
                    <a:lstStyle/>
                    <a:p>
                      <a:pPr algn="ctr"/>
                      <a:endParaRPr kumimoji="1" lang="ja-JP" altLang="en-US" sz="1400" b="1" dirty="0">
                        <a:solidFill>
                          <a:schemeClr val="tx1"/>
                        </a:solidFill>
                        <a:latin typeface="ＭＳ ゴシック" panose="020B0609070205080204" pitchFamily="49" charset="-128"/>
                        <a:ea typeface="ＭＳ ゴシック" panose="020B0609070205080204" pitchFamily="49" charset="-128"/>
                      </a:endParaRPr>
                    </a:p>
                  </a:txBody>
                  <a:tcPr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marL="285750" indent="-285750">
                        <a:lnSpc>
                          <a:spcPct val="100000"/>
                        </a:lnSpc>
                        <a:buFont typeface="Wingdings" panose="05000000000000000000" pitchFamily="2" charset="2"/>
                        <a:buChar char="Ø"/>
                      </a:pPr>
                      <a:r>
                        <a:rPr kumimoji="1" lang="ja-JP" altLang="en-US" sz="1500" dirty="0">
                          <a:solidFill>
                            <a:schemeClr val="tx1"/>
                          </a:solidFill>
                          <a:latin typeface="ＭＳ ゴシック" panose="020B0609070205080204" pitchFamily="49" charset="-128"/>
                          <a:ea typeface="ＭＳ ゴシック" panose="020B0609070205080204" pitchFamily="49" charset="-128"/>
                        </a:rPr>
                        <a:t>道路陥没、下水つまりの発生件数。</a:t>
                      </a:r>
                      <a:endParaRPr kumimoji="1" lang="en-US" altLang="ja-JP" sz="1500" dirty="0">
                        <a:solidFill>
                          <a:schemeClr val="tx1"/>
                        </a:solidFill>
                        <a:latin typeface="ＭＳ ゴシック" panose="020B0609070205080204" pitchFamily="49" charset="-128"/>
                        <a:ea typeface="ＭＳ ゴシック" panose="020B0609070205080204" pitchFamily="49" charset="-128"/>
                      </a:endParaRPr>
                    </a:p>
                    <a:p>
                      <a:pPr marL="0" indent="0">
                        <a:lnSpc>
                          <a:spcPct val="100000"/>
                        </a:lnSpc>
                        <a:buFont typeface="Wingdings" panose="05000000000000000000" pitchFamily="2" charset="2"/>
                        <a:buNone/>
                      </a:pPr>
                      <a:r>
                        <a:rPr kumimoji="1" lang="ja-JP" altLang="en-US" sz="1500" u="none" baseline="0" dirty="0">
                          <a:solidFill>
                            <a:schemeClr val="tx1"/>
                          </a:solidFill>
                          <a:latin typeface="ＭＳ ゴシック" panose="020B0609070205080204" pitchFamily="49" charset="-128"/>
                          <a:ea typeface="ＭＳ ゴシック" panose="020B0609070205080204" pitchFamily="49" charset="-128"/>
                        </a:rPr>
                        <a:t>・</a:t>
                      </a:r>
                      <a:r>
                        <a:rPr kumimoji="1" lang="ja-JP" altLang="en-US" sz="1500" u="sng" dirty="0">
                          <a:solidFill>
                            <a:schemeClr val="tx1"/>
                          </a:solidFill>
                          <a:latin typeface="Century" panose="02040604050505020304" pitchFamily="18" charset="0"/>
                          <a:ea typeface="ＭＳ ゴシック" panose="020B0609070205080204" pitchFamily="49" charset="-128"/>
                        </a:rPr>
                        <a:t>道路陥没</a:t>
                      </a:r>
                      <a:r>
                        <a:rPr kumimoji="1" lang="en-US" altLang="ja-JP" sz="1500" u="sng" dirty="0">
                          <a:solidFill>
                            <a:schemeClr val="tx1"/>
                          </a:solidFill>
                          <a:latin typeface="Century" panose="02040604050505020304" pitchFamily="18" charset="0"/>
                          <a:ea typeface="ＭＳ ゴシック" panose="020B0609070205080204" pitchFamily="49" charset="-128"/>
                        </a:rPr>
                        <a:t>:</a:t>
                      </a:r>
                      <a:r>
                        <a:rPr kumimoji="1" lang="ja-JP" altLang="en-US" sz="1500" u="sng" dirty="0">
                          <a:solidFill>
                            <a:schemeClr val="tx1"/>
                          </a:solidFill>
                          <a:latin typeface="Century" panose="02040604050505020304" pitchFamily="18" charset="0"/>
                          <a:ea typeface="ＭＳ ゴシック" panose="020B0609070205080204" pitchFamily="49" charset="-128"/>
                        </a:rPr>
                        <a:t> 年間 </a:t>
                      </a:r>
                      <a:r>
                        <a:rPr kumimoji="1" lang="en-US" altLang="ja-JP" sz="1500" u="sng" dirty="0">
                          <a:solidFill>
                            <a:schemeClr val="tx1"/>
                          </a:solidFill>
                          <a:latin typeface="Century" panose="02040604050505020304" pitchFamily="18" charset="0"/>
                          <a:ea typeface="ＭＳ ゴシック" panose="020B0609070205080204" pitchFamily="49" charset="-128"/>
                        </a:rPr>
                        <a:t>265</a:t>
                      </a:r>
                      <a:r>
                        <a:rPr kumimoji="1" lang="ja-JP" altLang="en-US" sz="1500" u="sng" baseline="0" dirty="0">
                          <a:solidFill>
                            <a:schemeClr val="tx1"/>
                          </a:solidFill>
                          <a:latin typeface="Century" panose="02040604050505020304" pitchFamily="18" charset="0"/>
                          <a:ea typeface="ＭＳ ゴシック" panose="020B0609070205080204" pitchFamily="49" charset="-128"/>
                        </a:rPr>
                        <a:t> </a:t>
                      </a:r>
                      <a:r>
                        <a:rPr kumimoji="1" lang="ja-JP" altLang="en-US" sz="1500" u="sng" dirty="0">
                          <a:solidFill>
                            <a:schemeClr val="tx1"/>
                          </a:solidFill>
                          <a:latin typeface="Century" panose="02040604050505020304" pitchFamily="18" charset="0"/>
                          <a:ea typeface="ＭＳ ゴシック" panose="020B0609070205080204" pitchFamily="49" charset="-128"/>
                        </a:rPr>
                        <a:t>件以内（</a:t>
                      </a:r>
                      <a:r>
                        <a:rPr kumimoji="1" lang="en-US" altLang="ja-JP" sz="1500" u="sng" dirty="0">
                          <a:solidFill>
                            <a:schemeClr val="tx1"/>
                          </a:solidFill>
                          <a:latin typeface="Century" panose="02040604050505020304" pitchFamily="18" charset="0"/>
                          <a:ea typeface="ＭＳ ゴシック" panose="020B0609070205080204" pitchFamily="49" charset="-128"/>
                        </a:rPr>
                        <a:t>133</a:t>
                      </a:r>
                      <a:r>
                        <a:rPr kumimoji="1" lang="ja-JP" altLang="en-US" sz="1500" u="sng" dirty="0">
                          <a:solidFill>
                            <a:schemeClr val="tx1"/>
                          </a:solidFill>
                          <a:latin typeface="Century" panose="02040604050505020304" pitchFamily="18" charset="0"/>
                          <a:ea typeface="ＭＳ ゴシック" panose="020B0609070205080204" pitchFamily="49" charset="-128"/>
                        </a:rPr>
                        <a:t>件）　</a:t>
                      </a:r>
                      <a:endParaRPr kumimoji="1" lang="en-US" altLang="ja-JP" sz="1500" u="sng" dirty="0">
                        <a:solidFill>
                          <a:schemeClr val="tx1"/>
                        </a:solidFill>
                        <a:latin typeface="Century" panose="02040604050505020304" pitchFamily="18" charset="0"/>
                        <a:ea typeface="ＭＳ ゴシック" panose="020B0609070205080204" pitchFamily="49" charset="-128"/>
                      </a:endParaRPr>
                    </a:p>
                    <a:p>
                      <a:pPr marL="0" indent="0">
                        <a:lnSpc>
                          <a:spcPct val="100000"/>
                        </a:lnSpc>
                        <a:buFont typeface="Wingdings" panose="05000000000000000000" pitchFamily="2" charset="2"/>
                        <a:buNone/>
                      </a:pPr>
                      <a:r>
                        <a:rPr kumimoji="1" lang="ja-JP" altLang="en-US" sz="1500" dirty="0">
                          <a:solidFill>
                            <a:schemeClr val="tx1"/>
                          </a:solidFill>
                          <a:latin typeface="Century" panose="02040604050505020304" pitchFamily="18" charset="0"/>
                          <a:ea typeface="ＭＳ ゴシック" panose="020B0609070205080204" pitchFamily="49" charset="-128"/>
                        </a:rPr>
                        <a:t>・</a:t>
                      </a:r>
                      <a:r>
                        <a:rPr kumimoji="1" lang="ja-JP" altLang="en-US" sz="1500" u="sng" dirty="0">
                          <a:solidFill>
                            <a:schemeClr val="tx1"/>
                          </a:solidFill>
                          <a:latin typeface="Century" panose="02040604050505020304" pitchFamily="18" charset="0"/>
                          <a:ea typeface="ＭＳ ゴシック" panose="020B0609070205080204" pitchFamily="49" charset="-128"/>
                        </a:rPr>
                        <a:t>下水つまり</a:t>
                      </a:r>
                      <a:r>
                        <a:rPr kumimoji="1" lang="en-US" altLang="ja-JP" sz="1500" u="sng" dirty="0">
                          <a:solidFill>
                            <a:schemeClr val="tx1"/>
                          </a:solidFill>
                          <a:latin typeface="Century" panose="02040604050505020304" pitchFamily="18" charset="0"/>
                          <a:ea typeface="ＭＳ ゴシック" panose="020B0609070205080204" pitchFamily="49" charset="-128"/>
                        </a:rPr>
                        <a:t>:</a:t>
                      </a:r>
                      <a:r>
                        <a:rPr kumimoji="1" lang="ja-JP" altLang="en-US" sz="1500" u="sng" dirty="0">
                          <a:solidFill>
                            <a:schemeClr val="tx1"/>
                          </a:solidFill>
                          <a:latin typeface="Century" panose="02040604050505020304" pitchFamily="18" charset="0"/>
                          <a:ea typeface="ＭＳ ゴシック" panose="020B0609070205080204" pitchFamily="49" charset="-128"/>
                        </a:rPr>
                        <a:t> 年間 </a:t>
                      </a:r>
                      <a:r>
                        <a:rPr kumimoji="1" lang="en-US" altLang="ja-JP" sz="1500" u="sng" dirty="0">
                          <a:solidFill>
                            <a:schemeClr val="tx1"/>
                          </a:solidFill>
                          <a:latin typeface="Century" panose="02040604050505020304" pitchFamily="18" charset="0"/>
                          <a:ea typeface="ＭＳ ゴシック" panose="020B0609070205080204" pitchFamily="49" charset="-128"/>
                        </a:rPr>
                        <a:t>935 </a:t>
                      </a:r>
                      <a:r>
                        <a:rPr kumimoji="1" lang="ja-JP" altLang="en-US" sz="1500" u="sng" dirty="0">
                          <a:solidFill>
                            <a:schemeClr val="tx1"/>
                          </a:solidFill>
                          <a:latin typeface="Century" panose="02040604050505020304" pitchFamily="18" charset="0"/>
                          <a:ea typeface="ＭＳ ゴシック" panose="020B0609070205080204" pitchFamily="49" charset="-128"/>
                        </a:rPr>
                        <a:t>件以内（</a:t>
                      </a:r>
                      <a:r>
                        <a:rPr kumimoji="1" lang="en-US" altLang="ja-JP" sz="1500" u="sng" dirty="0">
                          <a:solidFill>
                            <a:schemeClr val="tx1"/>
                          </a:solidFill>
                          <a:latin typeface="Century" panose="02040604050505020304" pitchFamily="18" charset="0"/>
                          <a:ea typeface="ＭＳ ゴシック" panose="020B0609070205080204" pitchFamily="49" charset="-128"/>
                        </a:rPr>
                        <a:t>468</a:t>
                      </a:r>
                      <a:r>
                        <a:rPr kumimoji="1" lang="ja-JP" altLang="en-US" sz="1500" u="sng" dirty="0">
                          <a:solidFill>
                            <a:schemeClr val="tx1"/>
                          </a:solidFill>
                          <a:latin typeface="Century" panose="02040604050505020304" pitchFamily="18" charset="0"/>
                          <a:ea typeface="ＭＳ ゴシック" panose="020B0609070205080204" pitchFamily="49" charset="-128"/>
                        </a:rPr>
                        <a:t>件）</a:t>
                      </a:r>
                      <a:r>
                        <a:rPr kumimoji="1" lang="en-US" altLang="ja-JP" sz="1200" u="sng" dirty="0">
                          <a:solidFill>
                            <a:schemeClr val="tx1"/>
                          </a:solidFill>
                          <a:latin typeface="Century" panose="02040604050505020304" pitchFamily="18" charset="0"/>
                          <a:ea typeface="ＭＳ ゴシック" panose="020B0609070205080204" pitchFamily="49" charset="-128"/>
                        </a:rPr>
                        <a:t>   </a:t>
                      </a:r>
                    </a:p>
                    <a:p>
                      <a:pPr marL="0" indent="0">
                        <a:lnSpc>
                          <a:spcPct val="100000"/>
                        </a:lnSpc>
                        <a:buFont typeface="Wingdings" panose="05000000000000000000" pitchFamily="2" charset="2"/>
                        <a:buNone/>
                      </a:pPr>
                      <a:endParaRPr kumimoji="1" lang="en-US" altLang="ja-JP" sz="1200" u="sng" dirty="0">
                        <a:solidFill>
                          <a:schemeClr val="tx1"/>
                        </a:solidFill>
                        <a:latin typeface="Century" panose="02040604050505020304" pitchFamily="18" charset="0"/>
                        <a:ea typeface="ＭＳ ゴシック" panose="020B0609070205080204" pitchFamily="49" charset="-128"/>
                      </a:endParaRPr>
                    </a:p>
                    <a:p>
                      <a:pPr marL="285750" indent="-285750">
                        <a:lnSpc>
                          <a:spcPct val="100000"/>
                        </a:lnSpc>
                        <a:buFont typeface="Wingdings" panose="05000000000000000000" pitchFamily="2" charset="2"/>
                        <a:buChar char="Ø"/>
                      </a:pPr>
                      <a:r>
                        <a:rPr kumimoji="1" lang="ja-JP" altLang="en-US" sz="1500" dirty="0">
                          <a:solidFill>
                            <a:schemeClr val="tx1"/>
                          </a:solidFill>
                          <a:latin typeface="Century" panose="02040604050505020304" pitchFamily="18" charset="0"/>
                          <a:ea typeface="ＭＳ ゴシック" panose="020B0609070205080204" pitchFamily="49" charset="-128"/>
                        </a:rPr>
                        <a:t>開庁時間内における道路陥没、下水つまりの申告対応時間。 　</a:t>
                      </a:r>
                      <a:endParaRPr kumimoji="1" lang="en-US" altLang="ja-JP" sz="1500" dirty="0">
                        <a:solidFill>
                          <a:schemeClr val="tx1"/>
                        </a:solidFill>
                        <a:latin typeface="Century" panose="02040604050505020304" pitchFamily="18" charset="0"/>
                        <a:ea typeface="ＭＳ ゴシック" panose="020B0609070205080204" pitchFamily="49" charset="-128"/>
                      </a:endParaRPr>
                    </a:p>
                    <a:p>
                      <a:pPr marL="0" marR="0" lvl="0" indent="0" algn="l"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500" dirty="0">
                          <a:solidFill>
                            <a:schemeClr val="tx1"/>
                          </a:solidFill>
                          <a:latin typeface="Century" panose="02040604050505020304" pitchFamily="18" charset="0"/>
                          <a:ea typeface="ＭＳ ゴシック" panose="020B0609070205080204" pitchFamily="49" charset="-128"/>
                        </a:rPr>
                        <a:t>・</a:t>
                      </a:r>
                      <a:r>
                        <a:rPr kumimoji="1" lang="ja-JP" altLang="en-US" sz="1500" u="sng" dirty="0">
                          <a:solidFill>
                            <a:schemeClr val="tx1"/>
                          </a:solidFill>
                          <a:latin typeface="Century" panose="02040604050505020304" pitchFamily="18" charset="0"/>
                          <a:ea typeface="ＭＳ ゴシック" panose="020B0609070205080204" pitchFamily="49" charset="-128"/>
                        </a:rPr>
                        <a:t>現場到着時間 ： </a:t>
                      </a:r>
                      <a:r>
                        <a:rPr kumimoji="1" lang="en-US" altLang="ja-JP" sz="1500" u="sng" dirty="0">
                          <a:solidFill>
                            <a:schemeClr val="tx1"/>
                          </a:solidFill>
                          <a:latin typeface="Century" panose="02040604050505020304" pitchFamily="18" charset="0"/>
                          <a:ea typeface="ＭＳ ゴシック" panose="020B0609070205080204" pitchFamily="49" charset="-128"/>
                        </a:rPr>
                        <a:t>2</a:t>
                      </a:r>
                      <a:r>
                        <a:rPr kumimoji="1" lang="ja-JP" altLang="en-US" sz="1500" u="sng" dirty="0">
                          <a:solidFill>
                            <a:schemeClr val="tx1"/>
                          </a:solidFill>
                          <a:latin typeface="Century" panose="02040604050505020304" pitchFamily="18" charset="0"/>
                          <a:ea typeface="ＭＳ ゴシック" panose="020B0609070205080204" pitchFamily="49" charset="-128"/>
                        </a:rPr>
                        <a:t>時間</a:t>
                      </a:r>
                      <a:r>
                        <a:rPr kumimoji="1" lang="en-US" altLang="ja-JP" sz="1500" u="sng" dirty="0">
                          <a:solidFill>
                            <a:schemeClr val="tx1"/>
                          </a:solidFill>
                          <a:latin typeface="Century" panose="02040604050505020304" pitchFamily="18" charset="0"/>
                          <a:ea typeface="ＭＳ ゴシック" panose="020B0609070205080204" pitchFamily="49" charset="-128"/>
                        </a:rPr>
                        <a:t>45</a:t>
                      </a:r>
                      <a:r>
                        <a:rPr kumimoji="1" lang="ja-JP" altLang="en-US" sz="1500" u="sng" dirty="0">
                          <a:solidFill>
                            <a:schemeClr val="tx1"/>
                          </a:solidFill>
                          <a:latin typeface="Century" panose="02040604050505020304" pitchFamily="18" charset="0"/>
                          <a:ea typeface="ＭＳ ゴシック" panose="020B0609070205080204" pitchFamily="49" charset="-128"/>
                        </a:rPr>
                        <a:t>分以内</a:t>
                      </a:r>
                      <a:endParaRPr kumimoji="1" lang="en-US" altLang="ja-JP" sz="1300" u="sng" dirty="0">
                        <a:solidFill>
                          <a:schemeClr val="tx1"/>
                        </a:solidFill>
                        <a:latin typeface="Century" panose="02040604050505020304" pitchFamily="18" charset="0"/>
                        <a:ea typeface="ＭＳ ゴシック" panose="020B0609070205080204" pitchFamily="49" charset="-128"/>
                      </a:endParaRP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l"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1" lang="en-US" altLang="ja-JP" sz="1500" u="none" dirty="0">
                        <a:solidFill>
                          <a:schemeClr val="tx1"/>
                        </a:solidFill>
                        <a:latin typeface="Century" panose="02040604050505020304" pitchFamily="18" charset="0"/>
                        <a:ea typeface="ＭＳ ゴシック" panose="020B0609070205080204" pitchFamily="49" charset="-128"/>
                      </a:endParaRPr>
                    </a:p>
                    <a:p>
                      <a:pPr marL="0" marR="0" lvl="0" indent="0" algn="l"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500" u="none" dirty="0">
                          <a:solidFill>
                            <a:schemeClr val="tx1"/>
                          </a:solidFill>
                          <a:latin typeface="Century" panose="02040604050505020304" pitchFamily="18" charset="0"/>
                          <a:ea typeface="ＭＳ ゴシック" panose="020B0609070205080204" pitchFamily="49" charset="-128"/>
                        </a:rPr>
                        <a:t>道路陥没　：</a:t>
                      </a:r>
                      <a:r>
                        <a:rPr kumimoji="1" lang="en-US" altLang="ja-JP" sz="1500" u="none" dirty="0">
                          <a:solidFill>
                            <a:schemeClr val="tx1"/>
                          </a:solidFill>
                          <a:latin typeface="Century" panose="02040604050505020304" pitchFamily="18" charset="0"/>
                          <a:ea typeface="ＭＳ ゴシック" panose="020B0609070205080204" pitchFamily="49" charset="-128"/>
                        </a:rPr>
                        <a:t> </a:t>
                      </a:r>
                      <a:r>
                        <a:rPr kumimoji="1" lang="en-US" altLang="ja-JP" sz="1500" u="sng" dirty="0">
                          <a:solidFill>
                            <a:schemeClr val="tx1"/>
                          </a:solidFill>
                          <a:latin typeface="Century" panose="02040604050505020304" pitchFamily="18" charset="0"/>
                          <a:ea typeface="ＭＳ ゴシック" panose="020B0609070205080204" pitchFamily="49" charset="-128"/>
                        </a:rPr>
                        <a:t>103</a:t>
                      </a:r>
                      <a:r>
                        <a:rPr kumimoji="1" lang="ja-JP" altLang="en-US" sz="1500" u="sng" dirty="0">
                          <a:solidFill>
                            <a:schemeClr val="tx1"/>
                          </a:solidFill>
                          <a:latin typeface="Century" panose="02040604050505020304" pitchFamily="18" charset="0"/>
                          <a:ea typeface="ＭＳ ゴシック" panose="020B0609070205080204" pitchFamily="49" charset="-128"/>
                        </a:rPr>
                        <a:t>件（</a:t>
                      </a:r>
                      <a:r>
                        <a:rPr kumimoji="1" lang="en-US" altLang="ja-JP" sz="1500" u="sng" dirty="0">
                          <a:solidFill>
                            <a:schemeClr val="tx1"/>
                          </a:solidFill>
                          <a:latin typeface="Century" panose="02040604050505020304" pitchFamily="18" charset="0"/>
                          <a:ea typeface="ＭＳ ゴシック" panose="020B0609070205080204" pitchFamily="49" charset="-128"/>
                        </a:rPr>
                        <a:t>77</a:t>
                      </a:r>
                      <a:r>
                        <a:rPr kumimoji="1" lang="ja-JP" altLang="en-US" sz="1500" u="sng" dirty="0">
                          <a:solidFill>
                            <a:schemeClr val="tx1"/>
                          </a:solidFill>
                          <a:latin typeface="Century" panose="02040604050505020304" pitchFamily="18" charset="0"/>
                          <a:ea typeface="ＭＳ ゴシック" panose="020B0609070205080204" pitchFamily="49" charset="-128"/>
                        </a:rPr>
                        <a:t>％）</a:t>
                      </a:r>
                      <a:endParaRPr kumimoji="1" lang="en-US" altLang="ja-JP" sz="1500" u="sng" dirty="0">
                        <a:solidFill>
                          <a:schemeClr val="tx1"/>
                        </a:solidFill>
                        <a:latin typeface="Century" panose="02040604050505020304" pitchFamily="18" charset="0"/>
                        <a:ea typeface="ＭＳ ゴシック" panose="020B0609070205080204" pitchFamily="49" charset="-128"/>
                      </a:endParaRPr>
                    </a:p>
                    <a:p>
                      <a:pPr marL="0" marR="0" lvl="0" indent="0" algn="l"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500" u="none" dirty="0">
                          <a:solidFill>
                            <a:schemeClr val="tx1"/>
                          </a:solidFill>
                          <a:latin typeface="Century" panose="02040604050505020304" pitchFamily="18" charset="0"/>
                          <a:ea typeface="ＭＳ ゴシック" panose="020B0609070205080204" pitchFamily="49" charset="-128"/>
                        </a:rPr>
                        <a:t>下水つまり： </a:t>
                      </a:r>
                      <a:r>
                        <a:rPr kumimoji="1" lang="en-US" altLang="ja-JP" sz="1500" u="sng" dirty="0">
                          <a:solidFill>
                            <a:schemeClr val="tx1"/>
                          </a:solidFill>
                          <a:latin typeface="Century" panose="02040604050505020304" pitchFamily="18" charset="0"/>
                          <a:ea typeface="ＭＳ ゴシック" panose="020B0609070205080204" pitchFamily="49" charset="-128"/>
                        </a:rPr>
                        <a:t>187</a:t>
                      </a:r>
                      <a:r>
                        <a:rPr kumimoji="1" lang="ja-JP" altLang="en-US" sz="1500" u="sng" dirty="0">
                          <a:solidFill>
                            <a:schemeClr val="tx1"/>
                          </a:solidFill>
                          <a:latin typeface="Century" panose="02040604050505020304" pitchFamily="18" charset="0"/>
                          <a:ea typeface="ＭＳ ゴシック" panose="020B0609070205080204" pitchFamily="49" charset="-128"/>
                        </a:rPr>
                        <a:t>件（</a:t>
                      </a:r>
                      <a:r>
                        <a:rPr kumimoji="1" lang="en-US" altLang="ja-JP" sz="1500" u="sng" dirty="0">
                          <a:solidFill>
                            <a:schemeClr val="tx1"/>
                          </a:solidFill>
                          <a:latin typeface="Century" panose="02040604050505020304" pitchFamily="18" charset="0"/>
                          <a:ea typeface="ＭＳ ゴシック" panose="020B0609070205080204" pitchFamily="49" charset="-128"/>
                        </a:rPr>
                        <a:t>40</a:t>
                      </a:r>
                      <a:r>
                        <a:rPr kumimoji="1" lang="ja-JP" altLang="en-US" sz="1500" u="sng" dirty="0">
                          <a:solidFill>
                            <a:schemeClr val="tx1"/>
                          </a:solidFill>
                          <a:latin typeface="Century" panose="02040604050505020304" pitchFamily="18" charset="0"/>
                          <a:ea typeface="ＭＳ ゴシック" panose="020B0609070205080204" pitchFamily="49" charset="-128"/>
                        </a:rPr>
                        <a:t>％）</a:t>
                      </a:r>
                      <a:r>
                        <a:rPr kumimoji="1" lang="ja-JP" altLang="en-US" sz="1500" u="none" dirty="0">
                          <a:solidFill>
                            <a:schemeClr val="tx1"/>
                          </a:solidFill>
                          <a:latin typeface="Century" panose="02040604050505020304" pitchFamily="18" charset="0"/>
                          <a:ea typeface="ＭＳ ゴシック" panose="020B0609070205080204" pitchFamily="49" charset="-128"/>
                        </a:rPr>
                        <a:t>　</a:t>
                      </a:r>
                      <a:endParaRPr kumimoji="1" lang="en-US" altLang="ja-JP" sz="1500" u="none" dirty="0">
                        <a:solidFill>
                          <a:schemeClr val="tx1"/>
                        </a:solidFill>
                        <a:latin typeface="Century" panose="02040604050505020304" pitchFamily="18" charset="0"/>
                        <a:ea typeface="ＭＳ ゴシック" panose="020B0609070205080204" pitchFamily="49" charset="-128"/>
                      </a:endParaRPr>
                    </a:p>
                    <a:p>
                      <a:pPr marL="0" marR="0" lvl="0" indent="0" algn="l"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1" lang="en-US" altLang="ja-JP" sz="1500" u="none" dirty="0">
                        <a:solidFill>
                          <a:schemeClr val="tx1"/>
                        </a:solidFill>
                        <a:latin typeface="Century" panose="02040604050505020304" pitchFamily="18" charset="0"/>
                        <a:ea typeface="ＭＳ ゴシック" panose="020B0609070205080204" pitchFamily="49" charset="-128"/>
                      </a:endParaRPr>
                    </a:p>
                    <a:p>
                      <a:pPr marL="0" marR="0" lvl="0" indent="0" algn="l"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500" u="none" dirty="0">
                          <a:solidFill>
                            <a:schemeClr val="tx1"/>
                          </a:solidFill>
                          <a:latin typeface="Century" panose="02040604050505020304" pitchFamily="18" charset="0"/>
                          <a:ea typeface="ＭＳ ゴシック" panose="020B0609070205080204" pitchFamily="49" charset="-128"/>
                        </a:rPr>
                        <a:t>現場到着件数：全件超過なし</a:t>
                      </a:r>
                      <a:endParaRPr kumimoji="1" lang="en-US" altLang="ja-JP" sz="1500" u="none" dirty="0">
                        <a:solidFill>
                          <a:schemeClr val="tx1"/>
                        </a:solidFill>
                        <a:latin typeface="Century" panose="02040604050505020304" pitchFamily="18" charset="0"/>
                        <a:ea typeface="ＭＳ ゴシック" panose="020B0609070205080204" pitchFamily="49" charset="-128"/>
                      </a:endParaRPr>
                    </a:p>
                    <a:p>
                      <a:pPr marL="0" marR="0" lvl="0" indent="0" algn="l"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500" u="none" dirty="0">
                          <a:solidFill>
                            <a:schemeClr val="tx1"/>
                          </a:solidFill>
                          <a:latin typeface="Century" panose="02040604050505020304" pitchFamily="18" charset="0"/>
                          <a:ea typeface="ＭＳ ゴシック" panose="020B0609070205080204" pitchFamily="49" charset="-128"/>
                        </a:rPr>
                        <a:t>→発生　</a:t>
                      </a:r>
                      <a:r>
                        <a:rPr kumimoji="1" lang="en-US" altLang="ja-JP" sz="1500" u="sng" dirty="0">
                          <a:solidFill>
                            <a:schemeClr val="tx1"/>
                          </a:solidFill>
                          <a:latin typeface="Century" panose="02040604050505020304" pitchFamily="18" charset="0"/>
                          <a:ea typeface="ＭＳ ゴシック" panose="020B0609070205080204" pitchFamily="49" charset="-128"/>
                        </a:rPr>
                        <a:t>290</a:t>
                      </a:r>
                      <a:r>
                        <a:rPr kumimoji="1" lang="ja-JP" altLang="en-US" sz="1500" u="sng" dirty="0">
                          <a:solidFill>
                            <a:schemeClr val="tx1"/>
                          </a:solidFill>
                          <a:latin typeface="Century" panose="02040604050505020304" pitchFamily="18" charset="0"/>
                          <a:ea typeface="ＭＳ ゴシック" panose="020B0609070205080204" pitchFamily="49" charset="-128"/>
                        </a:rPr>
                        <a:t>件</a:t>
                      </a:r>
                      <a:endParaRPr kumimoji="1" lang="en-US" altLang="ja-JP" sz="1500" u="sng" dirty="0">
                        <a:solidFill>
                          <a:schemeClr val="tx1"/>
                        </a:solidFill>
                        <a:latin typeface="Century" panose="02040604050505020304" pitchFamily="18" charset="0"/>
                        <a:ea typeface="ＭＳ ゴシック" panose="020B0609070205080204" pitchFamily="49" charset="-128"/>
                      </a:endParaRPr>
                    </a:p>
                    <a:p>
                      <a:pPr marL="0" marR="0" lvl="0" indent="0" algn="l"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500" u="none" dirty="0">
                          <a:solidFill>
                            <a:schemeClr val="tx1"/>
                          </a:solidFill>
                          <a:latin typeface="Century" panose="02040604050505020304" pitchFamily="18" charset="0"/>
                          <a:ea typeface="ＭＳ ゴシック" panose="020B0609070205080204" pitchFamily="49" charset="-128"/>
                        </a:rPr>
                        <a:t>→最遅到達時間   </a:t>
                      </a:r>
                      <a:r>
                        <a:rPr kumimoji="1" lang="en-US" altLang="ja-JP" sz="1500" u="sng" dirty="0">
                          <a:solidFill>
                            <a:schemeClr val="tx1"/>
                          </a:solidFill>
                          <a:latin typeface="Century" panose="02040604050505020304" pitchFamily="18" charset="0"/>
                          <a:ea typeface="ＭＳ ゴシック" panose="020B0609070205080204" pitchFamily="49" charset="-128"/>
                        </a:rPr>
                        <a:t>2</a:t>
                      </a:r>
                      <a:r>
                        <a:rPr kumimoji="1" lang="ja-JP" altLang="en-US" sz="1500" u="sng" dirty="0">
                          <a:solidFill>
                            <a:schemeClr val="tx1"/>
                          </a:solidFill>
                          <a:latin typeface="Century" panose="02040604050505020304" pitchFamily="18" charset="0"/>
                          <a:ea typeface="ＭＳ ゴシック" panose="020B0609070205080204" pitchFamily="49" charset="-128"/>
                        </a:rPr>
                        <a:t>時間</a:t>
                      </a:r>
                      <a:r>
                        <a:rPr kumimoji="1" lang="en-US" altLang="ja-JP" sz="1500" u="sng" dirty="0">
                          <a:solidFill>
                            <a:schemeClr val="tx1"/>
                          </a:solidFill>
                          <a:latin typeface="Century" panose="02040604050505020304" pitchFamily="18" charset="0"/>
                          <a:ea typeface="ＭＳ ゴシック" panose="020B0609070205080204" pitchFamily="49" charset="-128"/>
                        </a:rPr>
                        <a:t>00</a:t>
                      </a:r>
                      <a:r>
                        <a:rPr kumimoji="1" lang="ja-JP" altLang="en-US" sz="1500" u="sng" dirty="0">
                          <a:solidFill>
                            <a:schemeClr val="tx1"/>
                          </a:solidFill>
                          <a:latin typeface="Century" panose="02040604050505020304" pitchFamily="18" charset="0"/>
                          <a:ea typeface="ＭＳ ゴシック" panose="020B0609070205080204" pitchFamily="49" charset="-128"/>
                        </a:rPr>
                        <a:t>分</a:t>
                      </a:r>
                      <a:endParaRPr kumimoji="1" lang="en-US" altLang="ja-JP" sz="1500" u="sng" dirty="0">
                        <a:solidFill>
                          <a:schemeClr val="tx1"/>
                        </a:solidFill>
                        <a:latin typeface="Century" panose="02040604050505020304" pitchFamily="18" charset="0"/>
                        <a:ea typeface="ＭＳ ゴシック" panose="020B0609070205080204" pitchFamily="49" charset="-128"/>
                      </a:endParaRP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500" u="none" dirty="0">
                          <a:solidFill>
                            <a:schemeClr val="tx1"/>
                          </a:solidFill>
                          <a:latin typeface="Century" panose="02040604050505020304" pitchFamily="18" charset="0"/>
                          <a:ea typeface="ＭＳ ゴシック" panose="020B0609070205080204" pitchFamily="49" charset="-128"/>
                        </a:rPr>
                        <a:t>〇</a:t>
                      </a:r>
                      <a:endParaRPr kumimoji="1" lang="en-US" altLang="ja-JP" sz="1500" u="none" dirty="0">
                        <a:solidFill>
                          <a:schemeClr val="tx1"/>
                        </a:solidFill>
                        <a:latin typeface="Century" panose="02040604050505020304" pitchFamily="18" charset="0"/>
                        <a:ea typeface="ＭＳ ゴシック" panose="020B0609070205080204" pitchFamily="49" charset="-128"/>
                      </a:endParaRP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658434449"/>
                  </a:ext>
                </a:extLst>
              </a:tr>
              <a:tr h="482728">
                <a:tc rowSpan="3">
                  <a:txBody>
                    <a:bodyPr/>
                    <a:lstStyle/>
                    <a:p>
                      <a:pPr algn="ctr"/>
                      <a:r>
                        <a:rPr kumimoji="1" lang="ja-JP" altLang="en-US" sz="1500" b="1" dirty="0">
                          <a:solidFill>
                            <a:schemeClr val="tx1"/>
                          </a:solidFill>
                          <a:latin typeface="ＭＳ ゴシック" panose="020B0609070205080204" pitchFamily="49" charset="-128"/>
                          <a:ea typeface="ＭＳ ゴシック" panose="020B0609070205080204" pitchFamily="49" charset="-128"/>
                        </a:rPr>
                        <a:t>下水処理場・抽水所</a:t>
                      </a:r>
                    </a:p>
                  </a:txBody>
                  <a:tcPr marL="98529" marR="98529" marT="49264" marB="49264" vert="eaVert"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lnSpc>
                          <a:spcPct val="100000"/>
                        </a:lnSpc>
                      </a:pPr>
                      <a:r>
                        <a:rPr kumimoji="1" lang="ja-JP" altLang="en-US" sz="1500" b="1" dirty="0">
                          <a:solidFill>
                            <a:schemeClr val="tx1"/>
                          </a:solidFill>
                          <a:latin typeface="ＭＳ ゴシック" panose="020B0609070205080204" pitchFamily="49" charset="-128"/>
                          <a:ea typeface="ＭＳ ゴシック" panose="020B0609070205080204" pitchFamily="49" charset="-128"/>
                        </a:rPr>
                        <a:t>ポンプ運転</a:t>
                      </a:r>
                    </a:p>
                  </a:txBody>
                  <a:tcPr marL="98529" marR="98529" marT="49264" marB="49264"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marL="285750" indent="-285750">
                        <a:lnSpc>
                          <a:spcPct val="100000"/>
                        </a:lnSpc>
                        <a:buFont typeface="Wingdings" panose="05000000000000000000" pitchFamily="2" charset="2"/>
                        <a:buChar char="Ø"/>
                      </a:pPr>
                      <a:r>
                        <a:rPr kumimoji="1" lang="ja-JP" altLang="en-US" sz="1500" dirty="0">
                          <a:solidFill>
                            <a:schemeClr val="tx1"/>
                          </a:solidFill>
                          <a:latin typeface="ＭＳ ゴシック" panose="020B0609070205080204" pitchFamily="49" charset="-128"/>
                          <a:ea typeface="ＭＳ ゴシック" panose="020B0609070205080204" pitchFamily="49" charset="-128"/>
                        </a:rPr>
                        <a:t>「危険水位」を超過しない。</a:t>
                      </a: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indent="0" algn="ctr">
                        <a:lnSpc>
                          <a:spcPct val="100000"/>
                        </a:lnSpc>
                        <a:buFont typeface="Wingdings" panose="05000000000000000000" pitchFamily="2" charset="2"/>
                        <a:buNone/>
                      </a:pPr>
                      <a:r>
                        <a:rPr kumimoji="1" lang="ja-JP" altLang="en-US" sz="1500" dirty="0">
                          <a:solidFill>
                            <a:schemeClr val="tx1"/>
                          </a:solidFill>
                          <a:latin typeface="ＭＳ ゴシック" panose="020B0609070205080204" pitchFamily="49" charset="-128"/>
                          <a:ea typeface="ＭＳ ゴシック" panose="020B0609070205080204" pitchFamily="49" charset="-128"/>
                        </a:rPr>
                        <a:t>１回</a:t>
                      </a:r>
                      <a:endParaRPr kumimoji="1" lang="ja-JP" altLang="en-US" sz="1500" u="none" dirty="0">
                        <a:solidFill>
                          <a:schemeClr val="tx1"/>
                        </a:solidFill>
                        <a:latin typeface="Century" panose="02040604050505020304" pitchFamily="18" charset="0"/>
                        <a:ea typeface="ＭＳ ゴシック" panose="020B0609070205080204" pitchFamily="49" charset="-128"/>
                      </a:endParaRP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indent="0" algn="ctr">
                        <a:lnSpc>
                          <a:spcPct val="100000"/>
                        </a:lnSpc>
                        <a:buFont typeface="Wingdings" panose="05000000000000000000" pitchFamily="2" charset="2"/>
                        <a:buNone/>
                      </a:pPr>
                      <a:r>
                        <a:rPr kumimoji="1" lang="en-US" altLang="ja-JP" sz="1500" dirty="0">
                          <a:solidFill>
                            <a:schemeClr val="tx1"/>
                          </a:solidFill>
                          <a:latin typeface="ＭＳ ゴシック" panose="020B0609070205080204" pitchFamily="49" charset="-128"/>
                          <a:ea typeface="ＭＳ ゴシック" panose="020B0609070205080204" pitchFamily="49" charset="-128"/>
                        </a:rPr>
                        <a:t>×</a:t>
                      </a:r>
                      <a:endParaRPr kumimoji="1" lang="ja-JP" altLang="en-US" sz="1500" dirty="0">
                        <a:solidFill>
                          <a:schemeClr val="tx1"/>
                        </a:solidFill>
                        <a:latin typeface="ＭＳ ゴシック" panose="020B0609070205080204" pitchFamily="49" charset="-128"/>
                        <a:ea typeface="ＭＳ ゴシック" panose="020B0609070205080204" pitchFamily="49" charset="-128"/>
                      </a:endParaRP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635471355"/>
                  </a:ext>
                </a:extLst>
              </a:tr>
              <a:tr h="1489558">
                <a:tc vMerge="1">
                  <a:txBody>
                    <a:bodyPr/>
                    <a:lstStyle/>
                    <a:p>
                      <a:pPr algn="ctr"/>
                      <a:endParaRPr kumimoji="1" lang="ja-JP" altLang="en-US" sz="1400" b="1" dirty="0">
                        <a:solidFill>
                          <a:schemeClr val="tx1"/>
                        </a:solidFill>
                        <a:latin typeface="ＭＳ ゴシック" panose="020B0609070205080204" pitchFamily="49" charset="-128"/>
                        <a:ea typeface="ＭＳ ゴシック" panose="020B0609070205080204" pitchFamily="49" charset="-128"/>
                      </a:endParaRPr>
                    </a:p>
                  </a:txBody>
                  <a:tcPr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lnSpc>
                          <a:spcPct val="100000"/>
                        </a:lnSpc>
                      </a:pPr>
                      <a:r>
                        <a:rPr kumimoji="1" lang="ja-JP" altLang="en-US" sz="1500" b="1" dirty="0">
                          <a:solidFill>
                            <a:schemeClr val="tx1"/>
                          </a:solidFill>
                          <a:latin typeface="ＭＳ ゴシック" panose="020B0609070205080204" pitchFamily="49" charset="-128"/>
                          <a:ea typeface="ＭＳ ゴシック" panose="020B0609070205080204" pitchFamily="49" charset="-128"/>
                        </a:rPr>
                        <a:t>放流水質</a:t>
                      </a:r>
                    </a:p>
                  </a:txBody>
                  <a:tcPr marL="98529" marR="98529" marT="49264" marB="49264"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marL="285750" indent="-285750" algn="l">
                        <a:lnSpc>
                          <a:spcPct val="100000"/>
                        </a:lnSpc>
                        <a:buFont typeface="Wingdings" panose="05000000000000000000" pitchFamily="2" charset="2"/>
                        <a:buChar char="Ø"/>
                      </a:pPr>
                      <a:r>
                        <a:rPr kumimoji="1" lang="ja-JP" altLang="en-US" sz="1500" dirty="0">
                          <a:solidFill>
                            <a:schemeClr val="tx1"/>
                          </a:solidFill>
                          <a:latin typeface="ＭＳ ゴシック" panose="020B0609070205080204" pitchFamily="49" charset="-128"/>
                          <a:ea typeface="ＭＳ ゴシック" panose="020B0609070205080204" pitchFamily="49" charset="-128"/>
                        </a:rPr>
                        <a:t>混合水質試験の各回測定値が基準を超過しない。　</a:t>
                      </a:r>
                      <a:r>
                        <a:rPr kumimoji="1" lang="en-US" altLang="ja-JP" sz="1500" u="sng" dirty="0">
                          <a:solidFill>
                            <a:schemeClr val="tx1"/>
                          </a:solidFill>
                          <a:latin typeface="ＭＳ ゴシック" panose="020B0609070205080204" pitchFamily="49" charset="-128"/>
                          <a:ea typeface="ＭＳ ゴシック" panose="020B0609070205080204" pitchFamily="49" charset="-128"/>
                        </a:rPr>
                        <a:t>【</a:t>
                      </a:r>
                      <a:r>
                        <a:rPr kumimoji="1" lang="ja-JP" altLang="en-US" sz="1500" u="sng" dirty="0">
                          <a:solidFill>
                            <a:schemeClr val="tx1"/>
                          </a:solidFill>
                          <a:latin typeface="ＭＳ ゴシック" panose="020B0609070205080204" pitchFamily="49" charset="-128"/>
                          <a:ea typeface="ＭＳ ゴシック" panose="020B0609070205080204" pitchFamily="49" charset="-128"/>
                        </a:rPr>
                        <a:t>項目</a:t>
                      </a:r>
                      <a:r>
                        <a:rPr kumimoji="1" lang="en-US" altLang="ja-JP" sz="1500" u="sng" dirty="0">
                          <a:solidFill>
                            <a:schemeClr val="tx1"/>
                          </a:solidFill>
                          <a:latin typeface="ＭＳ ゴシック" panose="020B0609070205080204" pitchFamily="49" charset="-128"/>
                          <a:ea typeface="ＭＳ ゴシック" panose="020B0609070205080204" pitchFamily="49" charset="-128"/>
                        </a:rPr>
                        <a:t>】</a:t>
                      </a:r>
                      <a:r>
                        <a:rPr kumimoji="1" lang="en-US" altLang="ja-JP" sz="1500" u="sng" dirty="0">
                          <a:solidFill>
                            <a:schemeClr val="tx1"/>
                          </a:solidFill>
                          <a:latin typeface="Century" panose="02040604050505020304" pitchFamily="18" charset="0"/>
                          <a:ea typeface="ＭＳ ゴシック" panose="020B0609070205080204" pitchFamily="49" charset="-128"/>
                        </a:rPr>
                        <a:t>SS</a:t>
                      </a:r>
                      <a:r>
                        <a:rPr kumimoji="1" lang="ja-JP" altLang="en-US" sz="1500" u="sng" dirty="0">
                          <a:solidFill>
                            <a:schemeClr val="tx1"/>
                          </a:solidFill>
                          <a:latin typeface="Century" panose="02040604050505020304" pitchFamily="18" charset="0"/>
                          <a:ea typeface="ＭＳ ゴシック" panose="020B0609070205080204" pitchFamily="49" charset="-128"/>
                        </a:rPr>
                        <a:t>、</a:t>
                      </a:r>
                      <a:r>
                        <a:rPr kumimoji="1" lang="en-US" altLang="ja-JP" sz="1500" u="sng" dirty="0">
                          <a:solidFill>
                            <a:schemeClr val="tx1"/>
                          </a:solidFill>
                          <a:latin typeface="Century" panose="02040604050505020304" pitchFamily="18" charset="0"/>
                          <a:ea typeface="ＭＳ ゴシック" panose="020B0609070205080204" pitchFamily="49" charset="-128"/>
                        </a:rPr>
                        <a:t>BOD</a:t>
                      </a:r>
                    </a:p>
                    <a:p>
                      <a:pPr marL="285750" indent="-285750" algn="l">
                        <a:lnSpc>
                          <a:spcPct val="100000"/>
                        </a:lnSpc>
                        <a:buFont typeface="Wingdings" panose="05000000000000000000" pitchFamily="2" charset="2"/>
                        <a:buChar char="Ø"/>
                      </a:pPr>
                      <a:r>
                        <a:rPr kumimoji="1" lang="ja-JP" altLang="en-US" sz="1500" dirty="0">
                          <a:solidFill>
                            <a:schemeClr val="tx1"/>
                          </a:solidFill>
                          <a:latin typeface="Century" panose="02040604050505020304" pitchFamily="18" charset="0"/>
                          <a:ea typeface="ＭＳ ゴシック" panose="020B0609070205080204" pitchFamily="49" charset="-128"/>
                        </a:rPr>
                        <a:t>自動観測局における日間荷重平均値が基準を超過しない。</a:t>
                      </a:r>
                      <a:endParaRPr kumimoji="1" lang="en-US" altLang="ja-JP" sz="1500" dirty="0">
                        <a:solidFill>
                          <a:schemeClr val="tx1"/>
                        </a:solidFill>
                        <a:latin typeface="Century" panose="02040604050505020304" pitchFamily="18" charset="0"/>
                        <a:ea typeface="ＭＳ ゴシック" panose="020B0609070205080204" pitchFamily="49" charset="-128"/>
                      </a:endParaRPr>
                    </a:p>
                    <a:p>
                      <a:pPr marL="0" indent="0" algn="l">
                        <a:lnSpc>
                          <a:spcPct val="100000"/>
                        </a:lnSpc>
                        <a:buFont typeface="Wingdings" panose="05000000000000000000" pitchFamily="2" charset="2"/>
                        <a:buNone/>
                      </a:pPr>
                      <a:r>
                        <a:rPr kumimoji="1" lang="ja-JP" altLang="en-US" sz="1500" dirty="0">
                          <a:solidFill>
                            <a:schemeClr val="tx1"/>
                          </a:solidFill>
                          <a:latin typeface="ＭＳ ゴシック" panose="020B0609070205080204" pitchFamily="49" charset="-128"/>
                          <a:ea typeface="ＭＳ ゴシック" panose="020B0609070205080204" pitchFamily="49" charset="-128"/>
                        </a:rPr>
                        <a:t>　</a:t>
                      </a:r>
                      <a:r>
                        <a:rPr kumimoji="1" lang="en-US" altLang="ja-JP" sz="1500" u="sng" dirty="0">
                          <a:solidFill>
                            <a:schemeClr val="tx1"/>
                          </a:solidFill>
                          <a:latin typeface="ＭＳ ゴシック" panose="020B0609070205080204" pitchFamily="49" charset="-128"/>
                          <a:ea typeface="ＭＳ ゴシック" panose="020B0609070205080204" pitchFamily="49" charset="-128"/>
                        </a:rPr>
                        <a:t>【</a:t>
                      </a:r>
                      <a:r>
                        <a:rPr kumimoji="1" lang="ja-JP" altLang="en-US" sz="1500" u="sng" dirty="0">
                          <a:solidFill>
                            <a:schemeClr val="tx1"/>
                          </a:solidFill>
                          <a:latin typeface="ＭＳ ゴシック" panose="020B0609070205080204" pitchFamily="49" charset="-128"/>
                          <a:ea typeface="ＭＳ ゴシック" panose="020B0609070205080204" pitchFamily="49" charset="-128"/>
                        </a:rPr>
                        <a:t>項目</a:t>
                      </a:r>
                      <a:r>
                        <a:rPr kumimoji="1" lang="en-US" altLang="ja-JP" sz="1500" u="sng" dirty="0">
                          <a:solidFill>
                            <a:schemeClr val="tx1"/>
                          </a:solidFill>
                          <a:latin typeface="ＭＳ ゴシック" panose="020B0609070205080204" pitchFamily="49" charset="-128"/>
                          <a:ea typeface="ＭＳ ゴシック" panose="020B0609070205080204" pitchFamily="49" charset="-128"/>
                        </a:rPr>
                        <a:t>】</a:t>
                      </a:r>
                      <a:r>
                        <a:rPr kumimoji="1" lang="en-US" altLang="ja-JP" sz="1500" u="sng" dirty="0">
                          <a:solidFill>
                            <a:schemeClr val="tx1"/>
                          </a:solidFill>
                          <a:latin typeface="Century" panose="02040604050505020304" pitchFamily="18" charset="0"/>
                          <a:ea typeface="ＭＳ ゴシック" panose="020B0609070205080204" pitchFamily="49" charset="-128"/>
                        </a:rPr>
                        <a:t>COD</a:t>
                      </a:r>
                      <a:r>
                        <a:rPr kumimoji="1" lang="ja-JP" altLang="en-US" sz="1500" u="sng" dirty="0">
                          <a:solidFill>
                            <a:schemeClr val="tx1"/>
                          </a:solidFill>
                          <a:latin typeface="Century" panose="02040604050505020304" pitchFamily="18" charset="0"/>
                          <a:ea typeface="ＭＳ ゴシック" panose="020B0609070205080204" pitchFamily="49" charset="-128"/>
                        </a:rPr>
                        <a:t>、全窒素、全りん</a:t>
                      </a:r>
                      <a:endParaRPr kumimoji="1" lang="en-US" altLang="ja-JP" sz="1500" u="sng" dirty="0">
                        <a:solidFill>
                          <a:schemeClr val="tx1"/>
                        </a:solidFill>
                        <a:latin typeface="Century" panose="02040604050505020304" pitchFamily="18" charset="0"/>
                        <a:ea typeface="ＭＳ ゴシック" panose="020B0609070205080204" pitchFamily="49" charset="-128"/>
                      </a:endParaRP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indent="0" algn="ctr">
                        <a:lnSpc>
                          <a:spcPct val="100000"/>
                        </a:lnSpc>
                        <a:buFont typeface="Wingdings" panose="05000000000000000000" pitchFamily="2" charset="2"/>
                        <a:buNone/>
                      </a:pPr>
                      <a:r>
                        <a:rPr kumimoji="1" lang="en-US" altLang="ja-JP" sz="1500" u="none" dirty="0">
                          <a:solidFill>
                            <a:schemeClr val="tx1"/>
                          </a:solidFill>
                          <a:latin typeface="Century" panose="02040604050505020304" pitchFamily="18" charset="0"/>
                          <a:ea typeface="ＭＳ ゴシック" panose="020B0609070205080204" pitchFamily="49" charset="-128"/>
                        </a:rPr>
                        <a:t>5</a:t>
                      </a:r>
                      <a:r>
                        <a:rPr kumimoji="1" lang="ja-JP" altLang="en-US" sz="1500" u="none" dirty="0">
                          <a:solidFill>
                            <a:schemeClr val="tx1"/>
                          </a:solidFill>
                          <a:latin typeface="Century" panose="02040604050505020304" pitchFamily="18" charset="0"/>
                          <a:ea typeface="ＭＳ ゴシック" panose="020B0609070205080204" pitchFamily="49" charset="-128"/>
                        </a:rPr>
                        <a:t>項目　超過なし</a:t>
                      </a: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indent="0" algn="ctr">
                        <a:lnSpc>
                          <a:spcPct val="100000"/>
                        </a:lnSpc>
                        <a:buFont typeface="Wingdings" panose="05000000000000000000" pitchFamily="2" charset="2"/>
                        <a:buNone/>
                      </a:pPr>
                      <a:r>
                        <a:rPr kumimoji="1" lang="ja-JP" altLang="en-US" sz="1500" u="none" dirty="0">
                          <a:solidFill>
                            <a:schemeClr val="tx1"/>
                          </a:solidFill>
                          <a:latin typeface="Century" panose="02040604050505020304" pitchFamily="18" charset="0"/>
                          <a:ea typeface="ＭＳ ゴシック" panose="020B0609070205080204" pitchFamily="49" charset="-128"/>
                        </a:rPr>
                        <a:t>〇</a:t>
                      </a:r>
                      <a:endParaRPr kumimoji="1" lang="en-US" altLang="ja-JP" sz="1500" u="none" dirty="0">
                        <a:solidFill>
                          <a:schemeClr val="tx1"/>
                        </a:solidFill>
                        <a:latin typeface="Century" panose="02040604050505020304" pitchFamily="18" charset="0"/>
                        <a:ea typeface="ＭＳ ゴシック" panose="020B0609070205080204" pitchFamily="49" charset="-128"/>
                      </a:endParaRP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06072116"/>
                  </a:ext>
                </a:extLst>
              </a:tr>
              <a:tr h="551568">
                <a:tc vMerge="1">
                  <a:txBody>
                    <a:bodyPr/>
                    <a:lstStyle/>
                    <a:p>
                      <a:pPr algn="ctr"/>
                      <a:endParaRPr kumimoji="1" lang="ja-JP" altLang="en-US" sz="1200" b="1" u="none" dirty="0">
                        <a:solidFill>
                          <a:schemeClr val="tx1"/>
                        </a:solidFill>
                        <a:latin typeface="ＭＳ ゴシック" panose="020B0609070205080204" pitchFamily="49" charset="-128"/>
                        <a:ea typeface="ＭＳ ゴシック" panose="020B0609070205080204" pitchFamily="49" charset="-128"/>
                      </a:endParaRPr>
                    </a:p>
                  </a:txBody>
                  <a:tcPr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lnSpc>
                          <a:spcPct val="100000"/>
                        </a:lnSpc>
                      </a:pPr>
                      <a:r>
                        <a:rPr kumimoji="1" lang="ja-JP" altLang="en-US" sz="1100" b="1" u="none" dirty="0">
                          <a:solidFill>
                            <a:schemeClr val="tx1"/>
                          </a:solidFill>
                          <a:latin typeface="ＭＳ ゴシック" panose="020B0609070205080204" pitchFamily="49" charset="-128"/>
                          <a:ea typeface="ＭＳ ゴシック" panose="020B0609070205080204" pitchFamily="49" charset="-128"/>
                        </a:rPr>
                        <a:t>ユーティリティ等</a:t>
                      </a:r>
                    </a:p>
                  </a:txBody>
                  <a:tcPr marL="98529" marR="98529" marT="49264" marB="49264" anchor="ctr" anchorCtr="1">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marL="285750" marR="0" lvl="0" indent="-285750" algn="l" defTabSz="6858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500" dirty="0">
                          <a:solidFill>
                            <a:schemeClr val="tx1"/>
                          </a:solidFill>
                          <a:latin typeface="Century" panose="02040604050505020304" pitchFamily="18" charset="0"/>
                          <a:ea typeface="ＭＳ ゴシック" panose="020B0609070205080204" pitchFamily="49" charset="-128"/>
                        </a:rPr>
                        <a:t>電力・薬品等の原単位もしくは年間使用予定量を超過しない。</a:t>
                      </a:r>
                      <a:endParaRPr kumimoji="1" lang="en-US" altLang="ja-JP" sz="1500" dirty="0">
                        <a:solidFill>
                          <a:schemeClr val="tx1"/>
                        </a:solidFill>
                        <a:latin typeface="Century" panose="02040604050505020304" pitchFamily="18" charset="0"/>
                        <a:ea typeface="ＭＳ ゴシック" panose="020B0609070205080204" pitchFamily="49" charset="-128"/>
                      </a:endParaRP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indent="0" algn="ctr">
                        <a:lnSpc>
                          <a:spcPct val="100000"/>
                        </a:lnSpc>
                        <a:buFont typeface="Wingdings" panose="05000000000000000000" pitchFamily="2" charset="2"/>
                        <a:buNone/>
                      </a:pPr>
                      <a:r>
                        <a:rPr kumimoji="1" lang="ja-JP" altLang="en-US" sz="1500" dirty="0">
                          <a:solidFill>
                            <a:schemeClr val="tx1"/>
                          </a:solidFill>
                          <a:latin typeface="ＭＳ ゴシック" panose="020B0609070205080204" pitchFamily="49" charset="-128"/>
                          <a:ea typeface="ＭＳ ゴシック" panose="020B0609070205080204" pitchFamily="49" charset="-128"/>
                        </a:rPr>
                        <a:t>超過</a:t>
                      </a:r>
                      <a:r>
                        <a:rPr kumimoji="1" lang="ja-JP" altLang="en-US" sz="1500" u="none" dirty="0">
                          <a:solidFill>
                            <a:schemeClr val="tx1"/>
                          </a:solidFill>
                          <a:latin typeface="Century" panose="02040604050505020304" pitchFamily="18" charset="0"/>
                          <a:ea typeface="ＭＳ ゴシック" panose="020B0609070205080204" pitchFamily="49" charset="-128"/>
                        </a:rPr>
                        <a:t>なし</a:t>
                      </a: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6858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500" dirty="0">
                          <a:solidFill>
                            <a:schemeClr val="tx1"/>
                          </a:solidFill>
                          <a:latin typeface="Century" panose="02040604050505020304" pitchFamily="18" charset="0"/>
                          <a:ea typeface="ＭＳ ゴシック" panose="020B0609070205080204" pitchFamily="49" charset="-128"/>
                        </a:rPr>
                        <a:t>〇</a:t>
                      </a:r>
                      <a:endParaRPr kumimoji="1" lang="en-US" altLang="ja-JP" sz="1500" dirty="0">
                        <a:solidFill>
                          <a:schemeClr val="tx1"/>
                        </a:solidFill>
                        <a:latin typeface="Century" panose="02040604050505020304" pitchFamily="18" charset="0"/>
                        <a:ea typeface="ＭＳ ゴシック" panose="020B0609070205080204" pitchFamily="49" charset="-128"/>
                      </a:endParaRPr>
                    </a:p>
                  </a:txBody>
                  <a:tcPr marL="98529" marR="98529" marT="49264" marB="49264"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236889829"/>
                  </a:ext>
                </a:extLst>
              </a:tr>
            </a:tbl>
          </a:graphicData>
        </a:graphic>
      </p:graphicFrame>
      <p:sp>
        <p:nvSpPr>
          <p:cNvPr id="2" name="テキスト ボックス 1">
            <a:extLst>
              <a:ext uri="{FF2B5EF4-FFF2-40B4-BE49-F238E27FC236}">
                <a16:creationId xmlns:a16="http://schemas.microsoft.com/office/drawing/2014/main" id="{EDF953FC-128E-C440-FBAD-56AE5EDE9FB7}"/>
              </a:ext>
            </a:extLst>
          </p:cNvPr>
          <p:cNvSpPr txBox="1"/>
          <p:nvPr/>
        </p:nvSpPr>
        <p:spPr>
          <a:xfrm>
            <a:off x="268576" y="6368054"/>
            <a:ext cx="9288532" cy="461665"/>
          </a:xfrm>
          <a:prstGeom prst="rect">
            <a:avLst/>
          </a:prstGeom>
          <a:noFill/>
        </p:spPr>
        <p:txBody>
          <a:bodyPr wrap="square" rtlCol="0">
            <a:spAutoFit/>
          </a:bodyPr>
          <a:lstStyle/>
          <a:p>
            <a:r>
              <a:rPr kumimoji="1" lang="en-US" altLang="ja-JP" sz="1200" dirty="0"/>
              <a:t>※2</a:t>
            </a:r>
            <a:r>
              <a:rPr kumimoji="1" lang="ja-JP" altLang="en-US" sz="1200" dirty="0"/>
              <a:t>　下水処理場・抽水所における放流水質、ユーティリティ等の発生件数、評価については、運転管理の不備に起因するものではないため 「超過なし」 としている。詳細は次ページ以降参照。</a:t>
            </a:r>
          </a:p>
        </p:txBody>
      </p:sp>
      <p:sp>
        <p:nvSpPr>
          <p:cNvPr id="9" name="テキスト ボックス 8"/>
          <p:cNvSpPr txBox="1"/>
          <p:nvPr/>
        </p:nvSpPr>
        <p:spPr>
          <a:xfrm>
            <a:off x="9238882" y="4806058"/>
            <a:ext cx="509452" cy="276999"/>
          </a:xfrm>
          <a:prstGeom prst="rect">
            <a:avLst/>
          </a:prstGeom>
          <a:noFill/>
        </p:spPr>
        <p:txBody>
          <a:bodyPr wrap="square" rtlCol="0">
            <a:spAutoFit/>
          </a:bodyPr>
          <a:lstStyle/>
          <a:p>
            <a:r>
              <a:rPr kumimoji="1" lang="en-US" altLang="ja-JP" sz="1200" dirty="0">
                <a:latin typeface="Century" panose="02040604050505020304" pitchFamily="18" charset="0"/>
              </a:rPr>
              <a:t>※2</a:t>
            </a:r>
            <a:endParaRPr kumimoji="1" lang="ja-JP" altLang="en-US" sz="1200" dirty="0">
              <a:latin typeface="Century" panose="02040604050505020304" pitchFamily="18" charset="0"/>
            </a:endParaRPr>
          </a:p>
        </p:txBody>
      </p:sp>
      <p:sp>
        <p:nvSpPr>
          <p:cNvPr id="10" name="テキスト ボックス 9"/>
          <p:cNvSpPr txBox="1"/>
          <p:nvPr/>
        </p:nvSpPr>
        <p:spPr>
          <a:xfrm>
            <a:off x="9238882" y="5789780"/>
            <a:ext cx="509452" cy="276999"/>
          </a:xfrm>
          <a:prstGeom prst="rect">
            <a:avLst/>
          </a:prstGeom>
          <a:noFill/>
        </p:spPr>
        <p:txBody>
          <a:bodyPr wrap="square" rtlCol="0">
            <a:spAutoFit/>
          </a:bodyPr>
          <a:lstStyle/>
          <a:p>
            <a:r>
              <a:rPr kumimoji="1" lang="en-US" altLang="ja-JP" sz="1200" dirty="0">
                <a:latin typeface="Century" panose="02040604050505020304" pitchFamily="18" charset="0"/>
              </a:rPr>
              <a:t>※2</a:t>
            </a:r>
            <a:endParaRPr kumimoji="1" lang="ja-JP" altLang="en-US" sz="1200" dirty="0">
              <a:latin typeface="Century" panose="02040604050505020304" pitchFamily="18" charset="0"/>
            </a:endParaRPr>
          </a:p>
        </p:txBody>
      </p:sp>
      <p:sp>
        <p:nvSpPr>
          <p:cNvPr id="14" name="テキスト ボックス 13">
            <a:extLst>
              <a:ext uri="{FF2B5EF4-FFF2-40B4-BE49-F238E27FC236}">
                <a16:creationId xmlns:a16="http://schemas.microsoft.com/office/drawing/2014/main" id="{04EB0731-C33C-EF17-EC0F-3EC61D0A6C5E}"/>
              </a:ext>
            </a:extLst>
          </p:cNvPr>
          <p:cNvSpPr txBox="1"/>
          <p:nvPr/>
        </p:nvSpPr>
        <p:spPr>
          <a:xfrm>
            <a:off x="5264145" y="2078972"/>
            <a:ext cx="509452" cy="276999"/>
          </a:xfrm>
          <a:prstGeom prst="rect">
            <a:avLst/>
          </a:prstGeom>
          <a:noFill/>
        </p:spPr>
        <p:txBody>
          <a:bodyPr wrap="square" rtlCol="0">
            <a:spAutoFit/>
          </a:bodyPr>
          <a:lstStyle/>
          <a:p>
            <a:r>
              <a:rPr kumimoji="1" lang="en-US" altLang="ja-JP" sz="1200" dirty="0">
                <a:latin typeface="Century" panose="02040604050505020304" pitchFamily="18" charset="0"/>
              </a:rPr>
              <a:t>※1</a:t>
            </a:r>
            <a:endParaRPr kumimoji="1" lang="ja-JP" altLang="en-US" sz="1200" dirty="0">
              <a:latin typeface="Century" panose="02040604050505020304" pitchFamily="18" charset="0"/>
            </a:endParaRPr>
          </a:p>
        </p:txBody>
      </p:sp>
      <p:sp>
        <p:nvSpPr>
          <p:cNvPr id="15" name="テキスト ボックス 14">
            <a:extLst>
              <a:ext uri="{FF2B5EF4-FFF2-40B4-BE49-F238E27FC236}">
                <a16:creationId xmlns:a16="http://schemas.microsoft.com/office/drawing/2014/main" id="{E4665A4C-24FA-62D2-8496-B3CCB8920F6D}"/>
              </a:ext>
            </a:extLst>
          </p:cNvPr>
          <p:cNvSpPr txBox="1"/>
          <p:nvPr/>
        </p:nvSpPr>
        <p:spPr>
          <a:xfrm>
            <a:off x="5518871" y="2323288"/>
            <a:ext cx="509452" cy="276999"/>
          </a:xfrm>
          <a:prstGeom prst="rect">
            <a:avLst/>
          </a:prstGeom>
          <a:noFill/>
        </p:spPr>
        <p:txBody>
          <a:bodyPr wrap="square" rtlCol="0">
            <a:spAutoFit/>
          </a:bodyPr>
          <a:lstStyle/>
          <a:p>
            <a:r>
              <a:rPr kumimoji="1" lang="en-US" altLang="ja-JP" sz="1200" dirty="0">
                <a:latin typeface="Century" panose="02040604050505020304" pitchFamily="18" charset="0"/>
              </a:rPr>
              <a:t>※1</a:t>
            </a:r>
            <a:endParaRPr kumimoji="1" lang="ja-JP" altLang="en-US" sz="1200" dirty="0">
              <a:latin typeface="Century" panose="02040604050505020304" pitchFamily="18" charset="0"/>
            </a:endParaRPr>
          </a:p>
        </p:txBody>
      </p:sp>
      <p:sp>
        <p:nvSpPr>
          <p:cNvPr id="16" name="テキスト ボックス 15">
            <a:extLst>
              <a:ext uri="{FF2B5EF4-FFF2-40B4-BE49-F238E27FC236}">
                <a16:creationId xmlns:a16="http://schemas.microsoft.com/office/drawing/2014/main" id="{5E2BE91A-2D80-6C6B-0D31-4C88CBF0E44F}"/>
              </a:ext>
            </a:extLst>
          </p:cNvPr>
          <p:cNvSpPr txBox="1"/>
          <p:nvPr/>
        </p:nvSpPr>
        <p:spPr>
          <a:xfrm>
            <a:off x="8791575" y="2078972"/>
            <a:ext cx="509452" cy="276999"/>
          </a:xfrm>
          <a:prstGeom prst="rect">
            <a:avLst/>
          </a:prstGeom>
          <a:noFill/>
        </p:spPr>
        <p:txBody>
          <a:bodyPr wrap="square" rtlCol="0">
            <a:spAutoFit/>
          </a:bodyPr>
          <a:lstStyle/>
          <a:p>
            <a:r>
              <a:rPr kumimoji="1" lang="en-US" altLang="ja-JP" sz="1200" dirty="0">
                <a:latin typeface="Century" panose="02040604050505020304" pitchFamily="18" charset="0"/>
              </a:rPr>
              <a:t>※1</a:t>
            </a:r>
            <a:endParaRPr kumimoji="1" lang="ja-JP" altLang="en-US" sz="1200" dirty="0">
              <a:latin typeface="Century" panose="02040604050505020304" pitchFamily="18" charset="0"/>
            </a:endParaRPr>
          </a:p>
        </p:txBody>
      </p:sp>
      <p:sp>
        <p:nvSpPr>
          <p:cNvPr id="17" name="テキスト ボックス 16">
            <a:extLst>
              <a:ext uri="{FF2B5EF4-FFF2-40B4-BE49-F238E27FC236}">
                <a16:creationId xmlns:a16="http://schemas.microsoft.com/office/drawing/2014/main" id="{DE2291CD-7450-BBAC-1339-CD367D50A250}"/>
              </a:ext>
            </a:extLst>
          </p:cNvPr>
          <p:cNvSpPr txBox="1"/>
          <p:nvPr/>
        </p:nvSpPr>
        <p:spPr>
          <a:xfrm>
            <a:off x="8791575" y="2323287"/>
            <a:ext cx="509452" cy="276999"/>
          </a:xfrm>
          <a:prstGeom prst="rect">
            <a:avLst/>
          </a:prstGeom>
          <a:noFill/>
        </p:spPr>
        <p:txBody>
          <a:bodyPr wrap="square" rtlCol="0">
            <a:spAutoFit/>
          </a:bodyPr>
          <a:lstStyle/>
          <a:p>
            <a:r>
              <a:rPr kumimoji="1" lang="en-US" altLang="ja-JP" sz="1200" dirty="0">
                <a:latin typeface="Century" panose="02040604050505020304" pitchFamily="18" charset="0"/>
              </a:rPr>
              <a:t>※1</a:t>
            </a:r>
            <a:endParaRPr kumimoji="1" lang="ja-JP" altLang="en-US" sz="1200" dirty="0">
              <a:latin typeface="Century" panose="02040604050505020304" pitchFamily="18" charset="0"/>
            </a:endParaRPr>
          </a:p>
        </p:txBody>
      </p:sp>
      <p:sp>
        <p:nvSpPr>
          <p:cNvPr id="18" name="テキスト ボックス 17">
            <a:extLst>
              <a:ext uri="{FF2B5EF4-FFF2-40B4-BE49-F238E27FC236}">
                <a16:creationId xmlns:a16="http://schemas.microsoft.com/office/drawing/2014/main" id="{E4EC7555-01E3-21EC-D642-02D3D39562EF}"/>
              </a:ext>
            </a:extLst>
          </p:cNvPr>
          <p:cNvSpPr txBox="1"/>
          <p:nvPr/>
        </p:nvSpPr>
        <p:spPr>
          <a:xfrm>
            <a:off x="268576" y="6122676"/>
            <a:ext cx="9288532" cy="276999"/>
          </a:xfrm>
          <a:prstGeom prst="rect">
            <a:avLst/>
          </a:prstGeom>
          <a:noFill/>
        </p:spPr>
        <p:txBody>
          <a:bodyPr wrap="square" rtlCol="0">
            <a:spAutoFit/>
          </a:bodyPr>
          <a:lstStyle/>
          <a:p>
            <a:r>
              <a:rPr kumimoji="1" lang="en-US" altLang="ja-JP" sz="1200" dirty="0"/>
              <a:t>※1</a:t>
            </a:r>
            <a:r>
              <a:rPr kumimoji="1" lang="ja-JP" altLang="en-US" sz="1200" dirty="0"/>
              <a:t>　管路における道路陥没、下水つまりについては、上半期の達成状況を基準値の</a:t>
            </a:r>
            <a:r>
              <a:rPr kumimoji="1" lang="en-US" altLang="ja-JP" sz="1200" dirty="0"/>
              <a:t>1/2</a:t>
            </a:r>
            <a:r>
              <a:rPr kumimoji="1" lang="ja-JP" altLang="en-US" sz="1200" dirty="0"/>
              <a:t>により評価することとした。（　　）で記載。</a:t>
            </a:r>
          </a:p>
        </p:txBody>
      </p:sp>
      <p:sp>
        <p:nvSpPr>
          <p:cNvPr id="11" name="角丸四角形 18">
            <a:extLst>
              <a:ext uri="{FF2B5EF4-FFF2-40B4-BE49-F238E27FC236}">
                <a16:creationId xmlns:a16="http://schemas.microsoft.com/office/drawing/2014/main" id="{EAD36D15-F270-0013-CD04-AA6D52AE8BC9}"/>
              </a:ext>
            </a:extLst>
          </p:cNvPr>
          <p:cNvSpPr/>
          <p:nvPr/>
        </p:nvSpPr>
        <p:spPr>
          <a:xfrm>
            <a:off x="72908" y="96839"/>
            <a:ext cx="817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422344201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7432671C-C9E4-B50D-7C84-502A124D7A8D}"/>
              </a:ext>
            </a:extLst>
          </p:cNvPr>
          <p:cNvSpPr/>
          <p:nvPr/>
        </p:nvSpPr>
        <p:spPr>
          <a:xfrm>
            <a:off x="94513" y="1108593"/>
            <a:ext cx="3971931" cy="369332"/>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en-US" altLang="ja-JP" kern="0" dirty="0">
                <a:latin typeface="Meiryo UI" panose="020B0604030504040204" pitchFamily="50" charset="-128"/>
                <a:ea typeface="Meiryo UI" panose="020B0604030504040204" pitchFamily="50" charset="-128"/>
              </a:rPr>
              <a:t>【</a:t>
            </a:r>
            <a:r>
              <a:rPr kumimoji="1" lang="ja-JP" altLang="en-US"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管路施設</a:t>
            </a:r>
            <a:r>
              <a:rPr kumimoji="1" lang="en-US" altLang="ja-JP"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a:t>
            </a:r>
            <a:endParaRPr kumimoji="0" lang="en-US" altLang="ja-JP" b="0" i="0" u="none" strike="noStrike" kern="0" cap="none" spc="0" normalizeH="0" baseline="0" noProof="0" dirty="0">
              <a:ln w="0"/>
              <a:solidFill>
                <a:prstClr val="black"/>
              </a:solidFill>
              <a:effectLst/>
              <a:uLnTx/>
              <a:uFillTx/>
              <a:latin typeface="Segoe UI"/>
              <a:ea typeface="Meiryo UI"/>
              <a:cs typeface="+mn-cs"/>
            </a:endParaRPr>
          </a:p>
        </p:txBody>
      </p:sp>
      <p:graphicFrame>
        <p:nvGraphicFramePr>
          <p:cNvPr id="10" name="表 9">
            <a:extLst>
              <a:ext uri="{FF2B5EF4-FFF2-40B4-BE49-F238E27FC236}">
                <a16:creationId xmlns:a16="http://schemas.microsoft.com/office/drawing/2014/main" id="{E91A1E91-4AF8-DB74-D463-6461BC36975F}"/>
              </a:ext>
            </a:extLst>
          </p:cNvPr>
          <p:cNvGraphicFramePr>
            <a:graphicFrameLocks noGrp="1"/>
          </p:cNvGraphicFramePr>
          <p:nvPr>
            <p:extLst>
              <p:ext uri="{D42A27DB-BD31-4B8C-83A1-F6EECF244321}">
                <p14:modId xmlns:p14="http://schemas.microsoft.com/office/powerpoint/2010/main" val="1303058469"/>
              </p:ext>
            </p:extLst>
          </p:nvPr>
        </p:nvGraphicFramePr>
        <p:xfrm>
          <a:off x="94513" y="1516597"/>
          <a:ext cx="9716975" cy="1676400"/>
        </p:xfrm>
        <a:graphic>
          <a:graphicData uri="http://schemas.openxmlformats.org/drawingml/2006/table">
            <a:tbl>
              <a:tblPr firstRow="1" bandRow="1">
                <a:tableStyleId>{5C22544A-7EE6-4342-B048-85BDC9FD1C3A}</a:tableStyleId>
              </a:tblPr>
              <a:tblGrid>
                <a:gridCol w="1426963">
                  <a:extLst>
                    <a:ext uri="{9D8B030D-6E8A-4147-A177-3AD203B41FA5}">
                      <a16:colId xmlns:a16="http://schemas.microsoft.com/office/drawing/2014/main" val="2757673519"/>
                    </a:ext>
                  </a:extLst>
                </a:gridCol>
                <a:gridCol w="2072503">
                  <a:extLst>
                    <a:ext uri="{9D8B030D-6E8A-4147-A177-3AD203B41FA5}">
                      <a16:colId xmlns:a16="http://schemas.microsoft.com/office/drawing/2014/main" val="2158946185"/>
                    </a:ext>
                  </a:extLst>
                </a:gridCol>
                <a:gridCol w="2072503">
                  <a:extLst>
                    <a:ext uri="{9D8B030D-6E8A-4147-A177-3AD203B41FA5}">
                      <a16:colId xmlns:a16="http://schemas.microsoft.com/office/drawing/2014/main" val="437299313"/>
                    </a:ext>
                  </a:extLst>
                </a:gridCol>
                <a:gridCol w="2072503">
                  <a:extLst>
                    <a:ext uri="{9D8B030D-6E8A-4147-A177-3AD203B41FA5}">
                      <a16:colId xmlns:a16="http://schemas.microsoft.com/office/drawing/2014/main" val="2162764744"/>
                    </a:ext>
                  </a:extLst>
                </a:gridCol>
                <a:gridCol w="2072503">
                  <a:extLst>
                    <a:ext uri="{9D8B030D-6E8A-4147-A177-3AD203B41FA5}">
                      <a16:colId xmlns:a16="http://schemas.microsoft.com/office/drawing/2014/main" val="3344813203"/>
                    </a:ext>
                  </a:extLst>
                </a:gridCol>
              </a:tblGrid>
              <a:tr h="237506">
                <a:tc>
                  <a:txBody>
                    <a:bodyPr/>
                    <a:lstStyle/>
                    <a:p>
                      <a:endParaRPr kumimoji="1" lang="ja-JP" altLang="en-US" sz="1600" dirty="0"/>
                    </a:p>
                  </a:txBody>
                  <a:tcPr anchor="ctr"/>
                </a:tc>
                <a:tc>
                  <a:txBody>
                    <a:bodyPr/>
                    <a:lstStyle/>
                    <a:p>
                      <a:pPr algn="ctr"/>
                      <a:r>
                        <a:rPr kumimoji="1" lang="ja-JP" altLang="en-US" sz="1600" dirty="0"/>
                        <a:t>東部</a:t>
                      </a:r>
                    </a:p>
                  </a:txBody>
                  <a:tcPr anchor="ctr"/>
                </a:tc>
                <a:tc>
                  <a:txBody>
                    <a:bodyPr/>
                    <a:lstStyle/>
                    <a:p>
                      <a:pPr algn="ctr"/>
                      <a:r>
                        <a:rPr kumimoji="1" lang="ja-JP" altLang="en-US" sz="1600" dirty="0"/>
                        <a:t>西部</a:t>
                      </a:r>
                    </a:p>
                  </a:txBody>
                  <a:tcPr anchor="ctr"/>
                </a:tc>
                <a:tc>
                  <a:txBody>
                    <a:bodyPr/>
                    <a:lstStyle/>
                    <a:p>
                      <a:pPr algn="ctr"/>
                      <a:r>
                        <a:rPr kumimoji="1" lang="ja-JP" altLang="en-US" sz="1600" dirty="0"/>
                        <a:t>南部</a:t>
                      </a:r>
                    </a:p>
                  </a:txBody>
                  <a:tcPr anchor="ctr"/>
                </a:tc>
                <a:tc>
                  <a:txBody>
                    <a:bodyPr/>
                    <a:lstStyle/>
                    <a:p>
                      <a:pPr algn="ctr"/>
                      <a:r>
                        <a:rPr kumimoji="1" lang="ja-JP" altLang="en-US" sz="1600" dirty="0"/>
                        <a:t>北部</a:t>
                      </a:r>
                    </a:p>
                  </a:txBody>
                  <a:tcPr anchor="ctr"/>
                </a:tc>
                <a:extLst>
                  <a:ext uri="{0D108BD9-81ED-4DB2-BD59-A6C34878D82A}">
                    <a16:rowId xmlns:a16="http://schemas.microsoft.com/office/drawing/2014/main" val="835336845"/>
                  </a:ext>
                </a:extLst>
              </a:tr>
              <a:tr h="237506">
                <a:tc>
                  <a:txBody>
                    <a:bodyPr/>
                    <a:lstStyle/>
                    <a:p>
                      <a:pPr algn="l"/>
                      <a:r>
                        <a:rPr kumimoji="1" lang="ja-JP" altLang="en-US" sz="1600" dirty="0"/>
                        <a:t>○：問題なし</a:t>
                      </a:r>
                    </a:p>
                  </a:txBody>
                  <a:tcPr anchor="ctr"/>
                </a:tc>
                <a:tc>
                  <a:txBody>
                    <a:bodyPr/>
                    <a:lstStyle/>
                    <a:p>
                      <a:pPr algn="ctr"/>
                      <a:r>
                        <a:rPr kumimoji="1" lang="en-US" altLang="ja-JP" sz="1600" dirty="0"/>
                        <a:t>15</a:t>
                      </a:r>
                      <a:r>
                        <a:rPr kumimoji="1" lang="ja-JP" altLang="en-US" sz="1600" dirty="0"/>
                        <a:t>項目／</a:t>
                      </a:r>
                      <a:r>
                        <a:rPr kumimoji="1" lang="en-US" altLang="ja-JP" sz="1600" dirty="0"/>
                        <a:t>21</a:t>
                      </a:r>
                      <a:r>
                        <a:rPr kumimoji="1" lang="ja-JP" altLang="en-US" sz="1600" dirty="0"/>
                        <a:t>項目</a:t>
                      </a:r>
                    </a:p>
                  </a:txBody>
                  <a:tcPr anchor="ctr"/>
                </a:tc>
                <a:tc>
                  <a:txBody>
                    <a:bodyPr/>
                    <a:lstStyle/>
                    <a:p>
                      <a:pPr algn="ctr"/>
                      <a:r>
                        <a:rPr kumimoji="1" lang="en-US" altLang="ja-JP" sz="1600" dirty="0"/>
                        <a:t>20</a:t>
                      </a:r>
                      <a:r>
                        <a:rPr kumimoji="1" lang="ja-JP" altLang="en-US" sz="1600" dirty="0"/>
                        <a:t>項目／</a:t>
                      </a:r>
                      <a:r>
                        <a:rPr kumimoji="1" lang="en-US" altLang="ja-JP" sz="1600" dirty="0"/>
                        <a:t>21</a:t>
                      </a:r>
                      <a:r>
                        <a:rPr kumimoji="1" lang="ja-JP" altLang="en-US" sz="1600" dirty="0"/>
                        <a:t>項目</a:t>
                      </a:r>
                    </a:p>
                  </a:txBody>
                  <a:tcPr anchor="ctr"/>
                </a:tc>
                <a:tc>
                  <a:txBody>
                    <a:bodyPr/>
                    <a:lstStyle/>
                    <a:p>
                      <a:pPr algn="ctr"/>
                      <a:r>
                        <a:rPr kumimoji="1" lang="en-US" altLang="ja-JP" sz="1600" dirty="0"/>
                        <a:t>17</a:t>
                      </a:r>
                      <a:r>
                        <a:rPr kumimoji="1" lang="ja-JP" altLang="en-US" sz="1600" dirty="0"/>
                        <a:t>項目／</a:t>
                      </a:r>
                      <a:r>
                        <a:rPr kumimoji="1" lang="en-US" altLang="ja-JP" sz="1600" dirty="0"/>
                        <a:t>21</a:t>
                      </a:r>
                      <a:r>
                        <a:rPr kumimoji="1" lang="ja-JP" altLang="en-US" sz="1600" dirty="0"/>
                        <a:t>項目</a:t>
                      </a:r>
                    </a:p>
                  </a:txBody>
                  <a:tcPr anchor="ctr"/>
                </a:tc>
                <a:tc>
                  <a:txBody>
                    <a:bodyPr/>
                    <a:lstStyle/>
                    <a:p>
                      <a:pPr algn="ctr"/>
                      <a:r>
                        <a:rPr kumimoji="1" lang="en-US" altLang="ja-JP" sz="1600" dirty="0"/>
                        <a:t>20</a:t>
                      </a:r>
                      <a:r>
                        <a:rPr kumimoji="1" lang="ja-JP" altLang="en-US" sz="1600" dirty="0"/>
                        <a:t>項目／</a:t>
                      </a:r>
                      <a:r>
                        <a:rPr kumimoji="1" lang="en-US" altLang="ja-JP" sz="1600" dirty="0"/>
                        <a:t>21</a:t>
                      </a:r>
                      <a:r>
                        <a:rPr kumimoji="1" lang="ja-JP" altLang="en-US" sz="1600" dirty="0"/>
                        <a:t>項目</a:t>
                      </a:r>
                    </a:p>
                  </a:txBody>
                  <a:tcPr anchor="ctr"/>
                </a:tc>
                <a:extLst>
                  <a:ext uri="{0D108BD9-81ED-4DB2-BD59-A6C34878D82A}">
                    <a16:rowId xmlns:a16="http://schemas.microsoft.com/office/drawing/2014/main" val="2400124223"/>
                  </a:ext>
                </a:extLst>
              </a:tr>
              <a:tr h="237506">
                <a:tc>
                  <a:txBody>
                    <a:bodyPr/>
                    <a:lstStyle/>
                    <a:p>
                      <a:pPr algn="l"/>
                      <a:r>
                        <a:rPr kumimoji="1" lang="ja-JP" altLang="en-US" sz="1600" dirty="0"/>
                        <a:t>△：改善要</a:t>
                      </a:r>
                    </a:p>
                  </a:txBody>
                  <a:tcPr anchor="ctr"/>
                </a:tc>
                <a:tc>
                  <a:txBody>
                    <a:bodyPr/>
                    <a:lstStyle/>
                    <a:p>
                      <a:pPr algn="ctr"/>
                      <a:r>
                        <a:rPr kumimoji="1" lang="ja-JP" altLang="en-US" sz="1600" dirty="0">
                          <a:solidFill>
                            <a:schemeClr val="tx1"/>
                          </a:solidFill>
                        </a:rPr>
                        <a:t>０項目</a:t>
                      </a:r>
                      <a:r>
                        <a:rPr kumimoji="1" lang="ja-JP" altLang="en-US" sz="1600" dirty="0"/>
                        <a:t>／</a:t>
                      </a:r>
                      <a:r>
                        <a:rPr kumimoji="1" lang="en-US" altLang="ja-JP" sz="1600" dirty="0"/>
                        <a:t>21</a:t>
                      </a:r>
                      <a:r>
                        <a:rPr kumimoji="1" lang="ja-JP" altLang="en-US" sz="1600" dirty="0"/>
                        <a:t>項目</a:t>
                      </a:r>
                    </a:p>
                  </a:txBody>
                  <a:tcPr anchor="ctr"/>
                </a:tc>
                <a:tc>
                  <a:txBody>
                    <a:bodyPr/>
                    <a:lstStyle/>
                    <a:p>
                      <a:pPr algn="ctr"/>
                      <a:r>
                        <a:rPr kumimoji="1" lang="ja-JP" altLang="en-US" sz="1600" dirty="0"/>
                        <a:t>０項目／</a:t>
                      </a:r>
                      <a:r>
                        <a:rPr kumimoji="1" lang="en-US" altLang="ja-JP" sz="1600" dirty="0"/>
                        <a:t>21</a:t>
                      </a:r>
                      <a:r>
                        <a:rPr kumimoji="1" lang="ja-JP" altLang="en-US" sz="1600" dirty="0"/>
                        <a:t>項目</a:t>
                      </a:r>
                    </a:p>
                  </a:txBody>
                  <a:tcPr anchor="ctr"/>
                </a:tc>
                <a:tc>
                  <a:txBody>
                    <a:bodyPr/>
                    <a:lstStyle/>
                    <a:p>
                      <a:pPr algn="ctr"/>
                      <a:r>
                        <a:rPr kumimoji="1" lang="en-US" altLang="ja-JP" sz="1600" b="1" dirty="0">
                          <a:solidFill>
                            <a:srgbClr val="FF0000"/>
                          </a:solidFill>
                        </a:rPr>
                        <a:t>1</a:t>
                      </a:r>
                      <a:r>
                        <a:rPr kumimoji="1" lang="ja-JP" altLang="en-US" sz="1600" b="1" dirty="0">
                          <a:solidFill>
                            <a:srgbClr val="FF0000"/>
                          </a:solidFill>
                        </a:rPr>
                        <a:t>項目</a:t>
                      </a:r>
                      <a:r>
                        <a:rPr kumimoji="1" lang="ja-JP" altLang="en-US" sz="1600" dirty="0"/>
                        <a:t>／</a:t>
                      </a:r>
                      <a:r>
                        <a:rPr kumimoji="1" lang="en-US" altLang="ja-JP" sz="1600" dirty="0"/>
                        <a:t>21</a:t>
                      </a:r>
                      <a:r>
                        <a:rPr kumimoji="1" lang="ja-JP" altLang="en-US" sz="1600" dirty="0"/>
                        <a:t>項目</a:t>
                      </a:r>
                    </a:p>
                  </a:txBody>
                  <a:tcPr anchor="ctr"/>
                </a:tc>
                <a:tc>
                  <a:txBody>
                    <a:bodyPr/>
                    <a:lstStyle/>
                    <a:p>
                      <a:pPr algn="ctr"/>
                      <a:r>
                        <a:rPr kumimoji="1" lang="en-US" altLang="ja-JP" sz="1600" dirty="0"/>
                        <a:t>0</a:t>
                      </a:r>
                      <a:r>
                        <a:rPr kumimoji="1" lang="ja-JP" altLang="en-US" sz="1600" dirty="0"/>
                        <a:t>項目／</a:t>
                      </a:r>
                      <a:r>
                        <a:rPr kumimoji="1" lang="en-US" altLang="ja-JP" sz="1600" dirty="0"/>
                        <a:t>21</a:t>
                      </a:r>
                      <a:r>
                        <a:rPr kumimoji="1" lang="ja-JP" altLang="en-US" sz="1600" dirty="0"/>
                        <a:t>項目</a:t>
                      </a:r>
                    </a:p>
                  </a:txBody>
                  <a:tcPr anchor="ctr"/>
                </a:tc>
                <a:extLst>
                  <a:ext uri="{0D108BD9-81ED-4DB2-BD59-A6C34878D82A}">
                    <a16:rowId xmlns:a16="http://schemas.microsoft.com/office/drawing/2014/main" val="3857537624"/>
                  </a:ext>
                </a:extLst>
              </a:tr>
              <a:tr h="237506">
                <a:tc>
                  <a:txBody>
                    <a:bodyPr/>
                    <a:lstStyle/>
                    <a:p>
                      <a:pPr algn="l"/>
                      <a:r>
                        <a:rPr kumimoji="1" lang="en-US" altLang="ja-JP" sz="1600" dirty="0"/>
                        <a:t>×</a:t>
                      </a:r>
                      <a:r>
                        <a:rPr kumimoji="1" lang="ja-JP" altLang="en-US" sz="1600" dirty="0"/>
                        <a:t>：問題あり</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ja-JP" altLang="en-US" sz="1600" dirty="0"/>
                        <a:t>０項目／</a:t>
                      </a:r>
                      <a:r>
                        <a:rPr kumimoji="1" lang="en-US" altLang="ja-JP" sz="1600" dirty="0"/>
                        <a:t>21</a:t>
                      </a:r>
                      <a:r>
                        <a:rPr kumimoji="1" lang="ja-JP" altLang="en-US" sz="1600" dirty="0"/>
                        <a:t>項目</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ja-JP" altLang="en-US" sz="1600" dirty="0"/>
                        <a:t>０項目／</a:t>
                      </a:r>
                      <a:r>
                        <a:rPr kumimoji="1" lang="en-US" altLang="ja-JP" sz="1600" dirty="0"/>
                        <a:t>21</a:t>
                      </a:r>
                      <a:r>
                        <a:rPr kumimoji="1" lang="ja-JP" altLang="en-US" sz="1600" dirty="0"/>
                        <a:t>項目</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ja-JP" altLang="en-US" sz="1600" dirty="0"/>
                        <a:t>０項目／</a:t>
                      </a:r>
                      <a:r>
                        <a:rPr kumimoji="1" lang="en-US" altLang="ja-JP" sz="1600" dirty="0"/>
                        <a:t>21</a:t>
                      </a:r>
                      <a:r>
                        <a:rPr kumimoji="1" lang="ja-JP" altLang="en-US" sz="1600" dirty="0"/>
                        <a:t>項目</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ja-JP" altLang="en-US" sz="1600" dirty="0"/>
                        <a:t>０項目／</a:t>
                      </a:r>
                      <a:r>
                        <a:rPr kumimoji="1" lang="en-US" altLang="ja-JP" sz="1600" dirty="0"/>
                        <a:t>21</a:t>
                      </a:r>
                      <a:r>
                        <a:rPr kumimoji="1" lang="ja-JP" altLang="en-US" sz="1600" dirty="0"/>
                        <a:t>項目</a:t>
                      </a:r>
                    </a:p>
                  </a:txBody>
                  <a:tcPr anchor="ctr"/>
                </a:tc>
                <a:extLst>
                  <a:ext uri="{0D108BD9-81ED-4DB2-BD59-A6C34878D82A}">
                    <a16:rowId xmlns:a16="http://schemas.microsoft.com/office/drawing/2014/main" val="1952381308"/>
                  </a:ext>
                </a:extLst>
              </a:tr>
              <a:tr h="237506">
                <a:tc>
                  <a:txBody>
                    <a:bodyPr/>
                    <a:lstStyle/>
                    <a:p>
                      <a:pPr algn="l"/>
                      <a:r>
                        <a:rPr kumimoji="1" lang="en-US" altLang="ja-JP" sz="1100" dirty="0"/>
                        <a:t>7</a:t>
                      </a:r>
                      <a:r>
                        <a:rPr kumimoji="1" lang="ja-JP" altLang="en-US" sz="1100" dirty="0"/>
                        <a:t>年度上半期実績無</a:t>
                      </a:r>
                      <a:endParaRPr kumimoji="1" lang="ja-JP" altLang="en-US" sz="1600" dirty="0"/>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en-US" altLang="ja-JP" sz="1600" dirty="0"/>
                        <a:t>6</a:t>
                      </a:r>
                      <a:r>
                        <a:rPr kumimoji="1" lang="ja-JP" altLang="en-US" sz="1600" dirty="0"/>
                        <a:t>項目</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en-US" altLang="ja-JP" sz="1600" dirty="0"/>
                        <a:t>1</a:t>
                      </a:r>
                      <a:r>
                        <a:rPr kumimoji="1" lang="ja-JP" altLang="en-US" sz="1600" dirty="0"/>
                        <a:t>項目</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en-US" altLang="ja-JP" sz="1600" dirty="0"/>
                        <a:t>3</a:t>
                      </a:r>
                      <a:r>
                        <a:rPr kumimoji="1" lang="ja-JP" altLang="en-US" sz="1600" dirty="0"/>
                        <a:t>項目</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en-US" altLang="ja-JP" sz="1600" dirty="0"/>
                        <a:t>1</a:t>
                      </a:r>
                      <a:r>
                        <a:rPr kumimoji="1" lang="ja-JP" altLang="en-US" sz="1600" dirty="0"/>
                        <a:t>項目</a:t>
                      </a:r>
                    </a:p>
                  </a:txBody>
                  <a:tcPr anchor="ctr"/>
                </a:tc>
                <a:extLst>
                  <a:ext uri="{0D108BD9-81ED-4DB2-BD59-A6C34878D82A}">
                    <a16:rowId xmlns:a16="http://schemas.microsoft.com/office/drawing/2014/main" val="1092580164"/>
                  </a:ext>
                </a:extLst>
              </a:tr>
            </a:tbl>
          </a:graphicData>
        </a:graphic>
      </p:graphicFrame>
      <p:sp>
        <p:nvSpPr>
          <p:cNvPr id="11" name="正方形/長方形 10">
            <a:extLst>
              <a:ext uri="{FF2B5EF4-FFF2-40B4-BE49-F238E27FC236}">
                <a16:creationId xmlns:a16="http://schemas.microsoft.com/office/drawing/2014/main" id="{7DC20CB5-1C6E-4E97-3E8F-6E89CA73065F}"/>
              </a:ext>
            </a:extLst>
          </p:cNvPr>
          <p:cNvSpPr/>
          <p:nvPr/>
        </p:nvSpPr>
        <p:spPr>
          <a:xfrm>
            <a:off x="267511" y="3210719"/>
            <a:ext cx="9370977" cy="338554"/>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ja-JP" altLang="en-US" sz="1600"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総評：　一部改善を必要とする項目が確認されたが、全般的には特に問題はなかった。</a:t>
            </a:r>
            <a:endParaRPr lang="en-US" altLang="ja-JP" sz="1600" kern="0" dirty="0">
              <a:solidFill>
                <a:prstClr val="black"/>
              </a:solidFill>
              <a:latin typeface="Meiryo UI" panose="020B0604030504040204" pitchFamily="50" charset="-128"/>
              <a:ea typeface="Meiryo UI" panose="020B0604030504040204" pitchFamily="50" charset="-128"/>
            </a:endParaRPr>
          </a:p>
        </p:txBody>
      </p:sp>
      <p:sp>
        <p:nvSpPr>
          <p:cNvPr id="12" name="正方形/長方形 11">
            <a:extLst>
              <a:ext uri="{FF2B5EF4-FFF2-40B4-BE49-F238E27FC236}">
                <a16:creationId xmlns:a16="http://schemas.microsoft.com/office/drawing/2014/main" id="{389BD6E5-EF4C-5A30-CC35-86478E3ED8C1}"/>
              </a:ext>
            </a:extLst>
          </p:cNvPr>
          <p:cNvSpPr/>
          <p:nvPr/>
        </p:nvSpPr>
        <p:spPr>
          <a:xfrm>
            <a:off x="94513" y="639696"/>
            <a:ext cx="9370977" cy="461665"/>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ja-JP" altLang="en-US" sz="2400" b="0" i="0" u="sng"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モニタリング結果総括表</a:t>
            </a:r>
            <a:endParaRPr lang="en-US" altLang="ja-JP" sz="2400" u="sng" kern="0" dirty="0">
              <a:solidFill>
                <a:prstClr val="black"/>
              </a:solidFill>
              <a:latin typeface="Meiryo UI" panose="020B0604030504040204" pitchFamily="50" charset="-128"/>
              <a:ea typeface="Meiryo UI" panose="020B0604030504040204" pitchFamily="50" charset="-128"/>
            </a:endParaRPr>
          </a:p>
        </p:txBody>
      </p:sp>
      <p:sp>
        <p:nvSpPr>
          <p:cNvPr id="16" name="正方形/長方形 15">
            <a:extLst>
              <a:ext uri="{FF2B5EF4-FFF2-40B4-BE49-F238E27FC236}">
                <a16:creationId xmlns:a16="http://schemas.microsoft.com/office/drawing/2014/main" id="{6065351C-8A9E-3489-17AA-7642812BACF1}"/>
              </a:ext>
            </a:extLst>
          </p:cNvPr>
          <p:cNvSpPr/>
          <p:nvPr/>
        </p:nvSpPr>
        <p:spPr>
          <a:xfrm>
            <a:off x="3301372" y="741768"/>
            <a:ext cx="6510115" cy="346238"/>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en-US" altLang="ja-JP" sz="1600" kern="0" dirty="0">
                <a:latin typeface="Meiryo UI" panose="020B0604030504040204" pitchFamily="50" charset="-128"/>
                <a:ea typeface="Meiryo UI" panose="020B0604030504040204" pitchFamily="50" charset="-128"/>
              </a:rPr>
              <a:t>※</a:t>
            </a:r>
            <a:r>
              <a:rPr kumimoji="1" lang="ja-JP" altLang="en-US" sz="1600" kern="0" dirty="0">
                <a:latin typeface="Meiryo UI" panose="020B0604030504040204" pitchFamily="50" charset="-128"/>
                <a:ea typeface="Meiryo UI" panose="020B0604030504040204" pitchFamily="50" charset="-128"/>
              </a:rPr>
              <a:t>項目ごとのモニタリング結果については、別添資料を参照</a:t>
            </a:r>
            <a:endParaRPr lang="en-US" altLang="ja-JP" sz="1600" kern="0" dirty="0">
              <a:solidFill>
                <a:prstClr val="black"/>
              </a:solidFill>
              <a:latin typeface="Meiryo UI" panose="020B0604030504040204" pitchFamily="50" charset="-128"/>
              <a:ea typeface="Meiryo UI" panose="020B0604030504040204" pitchFamily="50" charset="-128"/>
            </a:endParaRPr>
          </a:p>
        </p:txBody>
      </p:sp>
      <p:sp>
        <p:nvSpPr>
          <p:cNvPr id="3" name="角丸四角形 18">
            <a:extLst>
              <a:ext uri="{FF2B5EF4-FFF2-40B4-BE49-F238E27FC236}">
                <a16:creationId xmlns:a16="http://schemas.microsoft.com/office/drawing/2014/main" id="{D69516D5-0E13-5410-CFDA-C4C4CB12DA12}"/>
              </a:ext>
            </a:extLst>
          </p:cNvPr>
          <p:cNvSpPr/>
          <p:nvPr/>
        </p:nvSpPr>
        <p:spPr>
          <a:xfrm>
            <a:off x="72908" y="96839"/>
            <a:ext cx="817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sp>
        <p:nvSpPr>
          <p:cNvPr id="9" name="正方形/長方形 8">
            <a:extLst>
              <a:ext uri="{FF2B5EF4-FFF2-40B4-BE49-F238E27FC236}">
                <a16:creationId xmlns:a16="http://schemas.microsoft.com/office/drawing/2014/main" id="{AB788875-C49F-DEE0-8B84-17949CA72AB3}"/>
              </a:ext>
            </a:extLst>
          </p:cNvPr>
          <p:cNvSpPr/>
          <p:nvPr/>
        </p:nvSpPr>
        <p:spPr>
          <a:xfrm>
            <a:off x="1471778" y="3612655"/>
            <a:ext cx="7425479" cy="584775"/>
          </a:xfrm>
          <a:prstGeom prst="rect">
            <a:avLst/>
          </a:prstGeom>
          <a:solidFill>
            <a:srgbClr val="FFFF00"/>
          </a:solid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ja-JP" altLang="en-US" sz="1600" kern="0" dirty="0">
                <a:latin typeface="Meiryo UI" panose="020B0604030504040204" pitchFamily="50" charset="-128"/>
                <a:ea typeface="Meiryo UI" panose="020B0604030504040204" pitchFamily="50" charset="-128"/>
              </a:rPr>
              <a:t>改善項目：工事完成後に道路管理者への</a:t>
            </a:r>
            <a:r>
              <a:rPr kumimoji="1" lang="ja-JP" altLang="en-US" sz="1600" kern="0" dirty="0">
                <a:solidFill>
                  <a:srgbClr val="FF0000"/>
                </a:solidFill>
                <a:latin typeface="Meiryo UI" panose="020B0604030504040204" pitchFamily="50" charset="-128"/>
                <a:ea typeface="Meiryo UI" panose="020B0604030504040204" pitchFamily="50" charset="-128"/>
              </a:rPr>
              <a:t>竣工届提出が適切に行われていなかった</a:t>
            </a:r>
            <a:endParaRPr kumimoji="1" lang="en-US" altLang="ja-JP" sz="1600" kern="0" dirty="0">
              <a:solidFill>
                <a:srgbClr val="FF0000"/>
              </a:solidFill>
              <a:latin typeface="Meiryo UI" panose="020B0604030504040204" pitchFamily="50" charset="-128"/>
              <a:ea typeface="Meiryo UI" panose="020B0604030504040204" pitchFamily="50" charset="-128"/>
            </a:endParaRPr>
          </a:p>
          <a:p>
            <a:pPr marR="0" lvl="0" defTabSz="457200" eaLnBrk="1" fontAlgn="auto" latinLnBrk="0" hangingPunct="1">
              <a:lnSpc>
                <a:spcPct val="100000"/>
              </a:lnSpc>
              <a:spcBef>
                <a:spcPts val="0"/>
              </a:spcBef>
              <a:spcAft>
                <a:spcPts val="0"/>
              </a:spcAft>
              <a:buClrTx/>
              <a:buSzTx/>
              <a:tabLst/>
              <a:defRPr/>
            </a:pPr>
            <a:r>
              <a:rPr kumimoji="1" lang="ja-JP" altLang="en-US" sz="1600" kern="0" dirty="0">
                <a:latin typeface="Meiryo UI" panose="020B0604030504040204" pitchFamily="50" charset="-128"/>
                <a:ea typeface="Meiryo UI" panose="020B0604030504040204" pitchFamily="50" charset="-128"/>
              </a:rPr>
              <a:t>　　　　　　　　⇒改善内容については次々ページを参照</a:t>
            </a:r>
            <a:endParaRPr lang="en-US" altLang="ja-JP" sz="1600" kern="0" dirty="0">
              <a:latin typeface="Meiryo UI" panose="020B0604030504040204" pitchFamily="50" charset="-128"/>
              <a:ea typeface="Meiryo UI" panose="020B0604030504040204" pitchFamily="50" charset="-128"/>
            </a:endParaRPr>
          </a:p>
        </p:txBody>
      </p:sp>
      <p:sp>
        <p:nvSpPr>
          <p:cNvPr id="17" name="正方形/長方形 16">
            <a:extLst>
              <a:ext uri="{FF2B5EF4-FFF2-40B4-BE49-F238E27FC236}">
                <a16:creationId xmlns:a16="http://schemas.microsoft.com/office/drawing/2014/main" id="{E2747FA5-0526-9C47-53EF-E94AF90C42F2}"/>
              </a:ext>
            </a:extLst>
          </p:cNvPr>
          <p:cNvSpPr/>
          <p:nvPr/>
        </p:nvSpPr>
        <p:spPr>
          <a:xfrm>
            <a:off x="94513" y="4480485"/>
            <a:ext cx="8802744" cy="369332"/>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ja-JP" altLang="en-US" kern="0" dirty="0">
                <a:latin typeface="Meiryo UI" panose="020B0604030504040204" pitchFamily="50" charset="-128"/>
                <a:ea typeface="Meiryo UI" panose="020B0604030504040204" pitchFamily="50" charset="-128"/>
              </a:rPr>
              <a:t>（</a:t>
            </a:r>
            <a:r>
              <a:rPr kumimoji="1" lang="ja-JP" altLang="en-US"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取付管・マンホール蓋の改築更新、舗装積み残し）</a:t>
            </a:r>
            <a:endParaRPr kumimoji="0" lang="en-US" altLang="ja-JP" b="0" i="0" u="none" strike="noStrike" kern="0" cap="none" spc="0" normalizeH="0" baseline="0" noProof="0" dirty="0">
              <a:ln w="0"/>
              <a:solidFill>
                <a:prstClr val="black"/>
              </a:solidFill>
              <a:effectLst/>
              <a:uLnTx/>
              <a:uFillTx/>
              <a:latin typeface="Segoe UI"/>
              <a:ea typeface="Meiryo UI"/>
              <a:cs typeface="+mn-cs"/>
            </a:endParaRPr>
          </a:p>
        </p:txBody>
      </p:sp>
      <p:sp>
        <p:nvSpPr>
          <p:cNvPr id="18" name="正方形/長方形 17">
            <a:extLst>
              <a:ext uri="{FF2B5EF4-FFF2-40B4-BE49-F238E27FC236}">
                <a16:creationId xmlns:a16="http://schemas.microsoft.com/office/drawing/2014/main" id="{BF82CE97-1DE8-6209-12D3-7135F79E157D}"/>
              </a:ext>
            </a:extLst>
          </p:cNvPr>
          <p:cNvSpPr/>
          <p:nvPr/>
        </p:nvSpPr>
        <p:spPr>
          <a:xfrm>
            <a:off x="4578803" y="4849817"/>
            <a:ext cx="5037913" cy="584775"/>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ja-JP" altLang="en-US" sz="1600"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総評：　</a:t>
            </a:r>
            <a:r>
              <a:rPr kumimoji="1" lang="en-US" altLang="ja-JP" sz="1600"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R7</a:t>
            </a:r>
            <a:r>
              <a:rPr kumimoji="1" lang="ja-JP" altLang="en-US" sz="1600"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年度より開始したモニタリングでもあり、全体的に</a:t>
            </a:r>
            <a:endParaRPr kumimoji="1" lang="en-US" altLang="ja-JP" sz="1600"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R="0" lvl="0" defTabSz="457200" eaLnBrk="1" fontAlgn="auto" latinLnBrk="0" hangingPunct="1">
              <a:lnSpc>
                <a:spcPct val="100000"/>
              </a:lnSpc>
              <a:spcBef>
                <a:spcPts val="0"/>
              </a:spcBef>
              <a:spcAft>
                <a:spcPts val="0"/>
              </a:spcAft>
              <a:buClrTx/>
              <a:buSzTx/>
              <a:tabLst/>
              <a:defRPr/>
            </a:pPr>
            <a:r>
              <a:rPr kumimoji="1" lang="ja-JP" altLang="en-US" sz="1600" kern="0" dirty="0">
                <a:latin typeface="Meiryo UI" panose="020B0604030504040204" pitchFamily="50" charset="-128"/>
                <a:ea typeface="Meiryo UI" panose="020B0604030504040204" pitchFamily="50" charset="-128"/>
              </a:rPr>
              <a:t>　　　　　 </a:t>
            </a:r>
            <a:r>
              <a:rPr kumimoji="1" lang="ja-JP" altLang="en-US" sz="1600"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改善を要する点が多かった。</a:t>
            </a:r>
            <a:endParaRPr lang="en-US" altLang="ja-JP" sz="1600" kern="0" dirty="0">
              <a:solidFill>
                <a:prstClr val="black"/>
              </a:solidFill>
              <a:latin typeface="Meiryo UI" panose="020B0604030504040204" pitchFamily="50" charset="-128"/>
              <a:ea typeface="Meiryo UI" panose="020B0604030504040204" pitchFamily="50" charset="-128"/>
            </a:endParaRPr>
          </a:p>
        </p:txBody>
      </p:sp>
      <p:graphicFrame>
        <p:nvGraphicFramePr>
          <p:cNvPr id="19" name="表 18">
            <a:extLst>
              <a:ext uri="{FF2B5EF4-FFF2-40B4-BE49-F238E27FC236}">
                <a16:creationId xmlns:a16="http://schemas.microsoft.com/office/drawing/2014/main" id="{0BE3DDB0-6755-25B1-19C0-EDD126439E52}"/>
              </a:ext>
            </a:extLst>
          </p:cNvPr>
          <p:cNvGraphicFramePr>
            <a:graphicFrameLocks noGrp="1"/>
          </p:cNvGraphicFramePr>
          <p:nvPr>
            <p:extLst>
              <p:ext uri="{D42A27DB-BD31-4B8C-83A1-F6EECF244321}">
                <p14:modId xmlns:p14="http://schemas.microsoft.com/office/powerpoint/2010/main" val="1757169759"/>
              </p:ext>
            </p:extLst>
          </p:nvPr>
        </p:nvGraphicFramePr>
        <p:xfrm>
          <a:off x="105586" y="4849817"/>
          <a:ext cx="4380605" cy="1676400"/>
        </p:xfrm>
        <a:graphic>
          <a:graphicData uri="http://schemas.openxmlformats.org/drawingml/2006/table">
            <a:tbl>
              <a:tblPr firstRow="1" bandRow="1">
                <a:tableStyleId>{5C22544A-7EE6-4342-B048-85BDC9FD1C3A}</a:tableStyleId>
              </a:tblPr>
              <a:tblGrid>
                <a:gridCol w="2173105">
                  <a:extLst>
                    <a:ext uri="{9D8B030D-6E8A-4147-A177-3AD203B41FA5}">
                      <a16:colId xmlns:a16="http://schemas.microsoft.com/office/drawing/2014/main" val="2757673519"/>
                    </a:ext>
                  </a:extLst>
                </a:gridCol>
                <a:gridCol w="2207500">
                  <a:extLst>
                    <a:ext uri="{9D8B030D-6E8A-4147-A177-3AD203B41FA5}">
                      <a16:colId xmlns:a16="http://schemas.microsoft.com/office/drawing/2014/main" val="2158946185"/>
                    </a:ext>
                  </a:extLst>
                </a:gridCol>
              </a:tblGrid>
              <a:tr h="237506">
                <a:tc>
                  <a:txBody>
                    <a:bodyPr/>
                    <a:lstStyle/>
                    <a:p>
                      <a:pPr algn="l"/>
                      <a:endParaRPr kumimoji="1" lang="ja-JP" altLang="en-US" sz="1600" dirty="0"/>
                    </a:p>
                  </a:txBody>
                  <a:tcPr anchor="ctr"/>
                </a:tc>
                <a:tc>
                  <a:txBody>
                    <a:bodyPr/>
                    <a:lstStyle/>
                    <a:p>
                      <a:pPr algn="ctr"/>
                      <a:r>
                        <a:rPr kumimoji="1" lang="ja-JP" altLang="en-US" sz="1600" dirty="0"/>
                        <a:t>施設管理課</a:t>
                      </a:r>
                    </a:p>
                  </a:txBody>
                  <a:tcPr anchor="ctr"/>
                </a:tc>
                <a:extLst>
                  <a:ext uri="{0D108BD9-81ED-4DB2-BD59-A6C34878D82A}">
                    <a16:rowId xmlns:a16="http://schemas.microsoft.com/office/drawing/2014/main" val="2400124223"/>
                  </a:ext>
                </a:extLst>
              </a:tr>
              <a:tr h="237506">
                <a:tc>
                  <a:txBody>
                    <a:bodyPr/>
                    <a:lstStyle/>
                    <a:p>
                      <a:pPr algn="l"/>
                      <a:r>
                        <a:rPr kumimoji="1" lang="ja-JP" altLang="en-US" sz="1600" dirty="0"/>
                        <a:t>○：問題なし</a:t>
                      </a:r>
                    </a:p>
                  </a:txBody>
                  <a:tcPr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dirty="0">
                          <a:solidFill>
                            <a:schemeClr val="tx1"/>
                          </a:solidFill>
                        </a:rPr>
                        <a:t>4</a:t>
                      </a:r>
                      <a:r>
                        <a:rPr kumimoji="1" lang="ja-JP" altLang="en-US" sz="1600" dirty="0">
                          <a:solidFill>
                            <a:schemeClr val="tx1"/>
                          </a:solidFill>
                        </a:rPr>
                        <a:t>項目</a:t>
                      </a:r>
                      <a:r>
                        <a:rPr kumimoji="1" lang="ja-JP" altLang="en-US" sz="1600" dirty="0"/>
                        <a:t>／</a:t>
                      </a:r>
                      <a:r>
                        <a:rPr kumimoji="1" lang="en-US" altLang="ja-JP" sz="1600" dirty="0"/>
                        <a:t>8</a:t>
                      </a:r>
                      <a:r>
                        <a:rPr kumimoji="1" lang="ja-JP" altLang="en-US" sz="1600" dirty="0"/>
                        <a:t>項目</a:t>
                      </a:r>
                    </a:p>
                  </a:txBody>
                  <a:tcPr anchor="ctr"/>
                </a:tc>
                <a:extLst>
                  <a:ext uri="{0D108BD9-81ED-4DB2-BD59-A6C34878D82A}">
                    <a16:rowId xmlns:a16="http://schemas.microsoft.com/office/drawing/2014/main" val="3857537624"/>
                  </a:ext>
                </a:extLst>
              </a:tr>
              <a:tr h="237506">
                <a:tc>
                  <a:txBody>
                    <a:bodyPr/>
                    <a:lstStyle/>
                    <a:p>
                      <a:pPr algn="l"/>
                      <a:r>
                        <a:rPr kumimoji="1" lang="ja-JP" altLang="en-US" sz="1600" dirty="0"/>
                        <a:t>△：改善要</a:t>
                      </a:r>
                    </a:p>
                  </a:txBody>
                  <a:tcPr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b="1" dirty="0">
                          <a:solidFill>
                            <a:srgbClr val="FF0000"/>
                          </a:solidFill>
                        </a:rPr>
                        <a:t>3</a:t>
                      </a:r>
                      <a:r>
                        <a:rPr kumimoji="1" lang="ja-JP" altLang="en-US" sz="1600" b="1" dirty="0">
                          <a:solidFill>
                            <a:srgbClr val="FF0000"/>
                          </a:solidFill>
                        </a:rPr>
                        <a:t>項目</a:t>
                      </a:r>
                      <a:r>
                        <a:rPr kumimoji="1" lang="ja-JP" altLang="en-US" sz="1600" dirty="0"/>
                        <a:t>／</a:t>
                      </a:r>
                      <a:r>
                        <a:rPr kumimoji="1" lang="en-US" altLang="ja-JP" sz="1600" dirty="0"/>
                        <a:t>8</a:t>
                      </a:r>
                      <a:r>
                        <a:rPr kumimoji="1" lang="ja-JP" altLang="en-US" sz="1600" dirty="0"/>
                        <a:t>項目</a:t>
                      </a:r>
                    </a:p>
                  </a:txBody>
                  <a:tcPr anchor="ctr"/>
                </a:tc>
                <a:extLst>
                  <a:ext uri="{0D108BD9-81ED-4DB2-BD59-A6C34878D82A}">
                    <a16:rowId xmlns:a16="http://schemas.microsoft.com/office/drawing/2014/main" val="1849096716"/>
                  </a:ext>
                </a:extLst>
              </a:tr>
              <a:tr h="237506">
                <a:tc>
                  <a:txBody>
                    <a:bodyPr/>
                    <a:lstStyle/>
                    <a:p>
                      <a:pPr algn="l"/>
                      <a:r>
                        <a:rPr kumimoji="1" lang="en-US" altLang="ja-JP" sz="1600" dirty="0"/>
                        <a:t>×</a:t>
                      </a:r>
                      <a:r>
                        <a:rPr kumimoji="1" lang="ja-JP" altLang="en-US" sz="1600" dirty="0"/>
                        <a:t>：問題あり</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ja-JP" altLang="en-US" sz="1600" dirty="0"/>
                        <a:t>０項目／</a:t>
                      </a:r>
                      <a:r>
                        <a:rPr kumimoji="1" lang="en-US" altLang="ja-JP" sz="1600" dirty="0"/>
                        <a:t>8</a:t>
                      </a:r>
                      <a:r>
                        <a:rPr kumimoji="1" lang="ja-JP" altLang="en-US" sz="1600" dirty="0"/>
                        <a:t>項目</a:t>
                      </a:r>
                    </a:p>
                  </a:txBody>
                  <a:tcPr anchor="ctr"/>
                </a:tc>
                <a:extLst>
                  <a:ext uri="{0D108BD9-81ED-4DB2-BD59-A6C34878D82A}">
                    <a16:rowId xmlns:a16="http://schemas.microsoft.com/office/drawing/2014/main" val="1952381308"/>
                  </a:ext>
                </a:extLst>
              </a:tr>
              <a:tr h="237506">
                <a:tc>
                  <a:txBody>
                    <a:bodyPr/>
                    <a:lstStyle/>
                    <a:p>
                      <a:pPr algn="l"/>
                      <a:r>
                        <a:rPr kumimoji="1" lang="en-US" altLang="ja-JP" sz="1600" dirty="0"/>
                        <a:t>7</a:t>
                      </a:r>
                      <a:r>
                        <a:rPr kumimoji="1" lang="ja-JP" altLang="en-US" sz="1600" dirty="0"/>
                        <a:t>年度上半期実績なし</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en-US" altLang="ja-JP" sz="1600" dirty="0"/>
                        <a:t>1</a:t>
                      </a:r>
                      <a:r>
                        <a:rPr kumimoji="1" lang="ja-JP" altLang="en-US" sz="1600" dirty="0"/>
                        <a:t>項目／</a:t>
                      </a:r>
                      <a:r>
                        <a:rPr kumimoji="1" lang="en-US" altLang="ja-JP" sz="1600" dirty="0"/>
                        <a:t>8</a:t>
                      </a:r>
                      <a:r>
                        <a:rPr kumimoji="1" lang="ja-JP" altLang="en-US" sz="1600" dirty="0"/>
                        <a:t>項目</a:t>
                      </a:r>
                    </a:p>
                  </a:txBody>
                  <a:tcPr anchor="ctr"/>
                </a:tc>
                <a:extLst>
                  <a:ext uri="{0D108BD9-81ED-4DB2-BD59-A6C34878D82A}">
                    <a16:rowId xmlns:a16="http://schemas.microsoft.com/office/drawing/2014/main" val="1879421834"/>
                  </a:ext>
                </a:extLst>
              </a:tr>
            </a:tbl>
          </a:graphicData>
        </a:graphic>
      </p:graphicFrame>
      <p:sp>
        <p:nvSpPr>
          <p:cNvPr id="6" name="正方形/長方形 5">
            <a:extLst>
              <a:ext uri="{FF2B5EF4-FFF2-40B4-BE49-F238E27FC236}">
                <a16:creationId xmlns:a16="http://schemas.microsoft.com/office/drawing/2014/main" id="{FA1F0872-438E-45AE-DE81-A0F002C25977}"/>
              </a:ext>
            </a:extLst>
          </p:cNvPr>
          <p:cNvSpPr/>
          <p:nvPr/>
        </p:nvSpPr>
        <p:spPr>
          <a:xfrm>
            <a:off x="4600575" y="5434592"/>
            <a:ext cx="5037913" cy="1077218"/>
          </a:xfrm>
          <a:prstGeom prst="rect">
            <a:avLst/>
          </a:prstGeom>
          <a:solidFill>
            <a:srgbClr val="FFFF00"/>
          </a:solid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ja-JP" altLang="en-US" sz="1600" kern="0" dirty="0">
                <a:latin typeface="Meiryo UI" panose="020B0604030504040204" pitchFamily="50" charset="-128"/>
                <a:ea typeface="Meiryo UI" panose="020B0604030504040204" pitchFamily="50" charset="-128"/>
              </a:rPr>
              <a:t>改善項目</a:t>
            </a:r>
            <a:r>
              <a:rPr kumimoji="1" lang="ja-JP" altLang="en-US" sz="160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舗装路面２次復旧</a:t>
            </a:r>
            <a:endParaRPr kumimoji="1" lang="en-US" altLang="ja-JP" sz="160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R="0" lvl="0" defTabSz="457200" eaLnBrk="1" fontAlgn="auto" latinLnBrk="0" hangingPunct="1">
              <a:lnSpc>
                <a:spcPct val="100000"/>
              </a:lnSpc>
              <a:spcBef>
                <a:spcPts val="0"/>
              </a:spcBef>
              <a:spcAft>
                <a:spcPts val="0"/>
              </a:spcAft>
              <a:buClrTx/>
              <a:buSzTx/>
              <a:tabLst/>
              <a:defRPr/>
            </a:pPr>
            <a:r>
              <a:rPr kumimoji="1" lang="ja-JP" altLang="en-US" sz="1600" kern="0" dirty="0">
                <a:latin typeface="Meiryo UI" panose="020B0604030504040204" pitchFamily="50" charset="-128"/>
                <a:ea typeface="Meiryo UI" panose="020B0604030504040204" pitchFamily="50" charset="-128"/>
              </a:rPr>
              <a:t>　　　　　　　 ⇒進捗</a:t>
            </a:r>
            <a:r>
              <a:rPr kumimoji="1" lang="ja-JP" altLang="en-US" sz="1600" kern="0" dirty="0">
                <a:solidFill>
                  <a:srgbClr val="FF0000"/>
                </a:solidFill>
                <a:latin typeface="Meiryo UI" panose="020B0604030504040204" pitchFamily="50" charset="-128"/>
                <a:ea typeface="Meiryo UI" panose="020B0604030504040204" pitchFamily="50" charset="-128"/>
              </a:rPr>
              <a:t>管理表に施工年次の欄を設ける</a:t>
            </a:r>
            <a:endParaRPr kumimoji="1" lang="en-US" altLang="ja-JP" sz="1600" kern="0" dirty="0">
              <a:solidFill>
                <a:srgbClr val="FF0000"/>
              </a:solidFill>
              <a:latin typeface="Meiryo UI" panose="020B0604030504040204" pitchFamily="50" charset="-128"/>
              <a:ea typeface="Meiryo UI" panose="020B0604030504040204" pitchFamily="50" charset="-128"/>
            </a:endParaRPr>
          </a:p>
          <a:p>
            <a:pPr marR="0" lvl="0" defTabSz="457200" eaLnBrk="1" fontAlgn="auto" latinLnBrk="0" hangingPunct="1">
              <a:lnSpc>
                <a:spcPct val="100000"/>
              </a:lnSpc>
              <a:spcBef>
                <a:spcPts val="0"/>
              </a:spcBef>
              <a:spcAft>
                <a:spcPts val="0"/>
              </a:spcAft>
              <a:buClrTx/>
              <a:buSzTx/>
              <a:tabLst/>
              <a:defRPr/>
            </a:pPr>
            <a:r>
              <a:rPr kumimoji="1" lang="ja-JP" altLang="en-US" sz="1600" kern="0" dirty="0">
                <a:latin typeface="Meiryo UI" panose="020B0604030504040204" pitchFamily="50" charset="-128"/>
                <a:ea typeface="Meiryo UI" panose="020B0604030504040204" pitchFamily="50" charset="-128"/>
              </a:rPr>
              <a:t>　　　　　　　 マンホール蓋改築</a:t>
            </a:r>
            <a:endParaRPr kumimoji="1" lang="en-US" altLang="ja-JP" sz="1600" kern="0" dirty="0">
              <a:latin typeface="Meiryo UI" panose="020B0604030504040204" pitchFamily="50" charset="-128"/>
              <a:ea typeface="Meiryo UI" panose="020B0604030504040204" pitchFamily="50" charset="-128"/>
            </a:endParaRPr>
          </a:p>
          <a:p>
            <a:pPr marR="0" lvl="0" defTabSz="457200" eaLnBrk="1" fontAlgn="auto" latinLnBrk="0" hangingPunct="1">
              <a:lnSpc>
                <a:spcPct val="100000"/>
              </a:lnSpc>
              <a:spcBef>
                <a:spcPts val="0"/>
              </a:spcBef>
              <a:spcAft>
                <a:spcPts val="0"/>
              </a:spcAft>
              <a:buClrTx/>
              <a:buSzTx/>
              <a:tabLst/>
              <a:defRPr/>
            </a:pPr>
            <a:r>
              <a:rPr kumimoji="1" lang="ja-JP" altLang="en-US" sz="1600" kern="0" dirty="0">
                <a:latin typeface="Meiryo UI" panose="020B0604030504040204" pitchFamily="50" charset="-128"/>
                <a:ea typeface="Meiryo UI" panose="020B0604030504040204" pitchFamily="50" charset="-128"/>
              </a:rPr>
              <a:t>　　　　　　　 ⇒進捗管理方法及び</a:t>
            </a:r>
            <a:r>
              <a:rPr kumimoji="1" lang="ja-JP" altLang="en-US" sz="1600" kern="0" dirty="0">
                <a:solidFill>
                  <a:srgbClr val="FF0000"/>
                </a:solidFill>
                <a:latin typeface="Meiryo UI" panose="020B0604030504040204" pitchFamily="50" charset="-128"/>
                <a:ea typeface="Meiryo UI" panose="020B0604030504040204" pitchFamily="50" charset="-128"/>
              </a:rPr>
              <a:t>進捗改善方法の強化　</a:t>
            </a:r>
            <a:endParaRPr lang="en-US" altLang="ja-JP" sz="1600" kern="0" dirty="0">
              <a:solidFill>
                <a:srgbClr val="FF0000"/>
              </a:solidFill>
              <a:latin typeface="Meiryo UI" panose="020B0604030504040204" pitchFamily="50" charset="-128"/>
              <a:ea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36EC18DB-A5DF-4E0E-B815-FCD04A2C4B2C}" type="slidenum">
              <a:rPr kumimoji="1" lang="ja-JP" altLang="en-US" smtClean="0"/>
              <a:t>21</a:t>
            </a:fld>
            <a:endParaRPr kumimoji="1" lang="ja-JP" altLang="en-US" dirty="0"/>
          </a:p>
        </p:txBody>
      </p:sp>
    </p:spTree>
    <p:extLst>
      <p:ext uri="{BB962C8B-B14F-4D97-AF65-F5344CB8AC3E}">
        <p14:creationId xmlns:p14="http://schemas.microsoft.com/office/powerpoint/2010/main" val="3297368568"/>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7401669-0695-A102-0423-85597141E12B}"/>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C3EB8EB7-979B-ABCE-8E50-2EF0F1588D85}"/>
              </a:ext>
            </a:extLst>
          </p:cNvPr>
          <p:cNvSpPr>
            <a:spLocks noGrp="1"/>
          </p:cNvSpPr>
          <p:nvPr>
            <p:ph type="sldNum" sz="quarter" idx="12"/>
          </p:nvPr>
        </p:nvSpPr>
        <p:spPr/>
        <p:txBody>
          <a:bodyPr/>
          <a:lstStyle/>
          <a:p>
            <a:fld id="{36EC18DB-A5DF-4E0E-B815-FCD04A2C4B2C}" type="slidenum">
              <a:rPr kumimoji="1" lang="ja-JP" altLang="en-US" smtClean="0"/>
              <a:t>22</a:t>
            </a:fld>
            <a:endParaRPr kumimoji="1" lang="ja-JP" altLang="en-US"/>
          </a:p>
        </p:txBody>
      </p:sp>
      <p:sp>
        <p:nvSpPr>
          <p:cNvPr id="12" name="正方形/長方形 11">
            <a:extLst>
              <a:ext uri="{FF2B5EF4-FFF2-40B4-BE49-F238E27FC236}">
                <a16:creationId xmlns:a16="http://schemas.microsoft.com/office/drawing/2014/main" id="{234F4B27-9CF1-12E3-BB54-DF537F079162}"/>
              </a:ext>
            </a:extLst>
          </p:cNvPr>
          <p:cNvSpPr/>
          <p:nvPr/>
        </p:nvSpPr>
        <p:spPr>
          <a:xfrm>
            <a:off x="94513" y="795571"/>
            <a:ext cx="9370977" cy="461665"/>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ja-JP" altLang="en-US" sz="2400" b="0" i="0" u="sng"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モニタリング結果総括表</a:t>
            </a:r>
            <a:endParaRPr lang="en-US" altLang="ja-JP" sz="2400" u="sng" kern="0" dirty="0">
              <a:solidFill>
                <a:prstClr val="black"/>
              </a:solidFill>
              <a:latin typeface="Meiryo UI" panose="020B0604030504040204" pitchFamily="50" charset="-128"/>
              <a:ea typeface="Meiryo UI" panose="020B0604030504040204" pitchFamily="50" charset="-128"/>
            </a:endParaRPr>
          </a:p>
        </p:txBody>
      </p:sp>
      <p:sp>
        <p:nvSpPr>
          <p:cNvPr id="16" name="正方形/長方形 15">
            <a:extLst>
              <a:ext uri="{FF2B5EF4-FFF2-40B4-BE49-F238E27FC236}">
                <a16:creationId xmlns:a16="http://schemas.microsoft.com/office/drawing/2014/main" id="{BB2479A2-8E43-AF17-8EF0-C5D2895D8FDF}"/>
              </a:ext>
            </a:extLst>
          </p:cNvPr>
          <p:cNvSpPr/>
          <p:nvPr/>
        </p:nvSpPr>
        <p:spPr>
          <a:xfrm>
            <a:off x="3301372" y="918909"/>
            <a:ext cx="6510115" cy="346238"/>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en-US" altLang="ja-JP" sz="1600" kern="0" dirty="0">
                <a:latin typeface="Meiryo UI" panose="020B0604030504040204" pitchFamily="50" charset="-128"/>
                <a:ea typeface="Meiryo UI" panose="020B0604030504040204" pitchFamily="50" charset="-128"/>
              </a:rPr>
              <a:t>※</a:t>
            </a:r>
            <a:r>
              <a:rPr kumimoji="1" lang="ja-JP" altLang="en-US" sz="1600" kern="0" dirty="0">
                <a:latin typeface="Meiryo UI" panose="020B0604030504040204" pitchFamily="50" charset="-128"/>
                <a:ea typeface="Meiryo UI" panose="020B0604030504040204" pitchFamily="50" charset="-128"/>
              </a:rPr>
              <a:t>項目ごとのモニタリング結果については、別添資料を参照</a:t>
            </a:r>
            <a:endParaRPr lang="en-US" altLang="ja-JP" sz="1600" kern="0" dirty="0">
              <a:solidFill>
                <a:prstClr val="black"/>
              </a:solidFill>
              <a:latin typeface="Meiryo UI" panose="020B0604030504040204" pitchFamily="50" charset="-128"/>
              <a:ea typeface="Meiryo UI" panose="020B0604030504040204" pitchFamily="50" charset="-128"/>
            </a:endParaRPr>
          </a:p>
        </p:txBody>
      </p:sp>
      <p:sp>
        <p:nvSpPr>
          <p:cNvPr id="3" name="角丸四角形 18">
            <a:extLst>
              <a:ext uri="{FF2B5EF4-FFF2-40B4-BE49-F238E27FC236}">
                <a16:creationId xmlns:a16="http://schemas.microsoft.com/office/drawing/2014/main" id="{6B11EECC-2D6C-878A-DEE1-818A264FB341}"/>
              </a:ext>
            </a:extLst>
          </p:cNvPr>
          <p:cNvSpPr/>
          <p:nvPr/>
        </p:nvSpPr>
        <p:spPr>
          <a:xfrm>
            <a:off x="72908" y="96839"/>
            <a:ext cx="817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sp>
        <p:nvSpPr>
          <p:cNvPr id="4" name="正方形/長方形 3">
            <a:extLst>
              <a:ext uri="{FF2B5EF4-FFF2-40B4-BE49-F238E27FC236}">
                <a16:creationId xmlns:a16="http://schemas.microsoft.com/office/drawing/2014/main" id="{2C812355-D89C-64C3-DA3D-BE9EA1C21A30}"/>
              </a:ext>
            </a:extLst>
          </p:cNvPr>
          <p:cNvSpPr/>
          <p:nvPr/>
        </p:nvSpPr>
        <p:spPr>
          <a:xfrm>
            <a:off x="94513" y="1398239"/>
            <a:ext cx="3971931" cy="369332"/>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en-US" altLang="ja-JP" kern="0" dirty="0">
                <a:latin typeface="Meiryo UI" panose="020B0604030504040204" pitchFamily="50" charset="-128"/>
                <a:ea typeface="Meiryo UI" panose="020B0604030504040204" pitchFamily="50" charset="-128"/>
              </a:rPr>
              <a:t>【</a:t>
            </a:r>
            <a:r>
              <a:rPr kumimoji="1" lang="ja-JP" altLang="en-US" kern="0" dirty="0">
                <a:latin typeface="Meiryo UI" panose="020B0604030504040204" pitchFamily="50" charset="-128"/>
                <a:ea typeface="Meiryo UI" panose="020B0604030504040204" pitchFamily="50" charset="-128"/>
              </a:rPr>
              <a:t>下水処理場・抽水所</a:t>
            </a:r>
            <a:r>
              <a:rPr kumimoji="1" lang="ja-JP" altLang="en-US"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施設</a:t>
            </a:r>
            <a:r>
              <a:rPr kumimoji="1" lang="en-US" altLang="ja-JP"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a:t>
            </a:r>
            <a:endParaRPr kumimoji="0" lang="en-US" altLang="ja-JP" b="0" i="0" u="none" strike="noStrike" kern="0" cap="none" spc="0" normalizeH="0" baseline="0" noProof="0" dirty="0">
              <a:ln w="0"/>
              <a:solidFill>
                <a:prstClr val="black"/>
              </a:solidFill>
              <a:effectLst/>
              <a:uLnTx/>
              <a:uFillTx/>
              <a:latin typeface="Segoe UI"/>
              <a:ea typeface="Meiryo UI"/>
              <a:cs typeface="+mn-cs"/>
            </a:endParaRPr>
          </a:p>
        </p:txBody>
      </p:sp>
      <p:graphicFrame>
        <p:nvGraphicFramePr>
          <p:cNvPr id="6" name="表 5">
            <a:extLst>
              <a:ext uri="{FF2B5EF4-FFF2-40B4-BE49-F238E27FC236}">
                <a16:creationId xmlns:a16="http://schemas.microsoft.com/office/drawing/2014/main" id="{5D5AA422-02A0-CC52-9165-95C342676D87}"/>
              </a:ext>
            </a:extLst>
          </p:cNvPr>
          <p:cNvGraphicFramePr>
            <a:graphicFrameLocks noGrp="1"/>
          </p:cNvGraphicFramePr>
          <p:nvPr>
            <p:extLst>
              <p:ext uri="{D42A27DB-BD31-4B8C-83A1-F6EECF244321}">
                <p14:modId xmlns:p14="http://schemas.microsoft.com/office/powerpoint/2010/main" val="103314852"/>
              </p:ext>
            </p:extLst>
          </p:nvPr>
        </p:nvGraphicFramePr>
        <p:xfrm>
          <a:off x="94513" y="1767571"/>
          <a:ext cx="9716975" cy="1341120"/>
        </p:xfrm>
        <a:graphic>
          <a:graphicData uri="http://schemas.openxmlformats.org/drawingml/2006/table">
            <a:tbl>
              <a:tblPr firstRow="1" bandRow="1">
                <a:tableStyleId>{5C22544A-7EE6-4342-B048-85BDC9FD1C3A}</a:tableStyleId>
              </a:tblPr>
              <a:tblGrid>
                <a:gridCol w="1426963">
                  <a:extLst>
                    <a:ext uri="{9D8B030D-6E8A-4147-A177-3AD203B41FA5}">
                      <a16:colId xmlns:a16="http://schemas.microsoft.com/office/drawing/2014/main" val="2757673519"/>
                    </a:ext>
                  </a:extLst>
                </a:gridCol>
                <a:gridCol w="2072503">
                  <a:extLst>
                    <a:ext uri="{9D8B030D-6E8A-4147-A177-3AD203B41FA5}">
                      <a16:colId xmlns:a16="http://schemas.microsoft.com/office/drawing/2014/main" val="2158946185"/>
                    </a:ext>
                  </a:extLst>
                </a:gridCol>
                <a:gridCol w="2072503">
                  <a:extLst>
                    <a:ext uri="{9D8B030D-6E8A-4147-A177-3AD203B41FA5}">
                      <a16:colId xmlns:a16="http://schemas.microsoft.com/office/drawing/2014/main" val="437299313"/>
                    </a:ext>
                  </a:extLst>
                </a:gridCol>
                <a:gridCol w="2072503">
                  <a:extLst>
                    <a:ext uri="{9D8B030D-6E8A-4147-A177-3AD203B41FA5}">
                      <a16:colId xmlns:a16="http://schemas.microsoft.com/office/drawing/2014/main" val="2162764744"/>
                    </a:ext>
                  </a:extLst>
                </a:gridCol>
                <a:gridCol w="2072503">
                  <a:extLst>
                    <a:ext uri="{9D8B030D-6E8A-4147-A177-3AD203B41FA5}">
                      <a16:colId xmlns:a16="http://schemas.microsoft.com/office/drawing/2014/main" val="3344813203"/>
                    </a:ext>
                  </a:extLst>
                </a:gridCol>
              </a:tblGrid>
              <a:tr h="237506">
                <a:tc>
                  <a:txBody>
                    <a:bodyPr/>
                    <a:lstStyle/>
                    <a:p>
                      <a:endParaRPr kumimoji="1" lang="ja-JP" altLang="en-US" sz="1600" dirty="0"/>
                    </a:p>
                  </a:txBody>
                  <a:tcPr anchor="ctr"/>
                </a:tc>
                <a:tc>
                  <a:txBody>
                    <a:bodyPr/>
                    <a:lstStyle/>
                    <a:p>
                      <a:pPr algn="ctr"/>
                      <a:r>
                        <a:rPr kumimoji="1" lang="ja-JP" altLang="en-US" sz="1600" dirty="0"/>
                        <a:t>東部</a:t>
                      </a:r>
                    </a:p>
                  </a:txBody>
                  <a:tcPr anchor="ctr"/>
                </a:tc>
                <a:tc>
                  <a:txBody>
                    <a:bodyPr/>
                    <a:lstStyle/>
                    <a:p>
                      <a:pPr algn="ctr"/>
                      <a:r>
                        <a:rPr kumimoji="1" lang="ja-JP" altLang="en-US" sz="1600" dirty="0"/>
                        <a:t>西部</a:t>
                      </a:r>
                    </a:p>
                  </a:txBody>
                  <a:tcPr anchor="ctr"/>
                </a:tc>
                <a:tc>
                  <a:txBody>
                    <a:bodyPr/>
                    <a:lstStyle/>
                    <a:p>
                      <a:pPr algn="ctr"/>
                      <a:r>
                        <a:rPr kumimoji="1" lang="ja-JP" altLang="en-US" sz="1600" dirty="0"/>
                        <a:t>南部</a:t>
                      </a:r>
                    </a:p>
                  </a:txBody>
                  <a:tcPr anchor="ctr"/>
                </a:tc>
                <a:tc>
                  <a:txBody>
                    <a:bodyPr/>
                    <a:lstStyle/>
                    <a:p>
                      <a:pPr algn="ctr"/>
                      <a:r>
                        <a:rPr kumimoji="1" lang="ja-JP" altLang="en-US" sz="1600" dirty="0"/>
                        <a:t>北部</a:t>
                      </a:r>
                    </a:p>
                  </a:txBody>
                  <a:tcPr anchor="ctr"/>
                </a:tc>
                <a:extLst>
                  <a:ext uri="{0D108BD9-81ED-4DB2-BD59-A6C34878D82A}">
                    <a16:rowId xmlns:a16="http://schemas.microsoft.com/office/drawing/2014/main" val="835336845"/>
                  </a:ext>
                </a:extLst>
              </a:tr>
              <a:tr h="237506">
                <a:tc>
                  <a:txBody>
                    <a:bodyPr/>
                    <a:lstStyle/>
                    <a:p>
                      <a:pPr algn="l"/>
                      <a:r>
                        <a:rPr kumimoji="1" lang="ja-JP" altLang="en-US" sz="1600" dirty="0"/>
                        <a:t>○：問題なし</a:t>
                      </a:r>
                    </a:p>
                  </a:txBody>
                  <a:tcPr anchor="ctr"/>
                </a:tc>
                <a:tc>
                  <a:txBody>
                    <a:bodyPr/>
                    <a:lstStyle/>
                    <a:p>
                      <a:pPr algn="ctr"/>
                      <a:r>
                        <a:rPr kumimoji="1" lang="en-US" altLang="ja-JP" sz="1600" dirty="0"/>
                        <a:t>46</a:t>
                      </a:r>
                      <a:r>
                        <a:rPr kumimoji="1" lang="ja-JP" altLang="en-US" sz="1600" dirty="0"/>
                        <a:t>項目／</a:t>
                      </a:r>
                      <a:r>
                        <a:rPr kumimoji="1" lang="en-US" altLang="ja-JP" sz="1600" dirty="0"/>
                        <a:t>46</a:t>
                      </a:r>
                      <a:r>
                        <a:rPr kumimoji="1" lang="ja-JP" altLang="en-US" sz="1600" dirty="0"/>
                        <a:t>項目</a:t>
                      </a:r>
                    </a:p>
                  </a:txBody>
                  <a:tcPr anchor="ctr"/>
                </a:tc>
                <a:tc>
                  <a:txBody>
                    <a:bodyPr/>
                    <a:lstStyle/>
                    <a:p>
                      <a:pPr algn="ctr"/>
                      <a:r>
                        <a:rPr kumimoji="1" lang="en-US" altLang="ja-JP" sz="1600" dirty="0"/>
                        <a:t>45</a:t>
                      </a:r>
                      <a:r>
                        <a:rPr kumimoji="1" lang="ja-JP" altLang="en-US" sz="1600" dirty="0"/>
                        <a:t>項目／</a:t>
                      </a:r>
                      <a:r>
                        <a:rPr kumimoji="1" lang="en-US" altLang="ja-JP" sz="1600" dirty="0"/>
                        <a:t>46</a:t>
                      </a:r>
                      <a:r>
                        <a:rPr kumimoji="1" lang="ja-JP" altLang="en-US" sz="1600" dirty="0"/>
                        <a:t>項目</a:t>
                      </a:r>
                    </a:p>
                  </a:txBody>
                  <a:tcPr anchor="ctr"/>
                </a:tc>
                <a:tc>
                  <a:txBody>
                    <a:bodyPr/>
                    <a:lstStyle/>
                    <a:p>
                      <a:pPr algn="ctr"/>
                      <a:r>
                        <a:rPr kumimoji="1" lang="en-US" altLang="ja-JP" sz="1600" dirty="0"/>
                        <a:t>46</a:t>
                      </a:r>
                      <a:r>
                        <a:rPr kumimoji="1" lang="ja-JP" altLang="en-US" sz="1600" dirty="0"/>
                        <a:t>項目／</a:t>
                      </a:r>
                      <a:r>
                        <a:rPr kumimoji="1" lang="en-US" altLang="ja-JP" sz="1600" dirty="0"/>
                        <a:t>46</a:t>
                      </a:r>
                      <a:r>
                        <a:rPr kumimoji="1" lang="ja-JP" altLang="en-US" sz="1600" dirty="0"/>
                        <a:t>項目</a:t>
                      </a:r>
                    </a:p>
                  </a:txBody>
                  <a:tcPr anchor="ctr"/>
                </a:tc>
                <a:tc>
                  <a:txBody>
                    <a:bodyPr/>
                    <a:lstStyle/>
                    <a:p>
                      <a:pPr algn="ctr"/>
                      <a:r>
                        <a:rPr kumimoji="1" lang="en-US" altLang="ja-JP" sz="1600" dirty="0"/>
                        <a:t>46</a:t>
                      </a:r>
                      <a:r>
                        <a:rPr kumimoji="1" lang="ja-JP" altLang="en-US" sz="1600" dirty="0"/>
                        <a:t>項目／</a:t>
                      </a:r>
                      <a:r>
                        <a:rPr kumimoji="1" lang="en-US" altLang="ja-JP" sz="1600" dirty="0"/>
                        <a:t>46</a:t>
                      </a:r>
                      <a:r>
                        <a:rPr kumimoji="1" lang="ja-JP" altLang="en-US" sz="1600" dirty="0"/>
                        <a:t>項目</a:t>
                      </a:r>
                    </a:p>
                  </a:txBody>
                  <a:tcPr anchor="ctr"/>
                </a:tc>
                <a:extLst>
                  <a:ext uri="{0D108BD9-81ED-4DB2-BD59-A6C34878D82A}">
                    <a16:rowId xmlns:a16="http://schemas.microsoft.com/office/drawing/2014/main" val="2400124223"/>
                  </a:ext>
                </a:extLst>
              </a:tr>
              <a:tr h="237506">
                <a:tc>
                  <a:txBody>
                    <a:bodyPr/>
                    <a:lstStyle/>
                    <a:p>
                      <a:pPr algn="l"/>
                      <a:r>
                        <a:rPr kumimoji="1" lang="ja-JP" altLang="en-US" sz="1600" dirty="0"/>
                        <a:t>△：改善要</a:t>
                      </a:r>
                    </a:p>
                  </a:txBody>
                  <a:tcPr anchor="ctr"/>
                </a:tc>
                <a:tc>
                  <a:txBody>
                    <a:bodyPr/>
                    <a:lstStyle/>
                    <a:p>
                      <a:pPr algn="ctr"/>
                      <a:r>
                        <a:rPr kumimoji="1" lang="ja-JP" altLang="en-US" sz="1600" dirty="0">
                          <a:solidFill>
                            <a:schemeClr val="tx1"/>
                          </a:solidFill>
                        </a:rPr>
                        <a:t>０項目</a:t>
                      </a:r>
                      <a:r>
                        <a:rPr kumimoji="1" lang="ja-JP" altLang="en-US" sz="1600" dirty="0"/>
                        <a:t>／</a:t>
                      </a:r>
                      <a:r>
                        <a:rPr kumimoji="1" lang="en-US" altLang="ja-JP" sz="1600" dirty="0"/>
                        <a:t>46</a:t>
                      </a:r>
                      <a:r>
                        <a:rPr kumimoji="1" lang="ja-JP" altLang="en-US" sz="1600" dirty="0"/>
                        <a:t>項目</a:t>
                      </a:r>
                    </a:p>
                  </a:txBody>
                  <a:tcPr anchor="ctr"/>
                </a:tc>
                <a:tc>
                  <a:txBody>
                    <a:bodyPr/>
                    <a:lstStyle/>
                    <a:p>
                      <a:pPr algn="ctr"/>
                      <a:r>
                        <a:rPr kumimoji="1" lang="en-US" altLang="ja-JP" sz="1600" b="1" dirty="0">
                          <a:solidFill>
                            <a:srgbClr val="FF0000"/>
                          </a:solidFill>
                        </a:rPr>
                        <a:t>1</a:t>
                      </a:r>
                      <a:r>
                        <a:rPr kumimoji="1" lang="ja-JP" altLang="en-US" sz="1600" b="1" dirty="0">
                          <a:solidFill>
                            <a:srgbClr val="FF0000"/>
                          </a:solidFill>
                        </a:rPr>
                        <a:t>項目</a:t>
                      </a:r>
                      <a:r>
                        <a:rPr kumimoji="1" lang="ja-JP" altLang="en-US" sz="1600" dirty="0"/>
                        <a:t>／</a:t>
                      </a:r>
                      <a:r>
                        <a:rPr kumimoji="1" lang="en-US" altLang="ja-JP" sz="1600" dirty="0"/>
                        <a:t>46</a:t>
                      </a:r>
                      <a:r>
                        <a:rPr kumimoji="1" lang="ja-JP" altLang="en-US" sz="1600" dirty="0"/>
                        <a:t>項目</a:t>
                      </a:r>
                    </a:p>
                  </a:txBody>
                  <a:tcPr anchor="ctr"/>
                </a:tc>
                <a:tc>
                  <a:txBody>
                    <a:bodyPr/>
                    <a:lstStyle/>
                    <a:p>
                      <a:pPr algn="ctr"/>
                      <a:r>
                        <a:rPr kumimoji="1" lang="en-US" altLang="ja-JP" sz="1600" dirty="0"/>
                        <a:t>0</a:t>
                      </a:r>
                      <a:r>
                        <a:rPr kumimoji="1" lang="ja-JP" altLang="en-US" sz="1600" dirty="0"/>
                        <a:t>項目／</a:t>
                      </a:r>
                      <a:r>
                        <a:rPr kumimoji="1" lang="en-US" altLang="ja-JP" sz="1600" dirty="0"/>
                        <a:t>46</a:t>
                      </a:r>
                      <a:r>
                        <a:rPr kumimoji="1" lang="ja-JP" altLang="en-US" sz="1600" dirty="0"/>
                        <a:t>項目</a:t>
                      </a:r>
                    </a:p>
                  </a:txBody>
                  <a:tcPr anchor="ctr"/>
                </a:tc>
                <a:tc>
                  <a:txBody>
                    <a:bodyPr/>
                    <a:lstStyle/>
                    <a:p>
                      <a:pPr algn="ctr"/>
                      <a:r>
                        <a:rPr kumimoji="1" lang="en-US" altLang="ja-JP" sz="1600" dirty="0"/>
                        <a:t>0</a:t>
                      </a:r>
                      <a:r>
                        <a:rPr kumimoji="1" lang="ja-JP" altLang="en-US" sz="1600" dirty="0"/>
                        <a:t>項目／</a:t>
                      </a:r>
                      <a:r>
                        <a:rPr kumimoji="1" lang="en-US" altLang="ja-JP" sz="1600" dirty="0"/>
                        <a:t>46</a:t>
                      </a:r>
                      <a:r>
                        <a:rPr kumimoji="1" lang="ja-JP" altLang="en-US" sz="1600" dirty="0"/>
                        <a:t>項目</a:t>
                      </a:r>
                    </a:p>
                  </a:txBody>
                  <a:tcPr anchor="ctr"/>
                </a:tc>
                <a:extLst>
                  <a:ext uri="{0D108BD9-81ED-4DB2-BD59-A6C34878D82A}">
                    <a16:rowId xmlns:a16="http://schemas.microsoft.com/office/drawing/2014/main" val="3857537624"/>
                  </a:ext>
                </a:extLst>
              </a:tr>
              <a:tr h="237506">
                <a:tc>
                  <a:txBody>
                    <a:bodyPr/>
                    <a:lstStyle/>
                    <a:p>
                      <a:pPr algn="l"/>
                      <a:r>
                        <a:rPr kumimoji="1" lang="en-US" altLang="ja-JP" sz="1600" dirty="0"/>
                        <a:t>×</a:t>
                      </a:r>
                      <a:r>
                        <a:rPr kumimoji="1" lang="ja-JP" altLang="en-US" sz="1600" dirty="0"/>
                        <a:t>：問題あり</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ja-JP" altLang="en-US" sz="1600" dirty="0"/>
                        <a:t>０項目／</a:t>
                      </a:r>
                      <a:r>
                        <a:rPr kumimoji="1" lang="en-US" altLang="ja-JP" sz="1600" dirty="0"/>
                        <a:t>46</a:t>
                      </a:r>
                      <a:r>
                        <a:rPr kumimoji="1" lang="ja-JP" altLang="en-US" sz="1600" dirty="0"/>
                        <a:t>項目</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ja-JP" altLang="en-US" sz="1600" dirty="0"/>
                        <a:t>０項目／</a:t>
                      </a:r>
                      <a:r>
                        <a:rPr kumimoji="1" lang="en-US" altLang="ja-JP" sz="1600" dirty="0"/>
                        <a:t>46</a:t>
                      </a:r>
                      <a:r>
                        <a:rPr kumimoji="1" lang="ja-JP" altLang="en-US" sz="1600" dirty="0"/>
                        <a:t>項目</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ja-JP" altLang="en-US" sz="1600" dirty="0"/>
                        <a:t>０項目／</a:t>
                      </a:r>
                      <a:r>
                        <a:rPr kumimoji="1" lang="en-US" altLang="ja-JP" sz="1600" dirty="0"/>
                        <a:t>46</a:t>
                      </a:r>
                      <a:r>
                        <a:rPr kumimoji="1" lang="ja-JP" altLang="en-US" sz="1600" dirty="0"/>
                        <a:t>項目</a:t>
                      </a:r>
                    </a:p>
                  </a:txBody>
                  <a:tcPr anchor="ctr"/>
                </a:tc>
                <a:tc>
                  <a:txBody>
                    <a:bodyP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1" lang="ja-JP" altLang="en-US" sz="1600" dirty="0"/>
                        <a:t>０項目／</a:t>
                      </a:r>
                      <a:r>
                        <a:rPr kumimoji="1" lang="en-US" altLang="ja-JP" sz="1600" dirty="0"/>
                        <a:t>46</a:t>
                      </a:r>
                      <a:r>
                        <a:rPr kumimoji="1" lang="ja-JP" altLang="en-US" sz="1600" dirty="0"/>
                        <a:t>項目</a:t>
                      </a:r>
                    </a:p>
                  </a:txBody>
                  <a:tcPr anchor="ctr"/>
                </a:tc>
                <a:extLst>
                  <a:ext uri="{0D108BD9-81ED-4DB2-BD59-A6C34878D82A}">
                    <a16:rowId xmlns:a16="http://schemas.microsoft.com/office/drawing/2014/main" val="1952381308"/>
                  </a:ext>
                </a:extLst>
              </a:tr>
            </a:tbl>
          </a:graphicData>
        </a:graphic>
      </p:graphicFrame>
      <p:sp>
        <p:nvSpPr>
          <p:cNvPr id="7" name="正方形/長方形 6">
            <a:extLst>
              <a:ext uri="{FF2B5EF4-FFF2-40B4-BE49-F238E27FC236}">
                <a16:creationId xmlns:a16="http://schemas.microsoft.com/office/drawing/2014/main" id="{ABF8D823-5EB6-5878-75B3-10C3E3C0DF04}"/>
              </a:ext>
            </a:extLst>
          </p:cNvPr>
          <p:cNvSpPr/>
          <p:nvPr/>
        </p:nvSpPr>
        <p:spPr>
          <a:xfrm>
            <a:off x="267511" y="3232033"/>
            <a:ext cx="9829800" cy="830997"/>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ja-JP" altLang="en-US" sz="1600"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総評：　西部の改善要項目は、中之島抽水所の危険水位超過案件で、ヒューマンエラーによる単発案件であるが、</a:t>
            </a:r>
            <a:endParaRPr kumimoji="1" lang="en-US" altLang="ja-JP" sz="1600"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R="0" lvl="0" defTabSz="457200" eaLnBrk="1" fontAlgn="auto" latinLnBrk="0" hangingPunct="1">
              <a:lnSpc>
                <a:spcPct val="100000"/>
              </a:lnSpc>
              <a:spcBef>
                <a:spcPts val="0"/>
              </a:spcBef>
              <a:spcAft>
                <a:spcPts val="0"/>
              </a:spcAft>
              <a:buClrTx/>
              <a:buSzTx/>
              <a:tabLst/>
              <a:defRPr/>
            </a:pPr>
            <a:r>
              <a:rPr kumimoji="1" lang="ja-JP" altLang="en-US" sz="1600" kern="0" dirty="0">
                <a:latin typeface="Meiryo UI" panose="020B0604030504040204" pitchFamily="50" charset="-128"/>
                <a:ea typeface="Meiryo UI" panose="020B0604030504040204" pitchFamily="50" charset="-128"/>
              </a:rPr>
              <a:t>　　　　　　</a:t>
            </a:r>
            <a:r>
              <a:rPr kumimoji="1" lang="ja-JP" altLang="en-US" sz="1600"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改善策について水平展開した。</a:t>
            </a:r>
            <a:endParaRPr kumimoji="1" lang="en-US" altLang="ja-JP" sz="1600" b="0"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R="0" lvl="0" defTabSz="457200" eaLnBrk="1" fontAlgn="auto" latinLnBrk="0" hangingPunct="1">
              <a:lnSpc>
                <a:spcPct val="100000"/>
              </a:lnSpc>
              <a:spcBef>
                <a:spcPts val="0"/>
              </a:spcBef>
              <a:spcAft>
                <a:spcPts val="0"/>
              </a:spcAft>
              <a:buClrTx/>
              <a:buSzTx/>
              <a:tabLst/>
              <a:defRPr/>
            </a:pPr>
            <a:r>
              <a:rPr kumimoji="1" lang="ja-JP" altLang="en-US" sz="1600" kern="0" dirty="0">
                <a:latin typeface="Meiryo UI" panose="020B0604030504040204" pitchFamily="50" charset="-128"/>
                <a:ea typeface="Meiryo UI" panose="020B0604030504040204" pitchFamily="50" charset="-128"/>
              </a:rPr>
              <a:t>　　　　　 ポンプ運転状況や電力・薬品等の使用状況において目標達成できていないものについては、後段で説明。</a:t>
            </a:r>
            <a:endParaRPr lang="en-US" altLang="ja-JP" sz="1600" kern="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80580579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B0E744F-94B8-9060-85A1-95A652BB6FE9}"/>
            </a:ext>
          </a:extLst>
        </p:cNvPr>
        <p:cNvGrpSpPr/>
        <p:nvPr/>
      </p:nvGrpSpPr>
      <p:grpSpPr>
        <a:xfrm>
          <a:off x="0" y="0"/>
          <a:ext cx="0" cy="0"/>
          <a:chOff x="0" y="0"/>
          <a:chExt cx="0" cy="0"/>
        </a:xfrm>
      </p:grpSpPr>
      <p:sp>
        <p:nvSpPr>
          <p:cNvPr id="5" name="Text Box 64">
            <a:extLst>
              <a:ext uri="{FF2B5EF4-FFF2-40B4-BE49-F238E27FC236}">
                <a16:creationId xmlns:a16="http://schemas.microsoft.com/office/drawing/2014/main" id="{E9FED0CF-F391-C697-A6CB-A889DCD68391}"/>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評価基準</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ポンプ運転　危険水位超過について</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3" name="スライド番号プレースホルダー 2">
            <a:extLst>
              <a:ext uri="{FF2B5EF4-FFF2-40B4-BE49-F238E27FC236}">
                <a16:creationId xmlns:a16="http://schemas.microsoft.com/office/drawing/2014/main" id="{4FE0FE0F-68F3-16B0-49E5-C60F46068CAD}"/>
              </a:ext>
            </a:extLst>
          </p:cNvPr>
          <p:cNvSpPr>
            <a:spLocks noGrp="1"/>
          </p:cNvSpPr>
          <p:nvPr>
            <p:ph type="sldNum" sz="quarter" idx="12"/>
          </p:nvPr>
        </p:nvSpPr>
        <p:spPr/>
        <p:txBody>
          <a:bodyPr/>
          <a:lstStyle/>
          <a:p>
            <a:fld id="{36EC18DB-A5DF-4E0E-B815-FCD04A2C4B2C}" type="slidenum">
              <a:rPr kumimoji="1" lang="ja-JP" altLang="en-US" smtClean="0"/>
              <a:t>23</a:t>
            </a:fld>
            <a:endParaRPr kumimoji="1" lang="ja-JP" altLang="en-US" dirty="0"/>
          </a:p>
        </p:txBody>
      </p:sp>
      <p:sp>
        <p:nvSpPr>
          <p:cNvPr id="4" name="テキスト ボックス 3">
            <a:extLst>
              <a:ext uri="{FF2B5EF4-FFF2-40B4-BE49-F238E27FC236}">
                <a16:creationId xmlns:a16="http://schemas.microsoft.com/office/drawing/2014/main" id="{B1A3068D-8632-D7BA-8729-7D979AB76921}"/>
              </a:ext>
            </a:extLst>
          </p:cNvPr>
          <p:cNvSpPr txBox="1"/>
          <p:nvPr/>
        </p:nvSpPr>
        <p:spPr>
          <a:xfrm>
            <a:off x="195732" y="1129660"/>
            <a:ext cx="9710267" cy="955518"/>
          </a:xfrm>
          <a:prstGeom prst="rect">
            <a:avLst/>
          </a:prstGeom>
          <a:noFill/>
        </p:spPr>
        <p:txBody>
          <a:bodyPr wrap="square" rtlCol="0">
            <a:spAutoFit/>
          </a:bodyPr>
          <a:lstStyle/>
          <a:p>
            <a:pPr marL="263776" indent="-263776">
              <a:buFont typeface="Wingdings" panose="05000000000000000000" pitchFamily="2" charset="2"/>
              <a:buChar char="l"/>
            </a:pPr>
            <a:r>
              <a:rPr lang="ja-JP" altLang="en-US" sz="1662" b="1" dirty="0">
                <a:latin typeface="Century" panose="02040604050505020304" pitchFamily="18" charset="0"/>
              </a:rPr>
              <a:t>ポンプ運転</a:t>
            </a:r>
            <a:endParaRPr lang="en-US" altLang="ja-JP" sz="1200" b="1" dirty="0">
              <a:latin typeface="Century" panose="02040604050505020304" pitchFamily="18" charset="0"/>
            </a:endParaRPr>
          </a:p>
          <a:p>
            <a:pPr>
              <a:lnSpc>
                <a:spcPct val="130000"/>
              </a:lnSpc>
            </a:pPr>
            <a:r>
              <a:rPr lang="ja-JP" altLang="en-US" sz="1800" dirty="0">
                <a:latin typeface="Century" panose="02040604050505020304" pitchFamily="18" charset="0"/>
                <a:ea typeface="ＭＳ 明朝" panose="02020609040205080304" pitchFamily="17" charset="-128"/>
                <a:cs typeface="Times New Roman" panose="02020603050405020304" pitchFamily="18" charset="0"/>
              </a:rPr>
              <a:t>　</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令和７年度については、６降雨（５月</a:t>
            </a:r>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24</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日、６月</a:t>
            </a:r>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23</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日、７月</a:t>
            </a:r>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10</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日、７月</a:t>
            </a:r>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11</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日、７月</a:t>
            </a:r>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17</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日、９月</a:t>
            </a:r>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12</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日）に</a:t>
            </a:r>
            <a:endParaRPr lang="en-US" altLang="ja-JP" sz="1400" dirty="0">
              <a:latin typeface="ＭＳ 明朝" panose="02020609040205080304" pitchFamily="17" charset="-128"/>
              <a:ea typeface="ＭＳ 明朝" panose="02020609040205080304" pitchFamily="17" charset="-128"/>
              <a:cs typeface="Times New Roman" panose="02020603050405020304" pitchFamily="18" charset="0"/>
            </a:endParaRPr>
          </a:p>
          <a:p>
            <a:pPr>
              <a:lnSpc>
                <a:spcPct val="130000"/>
              </a:lnSpc>
            </a:pP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８機場にて延べ</a:t>
            </a:r>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12</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回危険水位を超過。（ポンプの掛け遅れによる浸水は発生していない）</a:t>
            </a:r>
            <a:endParaRPr lang="en-US" altLang="ja-JP" sz="1662" dirty="0">
              <a:latin typeface="Century" panose="02040604050505020304" pitchFamily="18" charset="0"/>
            </a:endParaRPr>
          </a:p>
        </p:txBody>
      </p:sp>
      <p:sp>
        <p:nvSpPr>
          <p:cNvPr id="8" name="テキスト ボックス 7">
            <a:extLst>
              <a:ext uri="{FF2B5EF4-FFF2-40B4-BE49-F238E27FC236}">
                <a16:creationId xmlns:a16="http://schemas.microsoft.com/office/drawing/2014/main" id="{4D7D913F-A6C8-735D-A6F7-BD5813F5F542}"/>
              </a:ext>
            </a:extLst>
          </p:cNvPr>
          <p:cNvSpPr txBox="1"/>
          <p:nvPr/>
        </p:nvSpPr>
        <p:spPr>
          <a:xfrm>
            <a:off x="462607" y="1961606"/>
            <a:ext cx="3666941" cy="523220"/>
          </a:xfrm>
          <a:prstGeom prst="rect">
            <a:avLst/>
          </a:prstGeom>
          <a:noFill/>
        </p:spPr>
        <p:txBody>
          <a:bodyPr wrap="square">
            <a:spAutoFit/>
          </a:bodyPr>
          <a:lstStyle/>
          <a:p>
            <a:r>
              <a:rPr lang="ja-JP" altLang="en-US" sz="1400" b="1" dirty="0">
                <a:solidFill>
                  <a:srgbClr val="FF0000"/>
                </a:solidFill>
                <a:latin typeface="Meiryo UI" panose="020B0604030504040204" pitchFamily="50" charset="-128"/>
                <a:ea typeface="Meiryo UI" panose="020B0604030504040204" pitchFamily="50" charset="-128"/>
              </a:rPr>
              <a:t>・危険水位超過までに、　可動ポンプ全台運転</a:t>
            </a:r>
            <a:endParaRPr lang="en-US" altLang="ja-JP" sz="1400" b="1" dirty="0">
              <a:solidFill>
                <a:srgbClr val="FF0000"/>
              </a:solidFill>
              <a:latin typeface="Meiryo UI" panose="020B0604030504040204" pitchFamily="50" charset="-128"/>
              <a:ea typeface="Meiryo UI" panose="020B0604030504040204" pitchFamily="50" charset="-128"/>
            </a:endParaRPr>
          </a:p>
          <a:p>
            <a:r>
              <a:rPr lang="ja-JP" altLang="en-US" sz="1400" b="1" dirty="0">
                <a:solidFill>
                  <a:srgbClr val="FF0000"/>
                </a:solidFill>
                <a:latin typeface="Meiryo UI" panose="020B0604030504040204" pitchFamily="50" charset="-128"/>
                <a:ea typeface="Meiryo UI" panose="020B0604030504040204" pitchFamily="50" charset="-128"/>
              </a:rPr>
              <a:t>・降雨強度が、</a:t>
            </a:r>
            <a:r>
              <a:rPr lang="en-US" altLang="ja-JP" sz="1400" b="1" dirty="0">
                <a:solidFill>
                  <a:srgbClr val="FF0000"/>
                </a:solidFill>
                <a:latin typeface="Meiryo UI" panose="020B0604030504040204" pitchFamily="50" charset="-128"/>
                <a:ea typeface="Meiryo UI" panose="020B0604030504040204" pitchFamily="50" charset="-128"/>
              </a:rPr>
              <a:t>10</a:t>
            </a:r>
            <a:r>
              <a:rPr lang="ja-JP" altLang="en-US" sz="1400" b="1" dirty="0">
                <a:solidFill>
                  <a:srgbClr val="FF0000"/>
                </a:solidFill>
                <a:latin typeface="Meiryo UI" panose="020B0604030504040204" pitchFamily="50" charset="-128"/>
                <a:ea typeface="Meiryo UI" panose="020B0604030504040204" pitchFamily="50" charset="-128"/>
              </a:rPr>
              <a:t>ｍｍ</a:t>
            </a:r>
            <a:r>
              <a:rPr lang="en-US" altLang="ja-JP" sz="1400" b="1" dirty="0">
                <a:solidFill>
                  <a:srgbClr val="FF0000"/>
                </a:solidFill>
                <a:latin typeface="Meiryo UI" panose="020B0604030504040204" pitchFamily="50" charset="-128"/>
                <a:ea typeface="Meiryo UI" panose="020B0604030504040204" pitchFamily="50" charset="-128"/>
              </a:rPr>
              <a:t>/</a:t>
            </a:r>
            <a:r>
              <a:rPr lang="ja-JP" altLang="en-US" sz="1400" b="1" dirty="0">
                <a:solidFill>
                  <a:srgbClr val="FF0000"/>
                </a:solidFill>
                <a:latin typeface="Meiryo UI" panose="020B0604030504040204" pitchFamily="50" charset="-128"/>
                <a:ea typeface="Meiryo UI" panose="020B0604030504040204" pitchFamily="50" charset="-128"/>
              </a:rPr>
              <a:t>１０分以上</a:t>
            </a:r>
            <a:endParaRPr lang="en-US" altLang="ja-JP" sz="1400" b="1" dirty="0">
              <a:solidFill>
                <a:srgbClr val="FF0000"/>
              </a:solidFill>
              <a:latin typeface="ＭＳ 明朝" panose="02020609040205080304" pitchFamily="17" charset="-128"/>
              <a:ea typeface="ＭＳ 明朝" panose="02020609040205080304" pitchFamily="17" charset="-128"/>
              <a:cs typeface="Times New Roman" panose="02020603050405020304" pitchFamily="18" charset="0"/>
            </a:endParaRPr>
          </a:p>
        </p:txBody>
      </p:sp>
      <p:sp>
        <p:nvSpPr>
          <p:cNvPr id="2" name="角丸四角形 18">
            <a:extLst>
              <a:ext uri="{FF2B5EF4-FFF2-40B4-BE49-F238E27FC236}">
                <a16:creationId xmlns:a16="http://schemas.microsoft.com/office/drawing/2014/main" id="{B7313355-880B-6453-9D6F-90403B66C94E}"/>
              </a:ext>
            </a:extLst>
          </p:cNvPr>
          <p:cNvSpPr/>
          <p:nvPr/>
        </p:nvSpPr>
        <p:spPr>
          <a:xfrm>
            <a:off x="72908" y="96839"/>
            <a:ext cx="817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graphicFrame>
        <p:nvGraphicFramePr>
          <p:cNvPr id="14" name="表 13">
            <a:extLst>
              <a:ext uri="{FF2B5EF4-FFF2-40B4-BE49-F238E27FC236}">
                <a16:creationId xmlns:a16="http://schemas.microsoft.com/office/drawing/2014/main" id="{B7D882A3-EC3E-1B43-AE12-0A909235813A}"/>
              </a:ext>
            </a:extLst>
          </p:cNvPr>
          <p:cNvGraphicFramePr>
            <a:graphicFrameLocks noGrp="1"/>
          </p:cNvGraphicFramePr>
          <p:nvPr>
            <p:extLst>
              <p:ext uri="{D42A27DB-BD31-4B8C-83A1-F6EECF244321}">
                <p14:modId xmlns:p14="http://schemas.microsoft.com/office/powerpoint/2010/main" val="1170684232"/>
              </p:ext>
            </p:extLst>
          </p:nvPr>
        </p:nvGraphicFramePr>
        <p:xfrm>
          <a:off x="616782" y="2456277"/>
          <a:ext cx="8693028" cy="4004541"/>
        </p:xfrm>
        <a:graphic>
          <a:graphicData uri="http://schemas.openxmlformats.org/drawingml/2006/table">
            <a:tbl>
              <a:tblPr>
                <a:tableStyleId>{5C22544A-7EE6-4342-B048-85BDC9FD1C3A}</a:tableStyleId>
              </a:tblPr>
              <a:tblGrid>
                <a:gridCol w="723037">
                  <a:extLst>
                    <a:ext uri="{9D8B030D-6E8A-4147-A177-3AD203B41FA5}">
                      <a16:colId xmlns:a16="http://schemas.microsoft.com/office/drawing/2014/main" val="678642795"/>
                    </a:ext>
                  </a:extLst>
                </a:gridCol>
                <a:gridCol w="1296000">
                  <a:extLst>
                    <a:ext uri="{9D8B030D-6E8A-4147-A177-3AD203B41FA5}">
                      <a16:colId xmlns:a16="http://schemas.microsoft.com/office/drawing/2014/main" val="3294129868"/>
                    </a:ext>
                  </a:extLst>
                </a:gridCol>
                <a:gridCol w="652527">
                  <a:extLst>
                    <a:ext uri="{9D8B030D-6E8A-4147-A177-3AD203B41FA5}">
                      <a16:colId xmlns:a16="http://schemas.microsoft.com/office/drawing/2014/main" val="3210222217"/>
                    </a:ext>
                  </a:extLst>
                </a:gridCol>
                <a:gridCol w="756000">
                  <a:extLst>
                    <a:ext uri="{9D8B030D-6E8A-4147-A177-3AD203B41FA5}">
                      <a16:colId xmlns:a16="http://schemas.microsoft.com/office/drawing/2014/main" val="3195522931"/>
                    </a:ext>
                  </a:extLst>
                </a:gridCol>
                <a:gridCol w="756000">
                  <a:extLst>
                    <a:ext uri="{9D8B030D-6E8A-4147-A177-3AD203B41FA5}">
                      <a16:colId xmlns:a16="http://schemas.microsoft.com/office/drawing/2014/main" val="130409394"/>
                    </a:ext>
                  </a:extLst>
                </a:gridCol>
                <a:gridCol w="756000">
                  <a:extLst>
                    <a:ext uri="{9D8B030D-6E8A-4147-A177-3AD203B41FA5}">
                      <a16:colId xmlns:a16="http://schemas.microsoft.com/office/drawing/2014/main" val="3188230537"/>
                    </a:ext>
                  </a:extLst>
                </a:gridCol>
                <a:gridCol w="2340000">
                  <a:extLst>
                    <a:ext uri="{9D8B030D-6E8A-4147-A177-3AD203B41FA5}">
                      <a16:colId xmlns:a16="http://schemas.microsoft.com/office/drawing/2014/main" val="2572492461"/>
                    </a:ext>
                  </a:extLst>
                </a:gridCol>
                <a:gridCol w="1413464">
                  <a:extLst>
                    <a:ext uri="{9D8B030D-6E8A-4147-A177-3AD203B41FA5}">
                      <a16:colId xmlns:a16="http://schemas.microsoft.com/office/drawing/2014/main" val="3006372731"/>
                    </a:ext>
                  </a:extLst>
                </a:gridCol>
              </a:tblGrid>
              <a:tr h="235107">
                <a:tc rowSpan="2">
                  <a:txBody>
                    <a:bodyPr/>
                    <a:lstStyle/>
                    <a:p>
                      <a:pPr algn="ctr" fontAlgn="ctr"/>
                      <a:r>
                        <a:rPr lang="ja-JP" altLang="en-US" sz="1400" u="none" strike="noStrike" dirty="0">
                          <a:effectLst/>
                          <a:latin typeface="+mn-ea"/>
                          <a:ea typeface="+mn-ea"/>
                        </a:rPr>
                        <a:t>月日</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rowSpan="2">
                  <a:txBody>
                    <a:bodyPr/>
                    <a:lstStyle/>
                    <a:p>
                      <a:pPr algn="ctr" fontAlgn="ctr"/>
                      <a:r>
                        <a:rPr lang="zh-TW" altLang="en-US" sz="1400" u="none" strike="noStrike" dirty="0">
                          <a:effectLst/>
                          <a:latin typeface="+mn-ea"/>
                          <a:ea typeface="+mn-ea"/>
                        </a:rPr>
                        <a:t>下水処理場</a:t>
                      </a:r>
                      <a:br>
                        <a:rPr lang="zh-TW" altLang="en-US" sz="1400" u="none" strike="noStrike" dirty="0">
                          <a:effectLst/>
                          <a:latin typeface="+mn-ea"/>
                          <a:ea typeface="+mn-ea"/>
                        </a:rPr>
                      </a:br>
                      <a:r>
                        <a:rPr lang="zh-TW" altLang="en-US" sz="1400" u="none" strike="noStrike" dirty="0">
                          <a:effectLst/>
                          <a:latin typeface="+mn-ea"/>
                          <a:ea typeface="+mn-ea"/>
                        </a:rPr>
                        <a:t>抽水所名</a:t>
                      </a:r>
                      <a:endParaRPr lang="zh-TW"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rowSpan="2">
                  <a:txBody>
                    <a:bodyPr/>
                    <a:lstStyle/>
                    <a:p>
                      <a:pPr algn="ctr" fontAlgn="ctr"/>
                      <a:r>
                        <a:rPr lang="ja-JP" altLang="en-US" sz="1400" u="none" strike="noStrike" dirty="0">
                          <a:effectLst/>
                          <a:latin typeface="+mn-ea"/>
                          <a:ea typeface="+mn-ea"/>
                        </a:rPr>
                        <a:t>降雨強度</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gridSpan="3">
                  <a:txBody>
                    <a:bodyPr/>
                    <a:lstStyle/>
                    <a:p>
                      <a:pPr algn="ctr" fontAlgn="ctr"/>
                      <a:r>
                        <a:rPr lang="ja-JP" altLang="en-US" sz="1400" u="none" strike="noStrike" dirty="0">
                          <a:effectLst/>
                          <a:latin typeface="+mn-ea"/>
                          <a:ea typeface="+mn-ea"/>
                        </a:rPr>
                        <a:t>全台運転</a:t>
                      </a:r>
                      <a:endParaRPr lang="zh-TW"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hMerge="1">
                  <a:txBody>
                    <a:bodyPr/>
                    <a:lstStyle/>
                    <a:p>
                      <a:pPr algn="ctr" fontAlgn="ctr"/>
                      <a:endParaRPr lang="zh-TW"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hMerge="1">
                  <a:txBody>
                    <a:bodyPr/>
                    <a:lstStyle/>
                    <a:p>
                      <a:pPr algn="ctr" fontAlgn="ctr"/>
                      <a:endParaRPr lang="zh-TW"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rowSpan="2">
                  <a:txBody>
                    <a:bodyPr/>
                    <a:lstStyle/>
                    <a:p>
                      <a:pPr algn="ctr" fontAlgn="ctr"/>
                      <a:r>
                        <a:rPr lang="ja-JP" altLang="en-US" sz="1400" b="0" i="0" u="none" strike="noStrike" dirty="0">
                          <a:solidFill>
                            <a:srgbClr val="000000"/>
                          </a:solidFill>
                          <a:effectLst/>
                          <a:latin typeface="+mn-ea"/>
                          <a:ea typeface="+mn-ea"/>
                        </a:rPr>
                        <a:t>浸水・瑕疵の有無</a:t>
                      </a:r>
                      <a:endParaRPr lang="zh-TW"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rowSpan="2">
                  <a:txBody>
                    <a:bodyPr/>
                    <a:lstStyle/>
                    <a:p>
                      <a:pPr algn="ctr" fontAlgn="ctr"/>
                      <a:r>
                        <a:rPr lang="ja-JP" altLang="en-US" sz="1400" b="0" i="0" u="none" strike="noStrike" dirty="0">
                          <a:solidFill>
                            <a:srgbClr val="000000"/>
                          </a:solidFill>
                          <a:effectLst/>
                          <a:latin typeface="+mn-ea"/>
                          <a:ea typeface="+mn-ea"/>
                        </a:rPr>
                        <a:t>前日の降雨量</a:t>
                      </a:r>
                      <a:endParaRPr lang="zh-TW"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extLst>
                  <a:ext uri="{0D108BD9-81ED-4DB2-BD59-A6C34878D82A}">
                    <a16:rowId xmlns:a16="http://schemas.microsoft.com/office/drawing/2014/main" val="2796680884"/>
                  </a:ext>
                </a:extLst>
              </a:tr>
              <a:tr h="235107">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ja-JP" altLang="en-US" sz="1400" b="0" i="0" u="none" strike="noStrike" dirty="0">
                          <a:solidFill>
                            <a:srgbClr val="000000"/>
                          </a:solidFill>
                          <a:effectLst/>
                          <a:latin typeface="+mn-ea"/>
                          <a:ea typeface="+mn-ea"/>
                        </a:rPr>
                        <a:t>運転台数</a:t>
                      </a:r>
                      <a:endParaRPr lang="zh-TW"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a:txBody>
                    <a:bodyPr/>
                    <a:lstStyle/>
                    <a:p>
                      <a:pPr algn="ctr" fontAlgn="ctr"/>
                      <a:r>
                        <a:rPr lang="ja-JP" altLang="en-US" sz="1400" b="0" i="0" u="none" strike="noStrike" dirty="0">
                          <a:solidFill>
                            <a:srgbClr val="000000"/>
                          </a:solidFill>
                          <a:effectLst/>
                          <a:latin typeface="+mn-ea"/>
                          <a:ea typeface="+mn-ea"/>
                        </a:rPr>
                        <a:t>全体</a:t>
                      </a:r>
                      <a:endParaRPr lang="zh-TW"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a:txBody>
                    <a:bodyPr/>
                    <a:lstStyle/>
                    <a:p>
                      <a:pPr algn="ctr" fontAlgn="ctr"/>
                      <a:r>
                        <a:rPr lang="ja-JP" altLang="en-US" sz="1400" b="0" i="0" u="none" strike="noStrike" dirty="0">
                          <a:solidFill>
                            <a:srgbClr val="000000"/>
                          </a:solidFill>
                          <a:effectLst/>
                          <a:latin typeface="+mn-ea"/>
                          <a:ea typeface="+mn-ea"/>
                        </a:rPr>
                        <a:t>判定</a:t>
                      </a:r>
                      <a:endParaRPr lang="zh-TW"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1569612137"/>
                  </a:ext>
                </a:extLst>
              </a:tr>
              <a:tr h="347440">
                <a:tc>
                  <a:txBody>
                    <a:bodyPr/>
                    <a:lstStyle/>
                    <a:p>
                      <a:pPr algn="ctr" fontAlgn="ctr"/>
                      <a:r>
                        <a:rPr lang="en-US" sz="1400" u="none" strike="noStrike" dirty="0">
                          <a:effectLst/>
                          <a:latin typeface="+mn-ea"/>
                          <a:ea typeface="+mn-ea"/>
                        </a:rPr>
                        <a:t>R7.5.24</a:t>
                      </a:r>
                      <a:endParaRPr 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u="none" strike="noStrike" dirty="0">
                          <a:effectLst/>
                          <a:latin typeface="+mn-ea"/>
                          <a:ea typeface="+mn-ea"/>
                        </a:rPr>
                        <a:t>深江抽水所</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8.0</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chemeClr val="tx1"/>
                          </a:solidFill>
                          <a:effectLst/>
                          <a:latin typeface="+mn-ea"/>
                          <a:ea typeface="+mn-ea"/>
                        </a:rPr>
                        <a:t>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chemeClr val="tx1"/>
                          </a:solidFill>
                          <a:effectLst/>
                          <a:latin typeface="+mn-ea"/>
                          <a:ea typeface="+mn-ea"/>
                        </a:rPr>
                        <a:t>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chemeClr val="tx1"/>
                          </a:solidFill>
                          <a:effectLst/>
                          <a:latin typeface="+mn-ea"/>
                          <a:ea typeface="+mn-ea"/>
                        </a:rPr>
                        <a:t>×</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rgbClr val="000000"/>
                          </a:solidFill>
                          <a:effectLst/>
                          <a:latin typeface="+mn-ea"/>
                          <a:ea typeface="+mn-ea"/>
                        </a:rPr>
                        <a:t>無し　</a:t>
                      </a:r>
                      <a:r>
                        <a:rPr lang="en-US" altLang="ja-JP" sz="1400" b="0" i="0" u="none" strike="noStrike" dirty="0">
                          <a:solidFill>
                            <a:srgbClr val="000000"/>
                          </a:solidFill>
                          <a:effectLst/>
                          <a:latin typeface="+mn-ea"/>
                          <a:ea typeface="+mn-ea"/>
                        </a:rPr>
                        <a:t>※</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rgbClr val="000000"/>
                          </a:solidFill>
                          <a:effectLst/>
                          <a:latin typeface="+mn-ea"/>
                          <a:ea typeface="+mn-ea"/>
                        </a:rPr>
                        <a:t>前日降雨無し</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493864706"/>
                  </a:ext>
                </a:extLst>
              </a:tr>
              <a:tr h="289363">
                <a:tc>
                  <a:txBody>
                    <a:bodyPr/>
                    <a:lstStyle/>
                    <a:p>
                      <a:pPr algn="ctr" fontAlgn="ctr"/>
                      <a:r>
                        <a:rPr lang="en-US" sz="1400" u="none" strike="noStrike" dirty="0">
                          <a:effectLst/>
                          <a:latin typeface="+mn-ea"/>
                          <a:ea typeface="+mn-ea"/>
                        </a:rPr>
                        <a:t>R7.6.23</a:t>
                      </a:r>
                      <a:endParaRPr 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u="none" strike="noStrike" dirty="0">
                          <a:effectLst/>
                          <a:latin typeface="+mn-ea"/>
                          <a:ea typeface="+mn-ea"/>
                        </a:rPr>
                        <a:t>南港第１抽水所</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15.5</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400" b="0" i="0" u="none" strike="noStrike" dirty="0">
                          <a:solidFill>
                            <a:schemeClr val="tx1"/>
                          </a:solidFill>
                          <a:effectLst/>
                          <a:latin typeface="+mn-ea"/>
                          <a:ea typeface="+mn-ea"/>
                        </a:rPr>
                        <a:t>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400" b="0" i="0" u="none" strike="noStrike" dirty="0">
                          <a:solidFill>
                            <a:schemeClr val="tx1"/>
                          </a:solidFill>
                          <a:effectLst/>
                          <a:latin typeface="+mn-ea"/>
                          <a:ea typeface="+mn-ea"/>
                        </a:rPr>
                        <a:t>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rgbClr val="000000"/>
                          </a:solidFill>
                          <a:effectLst/>
                          <a:latin typeface="+mn-ea"/>
                          <a:ea typeface="+mn-ea"/>
                        </a:rPr>
                        <a:t>○</a:t>
                      </a:r>
                      <a:endParaRPr lang="en-US" altLang="ja-JP" sz="1400" b="0" i="0" u="none" strike="noStrike" dirty="0">
                        <a:solidFill>
                          <a:schemeClr val="tx1"/>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無し</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ー</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299285637"/>
                  </a:ext>
                </a:extLst>
              </a:tr>
              <a:tr h="289363">
                <a:tc rowSpan="2">
                  <a:txBody>
                    <a:bodyPr/>
                    <a:lstStyle/>
                    <a:p>
                      <a:pPr algn="ctr" fontAlgn="ctr"/>
                      <a:r>
                        <a:rPr lang="en-US" sz="1400" u="none" strike="noStrike" dirty="0">
                          <a:effectLst/>
                          <a:latin typeface="+mn-ea"/>
                          <a:ea typeface="+mn-ea"/>
                        </a:rPr>
                        <a:t>R7.7.10</a:t>
                      </a:r>
                      <a:endParaRPr 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u="none" strike="noStrike" dirty="0">
                          <a:effectLst/>
                          <a:latin typeface="+mn-ea"/>
                          <a:ea typeface="+mn-ea"/>
                        </a:rPr>
                        <a:t>南港第１抽水所</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23.0</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rgbClr val="000000"/>
                          </a:solidFill>
                          <a:effectLst/>
                          <a:latin typeface="+mn-ea"/>
                          <a:ea typeface="+mn-ea"/>
                        </a:rPr>
                        <a:t>無し</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rgbClr val="000000"/>
                          </a:solidFill>
                          <a:effectLst/>
                          <a:latin typeface="+mn-ea"/>
                          <a:ea typeface="+mn-ea"/>
                        </a:rPr>
                        <a:t>ー</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80432391"/>
                  </a:ext>
                </a:extLst>
              </a:tr>
              <a:tr h="289363">
                <a:tc vMerge="1">
                  <a:txBody>
                    <a:bodyPr/>
                    <a:lstStyle/>
                    <a:p>
                      <a:pPr algn="ctr" fontAlgn="ctr"/>
                      <a:endParaRPr lang="en-US" sz="1600" b="0" i="0" u="none" strike="noStrike" dirty="0">
                        <a:solidFill>
                          <a:srgbClr val="000000"/>
                        </a:solidFill>
                        <a:effectLst/>
                        <a:latin typeface="UD デジタル 教科書体 N-R" panose="02020400000000000000" pitchFamily="17" charset="-128"/>
                        <a:ea typeface="UD デジタル 教科書体 N-R" panose="02020400000000000000" pitchFamily="17" charset="-128"/>
                      </a:endParaRPr>
                    </a:p>
                  </a:txBody>
                  <a:tcPr marL="9525" marR="9525" marT="9525" marB="0" anchor="ctr"/>
                </a:tc>
                <a:tc>
                  <a:txBody>
                    <a:bodyPr/>
                    <a:lstStyle/>
                    <a:p>
                      <a:pPr algn="ctr" fontAlgn="ctr"/>
                      <a:r>
                        <a:rPr lang="ja-JP" altLang="en-US" sz="1400" u="none" strike="noStrike" dirty="0">
                          <a:effectLst/>
                          <a:latin typeface="+mn-ea"/>
                          <a:ea typeface="+mn-ea"/>
                        </a:rPr>
                        <a:t>南港第２抽水所</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23.0</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無し</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ー</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97825574"/>
                  </a:ext>
                </a:extLst>
              </a:tr>
              <a:tr h="289363">
                <a:tc rowSpan="2">
                  <a:txBody>
                    <a:bodyPr/>
                    <a:lstStyle/>
                    <a:p>
                      <a:pPr algn="ctr" fontAlgn="ctr"/>
                      <a:r>
                        <a:rPr lang="en-US" sz="1400" u="none" strike="noStrike" dirty="0">
                          <a:effectLst/>
                          <a:latin typeface="+mn-ea"/>
                          <a:ea typeface="+mn-ea"/>
                        </a:rPr>
                        <a:t>R7.7.11</a:t>
                      </a:r>
                      <a:endParaRPr 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u="none" strike="noStrike" dirty="0">
                          <a:effectLst/>
                          <a:latin typeface="+mn-ea"/>
                          <a:ea typeface="+mn-ea"/>
                        </a:rPr>
                        <a:t>九条抽水所</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15.5</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1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1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rgbClr val="000000"/>
                          </a:solidFill>
                          <a:effectLst/>
                          <a:latin typeface="+mn-ea"/>
                          <a:ea typeface="+mn-ea"/>
                        </a:rPr>
                        <a:t>無し</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rgbClr val="000000"/>
                          </a:solidFill>
                          <a:effectLst/>
                          <a:latin typeface="+mn-ea"/>
                          <a:ea typeface="+mn-ea"/>
                        </a:rPr>
                        <a:t>ー</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3589879040"/>
                  </a:ext>
                </a:extLst>
              </a:tr>
              <a:tr h="289363">
                <a:tc vMerge="1">
                  <a:txBody>
                    <a:bodyPr/>
                    <a:lstStyle/>
                    <a:p>
                      <a:pPr algn="ctr" fontAlgn="ctr"/>
                      <a:endParaRPr lang="en-US" sz="1600" b="0" i="0" u="none" strike="noStrike" dirty="0">
                        <a:solidFill>
                          <a:srgbClr val="000000"/>
                        </a:solidFill>
                        <a:effectLst/>
                        <a:latin typeface="UD デジタル 教科書体 N-R" panose="02020400000000000000" pitchFamily="17" charset="-128"/>
                        <a:ea typeface="UD デジタル 教科書体 N-R" panose="02020400000000000000" pitchFamily="17" charset="-128"/>
                      </a:endParaRPr>
                    </a:p>
                  </a:txBody>
                  <a:tcPr marL="9525" marR="9525" marT="9525" marB="0" anchor="ctr"/>
                </a:tc>
                <a:tc>
                  <a:txBody>
                    <a:bodyPr/>
                    <a:lstStyle/>
                    <a:p>
                      <a:pPr algn="ctr" fontAlgn="ctr"/>
                      <a:r>
                        <a:rPr lang="ja-JP" altLang="en-US" sz="1400" u="none" strike="noStrike" dirty="0">
                          <a:effectLst/>
                          <a:latin typeface="+mn-ea"/>
                          <a:ea typeface="+mn-ea"/>
                        </a:rPr>
                        <a:t>梅町抽水所</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13.0</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無し</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ー</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2783101560"/>
                  </a:ext>
                </a:extLst>
              </a:tr>
              <a:tr h="289363">
                <a:tc rowSpan="4">
                  <a:txBody>
                    <a:bodyPr/>
                    <a:lstStyle/>
                    <a:p>
                      <a:pPr algn="ctr" fontAlgn="ctr"/>
                      <a:r>
                        <a:rPr lang="en-US" sz="1400" u="none" strike="noStrike" dirty="0">
                          <a:effectLst/>
                          <a:latin typeface="+mn-ea"/>
                          <a:ea typeface="+mn-ea"/>
                        </a:rPr>
                        <a:t>R7.7.17</a:t>
                      </a:r>
                      <a:endParaRPr 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u="none" strike="noStrike" dirty="0">
                          <a:effectLst/>
                          <a:latin typeface="+mn-ea"/>
                          <a:ea typeface="+mn-ea"/>
                        </a:rPr>
                        <a:t>鶴町抽水所</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2.0</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rgbClr val="000000"/>
                          </a:solidFill>
                          <a:effectLst/>
                          <a:latin typeface="+mn-ea"/>
                          <a:ea typeface="+mn-ea"/>
                        </a:rPr>
                        <a:t>無し</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400" b="0" i="0" u="none" strike="noStrike" dirty="0">
                          <a:solidFill>
                            <a:srgbClr val="000000"/>
                          </a:solidFill>
                          <a:effectLst/>
                          <a:latin typeface="+mn-ea"/>
                          <a:ea typeface="+mn-ea"/>
                        </a:rPr>
                        <a:t>66.0</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3047349007"/>
                  </a:ext>
                </a:extLst>
              </a:tr>
              <a:tr h="289363">
                <a:tc vMerge="1">
                  <a:txBody>
                    <a:bodyPr/>
                    <a:lstStyle/>
                    <a:p>
                      <a:pPr algn="ctr" fontAlgn="ctr"/>
                      <a:endParaRPr lang="en-US" sz="1600" b="0" i="0" u="none" strike="noStrike" dirty="0">
                        <a:solidFill>
                          <a:srgbClr val="000000"/>
                        </a:solidFill>
                        <a:effectLst/>
                        <a:latin typeface="UD デジタル 教科書体 N-R" panose="02020400000000000000" pitchFamily="17" charset="-128"/>
                        <a:ea typeface="UD デジタル 教科書体 N-R" panose="02020400000000000000" pitchFamily="17" charset="-128"/>
                      </a:endParaRPr>
                    </a:p>
                  </a:txBody>
                  <a:tcPr marL="9525" marR="9525" marT="9525" marB="0" anchor="ctr"/>
                </a:tc>
                <a:tc>
                  <a:txBody>
                    <a:bodyPr/>
                    <a:lstStyle/>
                    <a:p>
                      <a:pPr algn="ctr" fontAlgn="ctr"/>
                      <a:r>
                        <a:rPr lang="ja-JP" altLang="en-US" sz="1400" u="none" strike="noStrike" dirty="0">
                          <a:effectLst/>
                          <a:latin typeface="+mn-ea"/>
                          <a:ea typeface="+mn-ea"/>
                        </a:rPr>
                        <a:t>南港第１抽水所</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1.5</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無し</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65.0</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249188543"/>
                  </a:ext>
                </a:extLst>
              </a:tr>
              <a:tr h="289363">
                <a:tc vMerge="1">
                  <a:txBody>
                    <a:bodyPr/>
                    <a:lstStyle/>
                    <a:p>
                      <a:pPr algn="ctr" fontAlgn="ctr"/>
                      <a:endParaRPr lang="en-US" sz="1600" b="0" i="0" u="none" strike="noStrike" dirty="0">
                        <a:solidFill>
                          <a:srgbClr val="000000"/>
                        </a:solidFill>
                        <a:effectLst/>
                        <a:latin typeface="UD デジタル 教科書体 N-R" panose="02020400000000000000" pitchFamily="17" charset="-128"/>
                        <a:ea typeface="UD デジタル 教科書体 N-R" panose="02020400000000000000" pitchFamily="17" charset="-128"/>
                      </a:endParaRPr>
                    </a:p>
                  </a:txBody>
                  <a:tcPr marL="9525" marR="9525" marT="9525" marB="0" anchor="ctr"/>
                </a:tc>
                <a:tc>
                  <a:txBody>
                    <a:bodyPr/>
                    <a:lstStyle/>
                    <a:p>
                      <a:pPr algn="ctr" fontAlgn="ctr"/>
                      <a:r>
                        <a:rPr lang="ja-JP" altLang="en-US" sz="1400" u="none" strike="noStrike" dirty="0">
                          <a:effectLst/>
                          <a:latin typeface="+mn-ea"/>
                          <a:ea typeface="+mn-ea"/>
                        </a:rPr>
                        <a:t>南港第２抽水所</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2.0</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無し</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50.0</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3251539914"/>
                  </a:ext>
                </a:extLst>
              </a:tr>
              <a:tr h="293257">
                <a:tc vMerge="1">
                  <a:txBody>
                    <a:bodyPr/>
                    <a:lstStyle/>
                    <a:p>
                      <a:pPr algn="ctr" fontAlgn="ctr"/>
                      <a:endParaRPr lang="en-US" sz="1600" b="0" i="0" u="none" strike="noStrike" dirty="0">
                        <a:solidFill>
                          <a:srgbClr val="000000"/>
                        </a:solidFill>
                        <a:effectLst/>
                        <a:latin typeface="UD デジタル 教科書体 N-R" panose="02020400000000000000" pitchFamily="17" charset="-128"/>
                        <a:ea typeface="UD デジタル 教科書体 N-R" panose="02020400000000000000" pitchFamily="17" charset="-128"/>
                      </a:endParaRPr>
                    </a:p>
                  </a:txBody>
                  <a:tcPr marL="9525" marR="9525" marT="9525" marB="0" anchor="ctr"/>
                </a:tc>
                <a:tc>
                  <a:txBody>
                    <a:bodyPr/>
                    <a:lstStyle/>
                    <a:p>
                      <a:pPr algn="ctr" fontAlgn="ctr"/>
                      <a:r>
                        <a:rPr lang="ja-JP" altLang="en-US" sz="1400" u="none" strike="noStrike" dirty="0">
                          <a:effectLst/>
                          <a:latin typeface="+mn-ea"/>
                          <a:ea typeface="+mn-ea"/>
                        </a:rPr>
                        <a:t>平林抽水所</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5.0</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rgbClr val="000000"/>
                          </a:solidFill>
                          <a:effectLst/>
                          <a:latin typeface="+mn-ea"/>
                          <a:ea typeface="+mn-ea"/>
                        </a:rPr>
                        <a:t>無し</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400" b="0" i="0" u="none" strike="noStrike" dirty="0">
                          <a:solidFill>
                            <a:srgbClr val="000000"/>
                          </a:solidFill>
                          <a:effectLst/>
                          <a:latin typeface="+mn-ea"/>
                          <a:ea typeface="+mn-ea"/>
                        </a:rPr>
                        <a:t>54.5</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3318043300"/>
                  </a:ext>
                </a:extLst>
              </a:tr>
              <a:tr h="289363">
                <a:tc rowSpan="2">
                  <a:txBody>
                    <a:bodyPr/>
                    <a:lstStyle/>
                    <a:p>
                      <a:pPr algn="ctr" fontAlgn="ctr"/>
                      <a:r>
                        <a:rPr lang="en-US" sz="1400" u="none" strike="noStrike" dirty="0">
                          <a:solidFill>
                            <a:schemeClr val="tx1"/>
                          </a:solidFill>
                          <a:effectLst/>
                          <a:latin typeface="+mn-ea"/>
                          <a:ea typeface="+mn-ea"/>
                        </a:rPr>
                        <a:t>R7.9.12</a:t>
                      </a:r>
                      <a:endParaRPr lang="en-US" sz="1400" b="0" i="0" u="none" strike="noStrike" dirty="0">
                        <a:solidFill>
                          <a:schemeClr val="tx1"/>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zh-TW" altLang="en-US" sz="1400" u="none" strike="noStrike" dirty="0">
                          <a:solidFill>
                            <a:schemeClr val="tx1"/>
                          </a:solidFill>
                          <a:effectLst/>
                          <a:latin typeface="+mn-ea"/>
                          <a:ea typeface="+mn-ea"/>
                        </a:rPr>
                        <a:t>中之島抽水所</a:t>
                      </a:r>
                      <a:endParaRPr lang="zh-TW" altLang="en-US" sz="1400" b="0" i="0" u="none" strike="noStrike" dirty="0">
                        <a:solidFill>
                          <a:schemeClr val="tx1"/>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chemeClr val="tx1"/>
                          </a:solidFill>
                          <a:effectLst/>
                          <a:latin typeface="+mn-ea"/>
                          <a:ea typeface="+mn-ea"/>
                        </a:rPr>
                        <a:t>14.0</a:t>
                      </a:r>
                      <a:r>
                        <a:rPr lang="ja-JP" altLang="en-US" sz="1400" b="0" i="0" u="none" strike="noStrike" dirty="0">
                          <a:solidFill>
                            <a:schemeClr val="tx1"/>
                          </a:solidFill>
                          <a:effectLst/>
                          <a:latin typeface="+mn-ea"/>
                          <a:ea typeface="+mn-ea"/>
                        </a:rPr>
                        <a:t>㎜</a:t>
                      </a:r>
                      <a:endParaRPr lang="en-US" altLang="ja-JP" sz="1400" b="0" i="0" u="none" strike="noStrike" dirty="0">
                        <a:solidFill>
                          <a:schemeClr val="tx1"/>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chemeClr val="tx1"/>
                          </a:solidFill>
                          <a:effectLst/>
                          <a:latin typeface="+mn-ea"/>
                          <a:ea typeface="+mn-ea"/>
                        </a:rPr>
                        <a:t>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chemeClr val="tx1"/>
                          </a:solidFill>
                          <a:effectLst/>
                          <a:latin typeface="+mn-ea"/>
                          <a:ea typeface="+mn-ea"/>
                        </a:rPr>
                        <a:t>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chemeClr val="tx1"/>
                          </a:solidFill>
                          <a:effectLst/>
                          <a:latin typeface="+mn-ea"/>
                          <a:ea typeface="+mn-ea"/>
                        </a:rPr>
                        <a:t>×</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1" i="0" u="none" strike="noStrike" dirty="0">
                          <a:solidFill>
                            <a:srgbClr val="FF0000"/>
                          </a:solidFill>
                          <a:effectLst/>
                          <a:latin typeface="+mn-ea"/>
                          <a:ea typeface="+mn-ea"/>
                        </a:rPr>
                        <a:t>瑕疵有り（今回報告対象）</a:t>
                      </a:r>
                      <a:endParaRPr lang="en-US" altLang="ja-JP" sz="1400" b="1" i="0" u="none" strike="noStrike" dirty="0">
                        <a:solidFill>
                          <a:srgbClr val="FF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a:solidFill>
                            <a:srgbClr val="000000"/>
                          </a:solidFill>
                          <a:effectLst/>
                          <a:latin typeface="+mn-ea"/>
                          <a:ea typeface="+mn-ea"/>
                        </a:rPr>
                        <a:t>ー</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937931129"/>
                  </a:ext>
                </a:extLst>
              </a:tr>
              <a:tr h="289363">
                <a:tc vMerge="1">
                  <a:txBody>
                    <a:bodyPr/>
                    <a:lstStyle/>
                    <a:p>
                      <a:pPr algn="ctr" fontAlgn="ctr"/>
                      <a:endParaRPr 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ja-JP" altLang="en-US" sz="1400" u="none" strike="noStrike" dirty="0">
                          <a:effectLst/>
                          <a:latin typeface="+mn-ea"/>
                          <a:ea typeface="+mn-ea"/>
                        </a:rPr>
                        <a:t>鶴町抽水所</a:t>
                      </a:r>
                      <a:endParaRPr lang="ja-JP" altLang="en-US"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23.5</a:t>
                      </a: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a:solidFill>
                            <a:srgbClr val="000000"/>
                          </a:solidFill>
                          <a:effectLst/>
                          <a:latin typeface="+mn-ea"/>
                          <a:ea typeface="+mn-ea"/>
                        </a:rPr>
                        <a:t>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ja-JP" altLang="en-US" sz="1400" b="0" i="0" u="none" strike="noStrike" dirty="0">
                          <a:solidFill>
                            <a:srgbClr val="000000"/>
                          </a:solidFill>
                          <a:effectLst/>
                          <a:latin typeface="+mn-ea"/>
                          <a:ea typeface="+mn-ea"/>
                        </a:rPr>
                        <a:t>○</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rgbClr val="000000"/>
                          </a:solidFill>
                          <a:effectLst/>
                          <a:latin typeface="+mn-ea"/>
                          <a:ea typeface="+mn-ea"/>
                        </a:rPr>
                        <a:t>無し</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rgbClr val="000000"/>
                          </a:solidFill>
                          <a:effectLst/>
                          <a:latin typeface="+mn-ea"/>
                          <a:ea typeface="+mn-ea"/>
                        </a:rPr>
                        <a:t>ー</a:t>
                      </a:r>
                      <a:endParaRPr lang="en-US" altLang="ja-JP" sz="1400" b="0" i="0" u="none" strike="noStrike" dirty="0">
                        <a:solidFill>
                          <a:srgbClr val="000000"/>
                        </a:solidFill>
                        <a:effectLst/>
                        <a:latin typeface="+mn-ea"/>
                        <a:ea typeface="+mn-ea"/>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2223070402"/>
                  </a:ext>
                </a:extLst>
              </a:tr>
            </a:tbl>
          </a:graphicData>
        </a:graphic>
      </p:graphicFrame>
      <p:sp>
        <p:nvSpPr>
          <p:cNvPr id="16" name="矢印: 右 15">
            <a:extLst>
              <a:ext uri="{FF2B5EF4-FFF2-40B4-BE49-F238E27FC236}">
                <a16:creationId xmlns:a16="http://schemas.microsoft.com/office/drawing/2014/main" id="{276A92FE-8E93-6E65-A942-DB815192FDBA}"/>
              </a:ext>
            </a:extLst>
          </p:cNvPr>
          <p:cNvSpPr/>
          <p:nvPr/>
        </p:nvSpPr>
        <p:spPr>
          <a:xfrm>
            <a:off x="4125341" y="2018989"/>
            <a:ext cx="432620" cy="350085"/>
          </a:xfrm>
          <a:prstGeom prst="rightArrow">
            <a:avLst/>
          </a:prstGeom>
          <a:solidFill>
            <a:schemeClr val="accent1">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テキスト ボックス 16">
            <a:extLst>
              <a:ext uri="{FF2B5EF4-FFF2-40B4-BE49-F238E27FC236}">
                <a16:creationId xmlns:a16="http://schemas.microsoft.com/office/drawing/2014/main" id="{2A887962-544A-180D-B2F8-66F0B5F8422E}"/>
              </a:ext>
            </a:extLst>
          </p:cNvPr>
          <p:cNvSpPr txBox="1"/>
          <p:nvPr/>
        </p:nvSpPr>
        <p:spPr>
          <a:xfrm>
            <a:off x="4753692" y="2018989"/>
            <a:ext cx="3765468" cy="307777"/>
          </a:xfrm>
          <a:prstGeom prst="rect">
            <a:avLst/>
          </a:prstGeom>
          <a:noFill/>
        </p:spPr>
        <p:txBody>
          <a:bodyPr wrap="square">
            <a:spAutoFit/>
          </a:bodyPr>
          <a:lstStyle/>
          <a:p>
            <a:r>
              <a:rPr lang="ja-JP" altLang="en-US" sz="1400" b="1">
                <a:solidFill>
                  <a:srgbClr val="FF0000"/>
                </a:solidFill>
                <a:latin typeface="Meiryo UI" panose="020B0604030504040204" pitchFamily="50" charset="-128"/>
                <a:ea typeface="Meiryo UI" panose="020B0604030504040204" pitchFamily="50" charset="-128"/>
              </a:rPr>
              <a:t>報告対象外　（第１回 審議会にて整理済）</a:t>
            </a:r>
            <a:endParaRPr lang="en-US" altLang="ja-JP" sz="1400" b="1" dirty="0">
              <a:solidFill>
                <a:srgbClr val="FF0000"/>
              </a:solidFill>
              <a:latin typeface="ＭＳ 明朝" panose="02020609040205080304" pitchFamily="17" charset="-128"/>
              <a:ea typeface="ＭＳ 明朝" panose="02020609040205080304" pitchFamily="17" charset="-128"/>
              <a:cs typeface="Times New Roman" panose="02020603050405020304" pitchFamily="18" charset="0"/>
            </a:endParaRPr>
          </a:p>
        </p:txBody>
      </p:sp>
      <p:sp>
        <p:nvSpPr>
          <p:cNvPr id="10" name="テキスト ボックス 9">
            <a:extLst>
              <a:ext uri="{FF2B5EF4-FFF2-40B4-BE49-F238E27FC236}">
                <a16:creationId xmlns:a16="http://schemas.microsoft.com/office/drawing/2014/main" id="{C5D24295-EF10-AE5C-4610-4B019D9B0D69}"/>
              </a:ext>
            </a:extLst>
          </p:cNvPr>
          <p:cNvSpPr txBox="1"/>
          <p:nvPr/>
        </p:nvSpPr>
        <p:spPr>
          <a:xfrm>
            <a:off x="195732" y="6467179"/>
            <a:ext cx="9481668" cy="369332"/>
          </a:xfrm>
          <a:prstGeom prst="rect">
            <a:avLst/>
          </a:prstGeom>
          <a:noFill/>
        </p:spPr>
        <p:txBody>
          <a:bodyPr wrap="square">
            <a:spAutoFit/>
          </a:bodyPr>
          <a:lstStyle/>
          <a:p>
            <a:r>
              <a:rPr lang="en-US" altLang="ja-JP" sz="1800" dirty="0">
                <a:effectLst/>
                <a:ea typeface="游明朝" panose="02020400000000000000" pitchFamily="18" charset="-128"/>
                <a:cs typeface="Times New Roman" panose="02020603050405020304" pitchFamily="18" charset="0"/>
              </a:rPr>
              <a:t>※</a:t>
            </a:r>
            <a:r>
              <a:rPr lang="ja-JP" altLang="en-US" sz="1800" dirty="0">
                <a:effectLst/>
                <a:ea typeface="游明朝" panose="02020400000000000000" pitchFamily="18" charset="-128"/>
                <a:cs typeface="Times New Roman" panose="02020603050405020304" pitchFamily="18" charset="0"/>
              </a:rPr>
              <a:t>　</a:t>
            </a:r>
            <a:r>
              <a:rPr lang="ja-JP" altLang="en-US" dirty="0">
                <a:ea typeface="游明朝" panose="02020400000000000000" pitchFamily="18" charset="-128"/>
                <a:cs typeface="Times New Roman" panose="02020603050405020304" pitchFamily="18" charset="0"/>
              </a:rPr>
              <a:t>受電設備更新時に特殊な仕様となっていたが、</a:t>
            </a:r>
            <a:r>
              <a:rPr lang="en-US" altLang="ja-JP" dirty="0">
                <a:ea typeface="游明朝" panose="02020400000000000000" pitchFamily="18" charset="-128"/>
                <a:cs typeface="Times New Roman" panose="02020603050405020304" pitchFamily="18" charset="0"/>
              </a:rPr>
              <a:t>CWO</a:t>
            </a:r>
            <a:r>
              <a:rPr lang="ja-JP" altLang="en-US" dirty="0">
                <a:ea typeface="游明朝" panose="02020400000000000000" pitchFamily="18" charset="-128"/>
                <a:cs typeface="Times New Roman" panose="02020603050405020304" pitchFamily="18" charset="0"/>
              </a:rPr>
              <a:t>に対し十分な説明なかった</a:t>
            </a:r>
            <a:endParaRPr lang="ja-JP" altLang="en-US" dirty="0"/>
          </a:p>
        </p:txBody>
      </p:sp>
    </p:spTree>
    <p:extLst>
      <p:ext uri="{BB962C8B-B14F-4D97-AF65-F5344CB8AC3E}">
        <p14:creationId xmlns:p14="http://schemas.microsoft.com/office/powerpoint/2010/main" val="347843308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C50E21E-C2D2-5BF1-07BC-92D9D57EB6EC}"/>
            </a:ext>
          </a:extLst>
        </p:cNvPr>
        <p:cNvGrpSpPr/>
        <p:nvPr/>
      </p:nvGrpSpPr>
      <p:grpSpPr>
        <a:xfrm>
          <a:off x="0" y="0"/>
          <a:ext cx="0" cy="0"/>
          <a:chOff x="0" y="0"/>
          <a:chExt cx="0" cy="0"/>
        </a:xfrm>
      </p:grpSpPr>
      <p:sp>
        <p:nvSpPr>
          <p:cNvPr id="5" name="Text Box 64">
            <a:extLst>
              <a:ext uri="{FF2B5EF4-FFF2-40B4-BE49-F238E27FC236}">
                <a16:creationId xmlns:a16="http://schemas.microsoft.com/office/drawing/2014/main" id="{B722CFD0-8859-74CD-CDE3-35273EAAE817}"/>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評価基準</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ポンプ運転　危険水位超過について</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3" name="スライド番号プレースホルダー 2">
            <a:extLst>
              <a:ext uri="{FF2B5EF4-FFF2-40B4-BE49-F238E27FC236}">
                <a16:creationId xmlns:a16="http://schemas.microsoft.com/office/drawing/2014/main" id="{86B3AE6F-DC45-84C9-1211-E1E51D30CBBC}"/>
              </a:ext>
            </a:extLst>
          </p:cNvPr>
          <p:cNvSpPr>
            <a:spLocks noGrp="1"/>
          </p:cNvSpPr>
          <p:nvPr>
            <p:ph type="sldNum" sz="quarter" idx="12"/>
          </p:nvPr>
        </p:nvSpPr>
        <p:spPr/>
        <p:txBody>
          <a:bodyPr/>
          <a:lstStyle/>
          <a:p>
            <a:fld id="{36EC18DB-A5DF-4E0E-B815-FCD04A2C4B2C}" type="slidenum">
              <a:rPr kumimoji="1" lang="ja-JP" altLang="en-US" smtClean="0"/>
              <a:t>24</a:t>
            </a:fld>
            <a:endParaRPr kumimoji="1" lang="ja-JP" altLang="en-US" dirty="0"/>
          </a:p>
        </p:txBody>
      </p:sp>
      <p:sp>
        <p:nvSpPr>
          <p:cNvPr id="4" name="テキスト ボックス 3">
            <a:extLst>
              <a:ext uri="{FF2B5EF4-FFF2-40B4-BE49-F238E27FC236}">
                <a16:creationId xmlns:a16="http://schemas.microsoft.com/office/drawing/2014/main" id="{E73789EC-66B7-9AAE-57A9-50F94555F596}"/>
              </a:ext>
            </a:extLst>
          </p:cNvPr>
          <p:cNvSpPr txBox="1"/>
          <p:nvPr/>
        </p:nvSpPr>
        <p:spPr>
          <a:xfrm>
            <a:off x="195732" y="1182871"/>
            <a:ext cx="9710267" cy="625108"/>
          </a:xfrm>
          <a:prstGeom prst="rect">
            <a:avLst/>
          </a:prstGeom>
          <a:noFill/>
        </p:spPr>
        <p:txBody>
          <a:bodyPr wrap="square" rtlCol="0">
            <a:spAutoFit/>
          </a:bodyPr>
          <a:lstStyle/>
          <a:p>
            <a:pPr marL="263776" indent="-263776">
              <a:buFont typeface="Wingdings" panose="05000000000000000000" pitchFamily="2" charset="2"/>
              <a:buChar char="l"/>
            </a:pPr>
            <a:r>
              <a:rPr lang="ja-JP" altLang="en-US" sz="1662" b="1" dirty="0">
                <a:latin typeface="Century" panose="02040604050505020304" pitchFamily="18" charset="0"/>
              </a:rPr>
              <a:t>中之島抽水所</a:t>
            </a:r>
            <a:endParaRPr lang="en-US" altLang="ja-JP" sz="1662" b="1" dirty="0">
              <a:latin typeface="Century" panose="02040604050505020304" pitchFamily="18" charset="0"/>
            </a:endParaRPr>
          </a:p>
          <a:p>
            <a:r>
              <a:rPr lang="ja-JP" altLang="en-US" sz="1800" dirty="0">
                <a:latin typeface="Century" panose="02040604050505020304" pitchFamily="18" charset="0"/>
                <a:ea typeface="ＭＳ 明朝" panose="02020609040205080304" pitchFamily="17" charset="-128"/>
                <a:cs typeface="Times New Roman" panose="02020603050405020304" pitchFamily="18" charset="0"/>
              </a:rPr>
              <a:t>　</a:t>
            </a:r>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5</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月</a:t>
            </a:r>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24</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日、危険水位超過発生</a:t>
            </a:r>
            <a:endParaRPr lang="en-US" altLang="ja-JP" sz="1662" dirty="0">
              <a:latin typeface="Century" panose="02040604050505020304" pitchFamily="18" charset="0"/>
            </a:endParaRPr>
          </a:p>
        </p:txBody>
      </p:sp>
      <p:sp>
        <p:nvSpPr>
          <p:cNvPr id="2" name="角丸四角形 18">
            <a:extLst>
              <a:ext uri="{FF2B5EF4-FFF2-40B4-BE49-F238E27FC236}">
                <a16:creationId xmlns:a16="http://schemas.microsoft.com/office/drawing/2014/main" id="{15357F87-A27D-16C6-FA5A-277638477A75}"/>
              </a:ext>
            </a:extLst>
          </p:cNvPr>
          <p:cNvSpPr/>
          <p:nvPr/>
        </p:nvSpPr>
        <p:spPr>
          <a:xfrm>
            <a:off x="72908" y="96839"/>
            <a:ext cx="817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grpSp>
        <p:nvGrpSpPr>
          <p:cNvPr id="60" name="グループ化 59">
            <a:extLst>
              <a:ext uri="{FF2B5EF4-FFF2-40B4-BE49-F238E27FC236}">
                <a16:creationId xmlns:a16="http://schemas.microsoft.com/office/drawing/2014/main" id="{A2D6C333-FF22-A5A9-A12E-62BCEBD9AE55}"/>
              </a:ext>
            </a:extLst>
          </p:cNvPr>
          <p:cNvGrpSpPr/>
          <p:nvPr/>
        </p:nvGrpSpPr>
        <p:grpSpPr>
          <a:xfrm>
            <a:off x="3245158" y="3665286"/>
            <a:ext cx="1002781" cy="1633449"/>
            <a:chOff x="3918054" y="3894722"/>
            <a:chExt cx="1597775" cy="2602646"/>
          </a:xfrm>
        </p:grpSpPr>
        <p:sp>
          <p:nvSpPr>
            <p:cNvPr id="59" name="台形 58">
              <a:extLst>
                <a:ext uri="{FF2B5EF4-FFF2-40B4-BE49-F238E27FC236}">
                  <a16:creationId xmlns:a16="http://schemas.microsoft.com/office/drawing/2014/main" id="{3DB06026-B64F-2798-26CF-9B94CB36A5CB}"/>
                </a:ext>
              </a:extLst>
            </p:cNvPr>
            <p:cNvSpPr/>
            <p:nvPr/>
          </p:nvSpPr>
          <p:spPr>
            <a:xfrm>
              <a:off x="4135129" y="6157721"/>
              <a:ext cx="1277768" cy="339647"/>
            </a:xfrm>
            <a:prstGeom prst="trapezoid">
              <a:avLst>
                <a:gd name="adj" fmla="val 51174"/>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楕円 5">
              <a:extLst>
                <a:ext uri="{FF2B5EF4-FFF2-40B4-BE49-F238E27FC236}">
                  <a16:creationId xmlns:a16="http://schemas.microsoft.com/office/drawing/2014/main" id="{765B8AD6-4761-2E57-F308-22C0AA8DD052}"/>
                </a:ext>
              </a:extLst>
            </p:cNvPr>
            <p:cNvSpPr/>
            <p:nvPr/>
          </p:nvSpPr>
          <p:spPr>
            <a:xfrm>
              <a:off x="3918054" y="5770006"/>
              <a:ext cx="1597775" cy="593455"/>
            </a:xfrm>
            <a:prstGeom prst="ellipse">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grpSp>
          <p:nvGrpSpPr>
            <p:cNvPr id="49" name="グループ化 48">
              <a:extLst>
                <a:ext uri="{FF2B5EF4-FFF2-40B4-BE49-F238E27FC236}">
                  <a16:creationId xmlns:a16="http://schemas.microsoft.com/office/drawing/2014/main" id="{EBDCC75E-F1BF-A417-0150-28EF15C9A4FB}"/>
                </a:ext>
              </a:extLst>
            </p:cNvPr>
            <p:cNvGrpSpPr/>
            <p:nvPr/>
          </p:nvGrpSpPr>
          <p:grpSpPr>
            <a:xfrm rot="16200000">
              <a:off x="4452619" y="3708866"/>
              <a:ext cx="538173" cy="909886"/>
              <a:chOff x="4030029" y="4501819"/>
              <a:chExt cx="538173" cy="909886"/>
            </a:xfrm>
          </p:grpSpPr>
          <p:sp>
            <p:nvSpPr>
              <p:cNvPr id="46" name="正方形/長方形 45">
                <a:extLst>
                  <a:ext uri="{FF2B5EF4-FFF2-40B4-BE49-F238E27FC236}">
                    <a16:creationId xmlns:a16="http://schemas.microsoft.com/office/drawing/2014/main" id="{70A18401-F1D6-78F0-FA1A-D0C3C26DB34E}"/>
                  </a:ext>
                </a:extLst>
              </p:cNvPr>
              <p:cNvSpPr/>
              <p:nvPr/>
            </p:nvSpPr>
            <p:spPr>
              <a:xfrm>
                <a:off x="4068366" y="4578019"/>
                <a:ext cx="406878" cy="747959"/>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正方形/長方形 46">
                <a:extLst>
                  <a:ext uri="{FF2B5EF4-FFF2-40B4-BE49-F238E27FC236}">
                    <a16:creationId xmlns:a16="http://schemas.microsoft.com/office/drawing/2014/main" id="{0491BD52-FFB6-B1E7-A87A-C00503328A47}"/>
                  </a:ext>
                </a:extLst>
              </p:cNvPr>
              <p:cNvSpPr/>
              <p:nvPr/>
            </p:nvSpPr>
            <p:spPr>
              <a:xfrm>
                <a:off x="4030029" y="4501819"/>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正方形/長方形 47">
                <a:extLst>
                  <a:ext uri="{FF2B5EF4-FFF2-40B4-BE49-F238E27FC236}">
                    <a16:creationId xmlns:a16="http://schemas.microsoft.com/office/drawing/2014/main" id="{B5FF1FAC-67A2-8D6E-42AD-27449EC0005E}"/>
                  </a:ext>
                </a:extLst>
              </p:cNvPr>
              <p:cNvSpPr/>
              <p:nvPr/>
            </p:nvSpPr>
            <p:spPr>
              <a:xfrm>
                <a:off x="4475244" y="4501819"/>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正方形/長方形 49">
                <a:extLst>
                  <a:ext uri="{FF2B5EF4-FFF2-40B4-BE49-F238E27FC236}">
                    <a16:creationId xmlns:a16="http://schemas.microsoft.com/office/drawing/2014/main" id="{2B7CFE5D-B6FB-1EFA-2B3C-5C9D5C58C738}"/>
                  </a:ext>
                </a:extLst>
              </p:cNvPr>
              <p:cNvSpPr/>
              <p:nvPr/>
            </p:nvSpPr>
            <p:spPr>
              <a:xfrm>
                <a:off x="4522483" y="4501821"/>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4" name="グループ化 53">
              <a:extLst>
                <a:ext uri="{FF2B5EF4-FFF2-40B4-BE49-F238E27FC236}">
                  <a16:creationId xmlns:a16="http://schemas.microsoft.com/office/drawing/2014/main" id="{4A27BCF3-3DDA-E4EB-D50F-E07EEFD13496}"/>
                </a:ext>
              </a:extLst>
            </p:cNvPr>
            <p:cNvGrpSpPr/>
            <p:nvPr/>
          </p:nvGrpSpPr>
          <p:grpSpPr>
            <a:xfrm rot="16200000">
              <a:off x="4035027" y="4661620"/>
              <a:ext cx="1373361" cy="909885"/>
              <a:chOff x="3147602" y="4501819"/>
              <a:chExt cx="1373361" cy="909885"/>
            </a:xfrm>
          </p:grpSpPr>
          <p:sp>
            <p:nvSpPr>
              <p:cNvPr id="55" name="正方形/長方形 54">
                <a:extLst>
                  <a:ext uri="{FF2B5EF4-FFF2-40B4-BE49-F238E27FC236}">
                    <a16:creationId xmlns:a16="http://schemas.microsoft.com/office/drawing/2014/main" id="{8EA0F81C-D0D7-EE3A-FBD8-1C32E7FD348E}"/>
                  </a:ext>
                </a:extLst>
              </p:cNvPr>
              <p:cNvSpPr/>
              <p:nvPr/>
            </p:nvSpPr>
            <p:spPr>
              <a:xfrm>
                <a:off x="3193320" y="4578021"/>
                <a:ext cx="1281924" cy="747959"/>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正方形/長方形 55">
                <a:extLst>
                  <a:ext uri="{FF2B5EF4-FFF2-40B4-BE49-F238E27FC236}">
                    <a16:creationId xmlns:a16="http://schemas.microsoft.com/office/drawing/2014/main" id="{DFA88F73-E226-7719-F1D5-4111276BC5AB}"/>
                  </a:ext>
                </a:extLst>
              </p:cNvPr>
              <p:cNvSpPr/>
              <p:nvPr/>
            </p:nvSpPr>
            <p:spPr>
              <a:xfrm>
                <a:off x="3147602" y="4501820"/>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a:extLst>
                  <a:ext uri="{FF2B5EF4-FFF2-40B4-BE49-F238E27FC236}">
                    <a16:creationId xmlns:a16="http://schemas.microsoft.com/office/drawing/2014/main" id="{5C00A01A-7430-507F-4B21-65DC899E8E59}"/>
                  </a:ext>
                </a:extLst>
              </p:cNvPr>
              <p:cNvSpPr/>
              <p:nvPr/>
            </p:nvSpPr>
            <p:spPr>
              <a:xfrm>
                <a:off x="4475244" y="4501819"/>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grpSp>
        <p:nvGrpSpPr>
          <p:cNvPr id="80" name="グループ化 79">
            <a:extLst>
              <a:ext uri="{FF2B5EF4-FFF2-40B4-BE49-F238E27FC236}">
                <a16:creationId xmlns:a16="http://schemas.microsoft.com/office/drawing/2014/main" id="{FE6DE4C2-36FD-77CE-4D5D-F3485DFDD47D}"/>
              </a:ext>
            </a:extLst>
          </p:cNvPr>
          <p:cNvGrpSpPr/>
          <p:nvPr/>
        </p:nvGrpSpPr>
        <p:grpSpPr>
          <a:xfrm>
            <a:off x="3304611" y="4886224"/>
            <a:ext cx="889854" cy="289603"/>
            <a:chOff x="7704222" y="5803243"/>
            <a:chExt cx="1077213" cy="350579"/>
          </a:xfrm>
        </p:grpSpPr>
        <p:sp>
          <p:nvSpPr>
            <p:cNvPr id="78" name="楕円 77">
              <a:extLst>
                <a:ext uri="{FF2B5EF4-FFF2-40B4-BE49-F238E27FC236}">
                  <a16:creationId xmlns:a16="http://schemas.microsoft.com/office/drawing/2014/main" id="{F9346174-E126-48CC-36B0-B59F8ADC2514}"/>
                </a:ext>
              </a:extLst>
            </p:cNvPr>
            <p:cNvSpPr/>
            <p:nvPr/>
          </p:nvSpPr>
          <p:spPr>
            <a:xfrm>
              <a:off x="7704222" y="5845183"/>
              <a:ext cx="507519" cy="266699"/>
            </a:xfrm>
            <a:prstGeom prst="ellipse">
              <a:avLst/>
            </a:prstGeom>
            <a:gradFill>
              <a:gsLst>
                <a:gs pos="0">
                  <a:schemeClr val="bg1"/>
                </a:gs>
                <a:gs pos="74000">
                  <a:schemeClr val="bg1">
                    <a:lumMod val="85000"/>
                  </a:schemeClr>
                </a:gs>
                <a:gs pos="83000">
                  <a:schemeClr val="bg1">
                    <a:lumMod val="75000"/>
                  </a:schemeClr>
                </a:gs>
                <a:gs pos="100000">
                  <a:schemeClr val="bg1">
                    <a:lumMod val="50000"/>
                  </a:schemeClr>
                </a:gs>
              </a:gsLst>
              <a:lin ang="5400000" scaled="1"/>
            </a:gra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楕円 78">
              <a:extLst>
                <a:ext uri="{FF2B5EF4-FFF2-40B4-BE49-F238E27FC236}">
                  <a16:creationId xmlns:a16="http://schemas.microsoft.com/office/drawing/2014/main" id="{4D9BB550-2BCA-AE33-9985-8C9F35EB0D3B}"/>
                </a:ext>
              </a:extLst>
            </p:cNvPr>
            <p:cNvSpPr/>
            <p:nvPr/>
          </p:nvSpPr>
          <p:spPr>
            <a:xfrm>
              <a:off x="8273916" y="5845183"/>
              <a:ext cx="507519" cy="266699"/>
            </a:xfrm>
            <a:prstGeom prst="ellipse">
              <a:avLst/>
            </a:prstGeom>
            <a:gradFill>
              <a:gsLst>
                <a:gs pos="0">
                  <a:schemeClr val="bg1"/>
                </a:gs>
                <a:gs pos="74000">
                  <a:schemeClr val="bg1">
                    <a:lumMod val="85000"/>
                  </a:schemeClr>
                </a:gs>
                <a:gs pos="83000">
                  <a:schemeClr val="bg1">
                    <a:lumMod val="75000"/>
                  </a:schemeClr>
                </a:gs>
                <a:gs pos="100000">
                  <a:schemeClr val="bg1">
                    <a:lumMod val="50000"/>
                  </a:schemeClr>
                </a:gs>
              </a:gsLst>
              <a:lin ang="5400000" scaled="1"/>
            </a:gra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5" name="楕円 74">
              <a:extLst>
                <a:ext uri="{FF2B5EF4-FFF2-40B4-BE49-F238E27FC236}">
                  <a16:creationId xmlns:a16="http://schemas.microsoft.com/office/drawing/2014/main" id="{B7A9F9C3-55EE-57D5-8B09-43E2B4B1352F}"/>
                </a:ext>
              </a:extLst>
            </p:cNvPr>
            <p:cNvSpPr/>
            <p:nvPr/>
          </p:nvSpPr>
          <p:spPr>
            <a:xfrm>
              <a:off x="8067539" y="5803243"/>
              <a:ext cx="350579" cy="350579"/>
            </a:xfrm>
            <a:prstGeom prst="ellipse">
              <a:avLst/>
            </a:prstGeom>
            <a:gradFill>
              <a:gsLst>
                <a:gs pos="0">
                  <a:schemeClr val="bg1"/>
                </a:gs>
                <a:gs pos="74000">
                  <a:schemeClr val="bg1">
                    <a:lumMod val="85000"/>
                  </a:schemeClr>
                </a:gs>
                <a:gs pos="83000">
                  <a:schemeClr val="bg1">
                    <a:lumMod val="75000"/>
                  </a:schemeClr>
                </a:gs>
                <a:gs pos="100000">
                  <a:schemeClr val="bg1">
                    <a:lumMod val="50000"/>
                  </a:schemeClr>
                </a:gs>
              </a:gsLst>
              <a:lin ang="5400000" scaled="1"/>
            </a:gra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66" name="台形 65">
            <a:extLst>
              <a:ext uri="{FF2B5EF4-FFF2-40B4-BE49-F238E27FC236}">
                <a16:creationId xmlns:a16="http://schemas.microsoft.com/office/drawing/2014/main" id="{B7D93E1D-569C-FA9A-88A8-4726C51FDBB1}"/>
              </a:ext>
            </a:extLst>
          </p:cNvPr>
          <p:cNvSpPr/>
          <p:nvPr/>
        </p:nvSpPr>
        <p:spPr>
          <a:xfrm>
            <a:off x="3564951" y="3006076"/>
            <a:ext cx="347747" cy="649502"/>
          </a:xfrm>
          <a:prstGeom prst="trapezoid">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正方形/長方形 69">
            <a:extLst>
              <a:ext uri="{FF2B5EF4-FFF2-40B4-BE49-F238E27FC236}">
                <a16:creationId xmlns:a16="http://schemas.microsoft.com/office/drawing/2014/main" id="{7586CEE8-0A59-5B81-B1C8-70AA1F1EA139}"/>
              </a:ext>
            </a:extLst>
          </p:cNvPr>
          <p:cNvSpPr/>
          <p:nvPr/>
        </p:nvSpPr>
        <p:spPr>
          <a:xfrm rot="5400000">
            <a:off x="3352703" y="3193292"/>
            <a:ext cx="774587" cy="98190"/>
          </a:xfrm>
          <a:prstGeom prst="rect">
            <a:avLst/>
          </a:prstGeom>
          <a:gradFill flip="none" rotWithShape="1">
            <a:gsLst>
              <a:gs pos="0">
                <a:schemeClr val="bg1"/>
              </a:gs>
              <a:gs pos="74000">
                <a:schemeClr val="bg1">
                  <a:lumMod val="85000"/>
                </a:schemeClr>
              </a:gs>
              <a:gs pos="83000">
                <a:schemeClr val="bg1">
                  <a:lumMod val="75000"/>
                </a:schemeClr>
              </a:gs>
              <a:gs pos="100000">
                <a:schemeClr val="bg1">
                  <a:lumMod val="50000"/>
                </a:schemeClr>
              </a:gs>
            </a:gsLst>
            <a:lin ang="5400000" scaled="1"/>
            <a:tileRect/>
          </a:gra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9" name="正方形/長方形 68">
            <a:extLst>
              <a:ext uri="{FF2B5EF4-FFF2-40B4-BE49-F238E27FC236}">
                <a16:creationId xmlns:a16="http://schemas.microsoft.com/office/drawing/2014/main" id="{BA286877-DE71-8EC0-2569-C33BD039CD15}"/>
              </a:ext>
            </a:extLst>
          </p:cNvPr>
          <p:cNvSpPr/>
          <p:nvPr/>
        </p:nvSpPr>
        <p:spPr>
          <a:xfrm>
            <a:off x="2144891" y="3149594"/>
            <a:ext cx="982396" cy="665329"/>
          </a:xfrm>
          <a:prstGeom prst="rect">
            <a:avLst/>
          </a:prstGeom>
          <a:solidFill>
            <a:schemeClr val="bg1">
              <a:lumMod val="8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正方形/長方形 67">
            <a:extLst>
              <a:ext uri="{FF2B5EF4-FFF2-40B4-BE49-F238E27FC236}">
                <a16:creationId xmlns:a16="http://schemas.microsoft.com/office/drawing/2014/main" id="{B3B341D7-2096-95DE-4C12-6DC73CA8F3D7}"/>
              </a:ext>
            </a:extLst>
          </p:cNvPr>
          <p:cNvSpPr/>
          <p:nvPr/>
        </p:nvSpPr>
        <p:spPr>
          <a:xfrm>
            <a:off x="2903660" y="2874414"/>
            <a:ext cx="829793" cy="98190"/>
          </a:xfrm>
          <a:prstGeom prst="rect">
            <a:avLst/>
          </a:prstGeom>
          <a:gradFill flip="none" rotWithShape="1">
            <a:gsLst>
              <a:gs pos="0">
                <a:schemeClr val="bg1"/>
              </a:gs>
              <a:gs pos="74000">
                <a:schemeClr val="bg1">
                  <a:lumMod val="85000"/>
                </a:schemeClr>
              </a:gs>
              <a:gs pos="83000">
                <a:schemeClr val="bg1">
                  <a:lumMod val="75000"/>
                </a:schemeClr>
              </a:gs>
              <a:gs pos="100000">
                <a:schemeClr val="bg1">
                  <a:lumMod val="50000"/>
                </a:schemeClr>
              </a:gs>
            </a:gsLst>
            <a:lin ang="5400000" scaled="1"/>
            <a:tileRect/>
          </a:gra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45" name="グループ化 44">
            <a:extLst>
              <a:ext uri="{FF2B5EF4-FFF2-40B4-BE49-F238E27FC236}">
                <a16:creationId xmlns:a16="http://schemas.microsoft.com/office/drawing/2014/main" id="{A8213976-E825-8140-A66B-5FD77656AC6E}"/>
              </a:ext>
            </a:extLst>
          </p:cNvPr>
          <p:cNvGrpSpPr/>
          <p:nvPr/>
        </p:nvGrpSpPr>
        <p:grpSpPr>
          <a:xfrm>
            <a:off x="3515797" y="2866732"/>
            <a:ext cx="2048162" cy="1414289"/>
            <a:chOff x="4349274" y="2622350"/>
            <a:chExt cx="3263426" cy="2253449"/>
          </a:xfrm>
        </p:grpSpPr>
        <p:sp>
          <p:nvSpPr>
            <p:cNvPr id="30" name="正方形/長方形 29">
              <a:extLst>
                <a:ext uri="{FF2B5EF4-FFF2-40B4-BE49-F238E27FC236}">
                  <a16:creationId xmlns:a16="http://schemas.microsoft.com/office/drawing/2014/main" id="{46791FF0-02B0-66A7-A6B5-0456F2704DB0}"/>
                </a:ext>
              </a:extLst>
            </p:cNvPr>
            <p:cNvSpPr/>
            <p:nvPr/>
          </p:nvSpPr>
          <p:spPr>
            <a:xfrm>
              <a:off x="6259514" y="2622350"/>
              <a:ext cx="92153" cy="215099"/>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8" name="グループ化 17">
              <a:extLst>
                <a:ext uri="{FF2B5EF4-FFF2-40B4-BE49-F238E27FC236}">
                  <a16:creationId xmlns:a16="http://schemas.microsoft.com/office/drawing/2014/main" id="{F8C45E04-BD1B-E0C5-CCDB-B99917713D3F}"/>
                </a:ext>
              </a:extLst>
            </p:cNvPr>
            <p:cNvGrpSpPr/>
            <p:nvPr/>
          </p:nvGrpSpPr>
          <p:grpSpPr>
            <a:xfrm>
              <a:off x="4349274" y="2837449"/>
              <a:ext cx="1962150" cy="2038350"/>
              <a:chOff x="4349274" y="2837449"/>
              <a:chExt cx="1962150" cy="2038350"/>
            </a:xfrm>
          </p:grpSpPr>
          <p:sp>
            <p:nvSpPr>
              <p:cNvPr id="11" name="アーチ 10">
                <a:extLst>
                  <a:ext uri="{FF2B5EF4-FFF2-40B4-BE49-F238E27FC236}">
                    <a16:creationId xmlns:a16="http://schemas.microsoft.com/office/drawing/2014/main" id="{AE68460E-BB4D-4FC3-2AC2-EA59EC3C1C91}"/>
                  </a:ext>
                </a:extLst>
              </p:cNvPr>
              <p:cNvSpPr/>
              <p:nvPr/>
            </p:nvSpPr>
            <p:spPr>
              <a:xfrm>
                <a:off x="4349274" y="2913649"/>
                <a:ext cx="1962150" cy="1962150"/>
              </a:xfrm>
              <a:prstGeom prst="blockArc">
                <a:avLst>
                  <a:gd name="adj1" fmla="val 10800000"/>
                  <a:gd name="adj2" fmla="val 16222624"/>
                  <a:gd name="adj3" fmla="val 37702"/>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5" name="正方形/長方形 14">
                <a:extLst>
                  <a:ext uri="{FF2B5EF4-FFF2-40B4-BE49-F238E27FC236}">
                    <a16:creationId xmlns:a16="http://schemas.microsoft.com/office/drawing/2014/main" id="{11AFDF04-E1C1-3E4B-8ED5-920396995D0A}"/>
                  </a:ext>
                </a:extLst>
              </p:cNvPr>
              <p:cNvSpPr/>
              <p:nvPr/>
            </p:nvSpPr>
            <p:spPr>
              <a:xfrm>
                <a:off x="5330825" y="2837449"/>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22" name="グループ化 21">
              <a:extLst>
                <a:ext uri="{FF2B5EF4-FFF2-40B4-BE49-F238E27FC236}">
                  <a16:creationId xmlns:a16="http://schemas.microsoft.com/office/drawing/2014/main" id="{D541200F-E632-2737-3DB3-7C66980E76A4}"/>
                </a:ext>
              </a:extLst>
            </p:cNvPr>
            <p:cNvGrpSpPr/>
            <p:nvPr/>
          </p:nvGrpSpPr>
          <p:grpSpPr>
            <a:xfrm>
              <a:off x="5374560" y="2837449"/>
              <a:ext cx="490934" cy="909884"/>
              <a:chOff x="5374560" y="2837449"/>
              <a:chExt cx="490934" cy="909884"/>
            </a:xfrm>
          </p:grpSpPr>
          <p:sp>
            <p:nvSpPr>
              <p:cNvPr id="13" name="正方形/長方形 12">
                <a:extLst>
                  <a:ext uri="{FF2B5EF4-FFF2-40B4-BE49-F238E27FC236}">
                    <a16:creationId xmlns:a16="http://schemas.microsoft.com/office/drawing/2014/main" id="{7A8C4A8B-B6BF-3342-2DB0-863A880F8ED4}"/>
                  </a:ext>
                </a:extLst>
              </p:cNvPr>
              <p:cNvSpPr/>
              <p:nvPr/>
            </p:nvSpPr>
            <p:spPr>
              <a:xfrm>
                <a:off x="5412897" y="2913649"/>
                <a:ext cx="406878" cy="747959"/>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a:extLst>
                  <a:ext uri="{FF2B5EF4-FFF2-40B4-BE49-F238E27FC236}">
                    <a16:creationId xmlns:a16="http://schemas.microsoft.com/office/drawing/2014/main" id="{016854CD-1446-07D4-04A3-2A3546EE96AF}"/>
                  </a:ext>
                </a:extLst>
              </p:cNvPr>
              <p:cNvSpPr/>
              <p:nvPr/>
            </p:nvSpPr>
            <p:spPr>
              <a:xfrm>
                <a:off x="5374560" y="2837449"/>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a:extLst>
                  <a:ext uri="{FF2B5EF4-FFF2-40B4-BE49-F238E27FC236}">
                    <a16:creationId xmlns:a16="http://schemas.microsoft.com/office/drawing/2014/main" id="{3B3C890A-0BE4-CD07-185C-4663F950A821}"/>
                  </a:ext>
                </a:extLst>
              </p:cNvPr>
              <p:cNvSpPr/>
              <p:nvPr/>
            </p:nvSpPr>
            <p:spPr>
              <a:xfrm>
                <a:off x="5819775" y="2837449"/>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24" name="正方形/長方形 23">
              <a:extLst>
                <a:ext uri="{FF2B5EF4-FFF2-40B4-BE49-F238E27FC236}">
                  <a16:creationId xmlns:a16="http://schemas.microsoft.com/office/drawing/2014/main" id="{8E2C20E8-CC1F-61E4-679C-4E703B72E577}"/>
                </a:ext>
              </a:extLst>
            </p:cNvPr>
            <p:cNvSpPr/>
            <p:nvPr/>
          </p:nvSpPr>
          <p:spPr>
            <a:xfrm>
              <a:off x="5905498" y="2913649"/>
              <a:ext cx="406878" cy="747959"/>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a:extLst>
                <a:ext uri="{FF2B5EF4-FFF2-40B4-BE49-F238E27FC236}">
                  <a16:creationId xmlns:a16="http://schemas.microsoft.com/office/drawing/2014/main" id="{364EF75D-61C1-653E-BD73-2C7A77BAC228}"/>
                </a:ext>
              </a:extLst>
            </p:cNvPr>
            <p:cNvSpPr/>
            <p:nvPr/>
          </p:nvSpPr>
          <p:spPr>
            <a:xfrm>
              <a:off x="5867161" y="2837449"/>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a:extLst>
                <a:ext uri="{FF2B5EF4-FFF2-40B4-BE49-F238E27FC236}">
                  <a16:creationId xmlns:a16="http://schemas.microsoft.com/office/drawing/2014/main" id="{92E00344-DCE6-85E1-EE6F-C2A570973C50}"/>
                </a:ext>
              </a:extLst>
            </p:cNvPr>
            <p:cNvSpPr/>
            <p:nvPr/>
          </p:nvSpPr>
          <p:spPr>
            <a:xfrm>
              <a:off x="6331744" y="2913649"/>
              <a:ext cx="406878" cy="747959"/>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a:extLst>
                <a:ext uri="{FF2B5EF4-FFF2-40B4-BE49-F238E27FC236}">
                  <a16:creationId xmlns:a16="http://schemas.microsoft.com/office/drawing/2014/main" id="{75C7CE58-5090-3BFB-D2AA-96A765EA93C6}"/>
                </a:ext>
              </a:extLst>
            </p:cNvPr>
            <p:cNvSpPr/>
            <p:nvPr/>
          </p:nvSpPr>
          <p:spPr>
            <a:xfrm>
              <a:off x="6738622" y="2837449"/>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四角形: 角を丸くする 11">
              <a:extLst>
                <a:ext uri="{FF2B5EF4-FFF2-40B4-BE49-F238E27FC236}">
                  <a16:creationId xmlns:a16="http://schemas.microsoft.com/office/drawing/2014/main" id="{9FD1CDDC-E70D-27AF-2A4B-2AAA10378D6D}"/>
                </a:ext>
              </a:extLst>
            </p:cNvPr>
            <p:cNvSpPr/>
            <p:nvPr/>
          </p:nvSpPr>
          <p:spPr>
            <a:xfrm>
              <a:off x="6030516" y="2737266"/>
              <a:ext cx="561816" cy="1100724"/>
            </a:xfrm>
            <a:prstGeom prst="round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rPr>
                <a:t>吐出弁</a:t>
              </a:r>
            </a:p>
          </p:txBody>
        </p:sp>
        <p:grpSp>
          <p:nvGrpSpPr>
            <p:cNvPr id="35" name="グループ化 34">
              <a:extLst>
                <a:ext uri="{FF2B5EF4-FFF2-40B4-BE49-F238E27FC236}">
                  <a16:creationId xmlns:a16="http://schemas.microsoft.com/office/drawing/2014/main" id="{F8C4DB12-0D52-3A33-2866-9A3BBECEBD2C}"/>
                </a:ext>
              </a:extLst>
            </p:cNvPr>
            <p:cNvGrpSpPr/>
            <p:nvPr/>
          </p:nvGrpSpPr>
          <p:grpSpPr>
            <a:xfrm>
              <a:off x="6760013" y="2837449"/>
              <a:ext cx="490934" cy="909884"/>
              <a:chOff x="5374560" y="2837449"/>
              <a:chExt cx="490934" cy="909884"/>
            </a:xfrm>
          </p:grpSpPr>
          <p:sp>
            <p:nvSpPr>
              <p:cNvPr id="36" name="正方形/長方形 35">
                <a:extLst>
                  <a:ext uri="{FF2B5EF4-FFF2-40B4-BE49-F238E27FC236}">
                    <a16:creationId xmlns:a16="http://schemas.microsoft.com/office/drawing/2014/main" id="{3BF1D362-45DB-A389-D8E5-5D630229994E}"/>
                  </a:ext>
                </a:extLst>
              </p:cNvPr>
              <p:cNvSpPr/>
              <p:nvPr/>
            </p:nvSpPr>
            <p:spPr>
              <a:xfrm>
                <a:off x="5412897" y="2913649"/>
                <a:ext cx="406878" cy="747959"/>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正方形/長方形 36">
                <a:extLst>
                  <a:ext uri="{FF2B5EF4-FFF2-40B4-BE49-F238E27FC236}">
                    <a16:creationId xmlns:a16="http://schemas.microsoft.com/office/drawing/2014/main" id="{7EB5CDF0-B925-F83E-DBC6-DE85F31A07FC}"/>
                  </a:ext>
                </a:extLst>
              </p:cNvPr>
              <p:cNvSpPr/>
              <p:nvPr/>
            </p:nvSpPr>
            <p:spPr>
              <a:xfrm>
                <a:off x="5374560" y="2837449"/>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正方形/長方形 37">
                <a:extLst>
                  <a:ext uri="{FF2B5EF4-FFF2-40B4-BE49-F238E27FC236}">
                    <a16:creationId xmlns:a16="http://schemas.microsoft.com/office/drawing/2014/main" id="{128A39CA-2D39-7ED4-F2B9-A90C9109DBAA}"/>
                  </a:ext>
                </a:extLst>
              </p:cNvPr>
              <p:cNvSpPr/>
              <p:nvPr/>
            </p:nvSpPr>
            <p:spPr>
              <a:xfrm>
                <a:off x="5819775" y="2837449"/>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1" name="直角三角形 40">
              <a:extLst>
                <a:ext uri="{FF2B5EF4-FFF2-40B4-BE49-F238E27FC236}">
                  <a16:creationId xmlns:a16="http://schemas.microsoft.com/office/drawing/2014/main" id="{894B3AA9-196F-D60D-ED78-6773391D9699}"/>
                </a:ext>
              </a:extLst>
            </p:cNvPr>
            <p:cNvSpPr/>
            <p:nvPr/>
          </p:nvSpPr>
          <p:spPr>
            <a:xfrm>
              <a:off x="7301863" y="2866536"/>
              <a:ext cx="310837" cy="842184"/>
            </a:xfrm>
            <a:prstGeom prst="rtTriangle">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正方形/長方形 41">
              <a:extLst>
                <a:ext uri="{FF2B5EF4-FFF2-40B4-BE49-F238E27FC236}">
                  <a16:creationId xmlns:a16="http://schemas.microsoft.com/office/drawing/2014/main" id="{41E1DE2B-DCD4-1C73-EE72-D9531FC79A2C}"/>
                </a:ext>
              </a:extLst>
            </p:cNvPr>
            <p:cNvSpPr/>
            <p:nvPr/>
          </p:nvSpPr>
          <p:spPr>
            <a:xfrm>
              <a:off x="7255550" y="2837449"/>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正方形/長方形 42">
              <a:extLst>
                <a:ext uri="{FF2B5EF4-FFF2-40B4-BE49-F238E27FC236}">
                  <a16:creationId xmlns:a16="http://schemas.microsoft.com/office/drawing/2014/main" id="{644432D4-5F6B-ABBE-7DB2-948A7A464889}"/>
                </a:ext>
              </a:extLst>
            </p:cNvPr>
            <p:cNvSpPr/>
            <p:nvPr/>
          </p:nvSpPr>
          <p:spPr>
            <a:xfrm rot="19800000">
              <a:off x="7525678" y="2801613"/>
              <a:ext cx="45719" cy="909884"/>
            </a:xfrm>
            <a:prstGeom prst="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61" name="正方形/長方形 60">
            <a:extLst>
              <a:ext uri="{FF2B5EF4-FFF2-40B4-BE49-F238E27FC236}">
                <a16:creationId xmlns:a16="http://schemas.microsoft.com/office/drawing/2014/main" id="{AE9C6445-800C-3CF6-30EE-4CE56395D828}"/>
              </a:ext>
            </a:extLst>
          </p:cNvPr>
          <p:cNvSpPr/>
          <p:nvPr/>
        </p:nvSpPr>
        <p:spPr>
          <a:xfrm>
            <a:off x="-127000" y="4219478"/>
            <a:ext cx="5306349" cy="1393112"/>
          </a:xfrm>
          <a:prstGeom prst="rect">
            <a:avLst/>
          </a:prstGeom>
          <a:solidFill>
            <a:srgbClr val="5B9BD5">
              <a:alpha val="50196"/>
            </a:srgb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正方形/長方形 61">
            <a:extLst>
              <a:ext uri="{FF2B5EF4-FFF2-40B4-BE49-F238E27FC236}">
                <a16:creationId xmlns:a16="http://schemas.microsoft.com/office/drawing/2014/main" id="{EA8084A0-A40A-C24C-0A05-3CC879B2247B}"/>
              </a:ext>
            </a:extLst>
          </p:cNvPr>
          <p:cNvSpPr/>
          <p:nvPr/>
        </p:nvSpPr>
        <p:spPr>
          <a:xfrm>
            <a:off x="5210354" y="2781506"/>
            <a:ext cx="1090848" cy="1036292"/>
          </a:xfrm>
          <a:prstGeom prst="rect">
            <a:avLst/>
          </a:prstGeom>
          <a:solidFill>
            <a:srgbClr val="5B9BD5">
              <a:alpha val="50196"/>
            </a:srgb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3" name="正方形/長方形 52">
            <a:extLst>
              <a:ext uri="{FF2B5EF4-FFF2-40B4-BE49-F238E27FC236}">
                <a16:creationId xmlns:a16="http://schemas.microsoft.com/office/drawing/2014/main" id="{C705AF62-E6F4-A65B-9C6B-D963006836C7}"/>
              </a:ext>
            </a:extLst>
          </p:cNvPr>
          <p:cNvSpPr/>
          <p:nvPr/>
        </p:nvSpPr>
        <p:spPr>
          <a:xfrm>
            <a:off x="5179349" y="2532316"/>
            <a:ext cx="1121853" cy="167384"/>
          </a:xfrm>
          <a:prstGeom prst="rect">
            <a:avLst/>
          </a:prstGeom>
          <a:solidFill>
            <a:schemeClr val="bg1">
              <a:lumMod val="6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正方形/長方形 51">
            <a:extLst>
              <a:ext uri="{FF2B5EF4-FFF2-40B4-BE49-F238E27FC236}">
                <a16:creationId xmlns:a16="http://schemas.microsoft.com/office/drawing/2014/main" id="{D17EFD0F-80FA-93B4-FE64-01D5ACBB578E}"/>
              </a:ext>
            </a:extLst>
          </p:cNvPr>
          <p:cNvSpPr/>
          <p:nvPr/>
        </p:nvSpPr>
        <p:spPr>
          <a:xfrm>
            <a:off x="5179349" y="3677075"/>
            <a:ext cx="1128165" cy="1941302"/>
          </a:xfrm>
          <a:prstGeom prst="rect">
            <a:avLst/>
          </a:prstGeom>
          <a:solidFill>
            <a:schemeClr val="bg1">
              <a:lumMod val="6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正方形/長方形 50">
            <a:extLst>
              <a:ext uri="{FF2B5EF4-FFF2-40B4-BE49-F238E27FC236}">
                <a16:creationId xmlns:a16="http://schemas.microsoft.com/office/drawing/2014/main" id="{5FBEAFB6-0CE6-E64F-0632-88497A4D68D9}"/>
              </a:ext>
            </a:extLst>
          </p:cNvPr>
          <p:cNvSpPr/>
          <p:nvPr/>
        </p:nvSpPr>
        <p:spPr>
          <a:xfrm>
            <a:off x="1914790" y="3767616"/>
            <a:ext cx="3300899" cy="167384"/>
          </a:xfrm>
          <a:prstGeom prst="rect">
            <a:avLst/>
          </a:prstGeom>
          <a:solidFill>
            <a:schemeClr val="bg1">
              <a:lumMod val="6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正方形/長方形 38">
            <a:extLst>
              <a:ext uri="{FF2B5EF4-FFF2-40B4-BE49-F238E27FC236}">
                <a16:creationId xmlns:a16="http://schemas.microsoft.com/office/drawing/2014/main" id="{0784CC90-A783-1ACA-A1B5-573A7D229990}"/>
              </a:ext>
            </a:extLst>
          </p:cNvPr>
          <p:cNvSpPr/>
          <p:nvPr/>
        </p:nvSpPr>
        <p:spPr>
          <a:xfrm>
            <a:off x="5138124" y="2089717"/>
            <a:ext cx="115830" cy="3528659"/>
          </a:xfrm>
          <a:prstGeom prst="rect">
            <a:avLst/>
          </a:prstGeom>
          <a:solidFill>
            <a:schemeClr val="bg1">
              <a:lumMod val="6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矢印: 右 62">
            <a:extLst>
              <a:ext uri="{FF2B5EF4-FFF2-40B4-BE49-F238E27FC236}">
                <a16:creationId xmlns:a16="http://schemas.microsoft.com/office/drawing/2014/main" id="{1ABD72BE-B149-E7F6-3A73-AB21F989189A}"/>
              </a:ext>
            </a:extLst>
          </p:cNvPr>
          <p:cNvSpPr/>
          <p:nvPr/>
        </p:nvSpPr>
        <p:spPr>
          <a:xfrm>
            <a:off x="5733934" y="3202342"/>
            <a:ext cx="310377" cy="341305"/>
          </a:xfrm>
          <a:prstGeom prst="rightArrow">
            <a:avLst/>
          </a:prstGeom>
          <a:solidFill>
            <a:srgbClr val="00FFFF"/>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テキスト ボックス 63">
            <a:extLst>
              <a:ext uri="{FF2B5EF4-FFF2-40B4-BE49-F238E27FC236}">
                <a16:creationId xmlns:a16="http://schemas.microsoft.com/office/drawing/2014/main" id="{350D041C-C734-6898-6A0E-43677F5923D5}"/>
              </a:ext>
            </a:extLst>
          </p:cNvPr>
          <p:cNvSpPr txBox="1"/>
          <p:nvPr/>
        </p:nvSpPr>
        <p:spPr>
          <a:xfrm>
            <a:off x="5313147" y="3727582"/>
            <a:ext cx="1395527" cy="307777"/>
          </a:xfrm>
          <a:prstGeom prst="rect">
            <a:avLst/>
          </a:prstGeom>
          <a:solidFill>
            <a:schemeClr val="bg1"/>
          </a:solidFill>
          <a:ln>
            <a:solidFill>
              <a:schemeClr val="tx1"/>
            </a:solidFill>
          </a:ln>
        </p:spPr>
        <p:txBody>
          <a:bodyPr wrap="square" rtlCol="0">
            <a:spAutoFit/>
          </a:bodyPr>
          <a:lstStyle/>
          <a:p>
            <a:r>
              <a:rPr kumimoji="1" lang="ja-JP" altLang="en-US" sz="1400" dirty="0"/>
              <a:t>河川等放流先へ</a:t>
            </a:r>
          </a:p>
        </p:txBody>
      </p:sp>
      <p:sp>
        <p:nvSpPr>
          <p:cNvPr id="65" name="台形 64">
            <a:extLst>
              <a:ext uri="{FF2B5EF4-FFF2-40B4-BE49-F238E27FC236}">
                <a16:creationId xmlns:a16="http://schemas.microsoft.com/office/drawing/2014/main" id="{BC44600E-D4C9-6E60-36A5-4E29A95DEC8F}"/>
              </a:ext>
            </a:extLst>
          </p:cNvPr>
          <p:cNvSpPr/>
          <p:nvPr/>
        </p:nvSpPr>
        <p:spPr>
          <a:xfrm>
            <a:off x="2036339" y="2723740"/>
            <a:ext cx="1188830" cy="686785"/>
          </a:xfrm>
          <a:prstGeom prst="trapezoid">
            <a:avLst>
              <a:gd name="adj" fmla="val 10258"/>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rPr>
              <a:t>ディーゼル</a:t>
            </a:r>
            <a:endParaRPr kumimoji="1" lang="en-US" altLang="ja-JP" sz="1400" dirty="0">
              <a:solidFill>
                <a:schemeClr val="tx1"/>
              </a:solidFill>
            </a:endParaRPr>
          </a:p>
          <a:p>
            <a:pPr algn="ctr"/>
            <a:r>
              <a:rPr kumimoji="1" lang="ja-JP" altLang="en-US" sz="1400" dirty="0">
                <a:solidFill>
                  <a:schemeClr val="tx1"/>
                </a:solidFill>
              </a:rPr>
              <a:t>エンジン</a:t>
            </a:r>
          </a:p>
        </p:txBody>
      </p:sp>
      <p:sp>
        <p:nvSpPr>
          <p:cNvPr id="67" name="四角形: 角を丸くする 66">
            <a:extLst>
              <a:ext uri="{FF2B5EF4-FFF2-40B4-BE49-F238E27FC236}">
                <a16:creationId xmlns:a16="http://schemas.microsoft.com/office/drawing/2014/main" id="{4E9AAD45-70B9-04C5-3D1D-F31B488B5AB7}"/>
              </a:ext>
            </a:extLst>
          </p:cNvPr>
          <p:cNvSpPr/>
          <p:nvPr/>
        </p:nvSpPr>
        <p:spPr>
          <a:xfrm>
            <a:off x="3471525" y="2746854"/>
            <a:ext cx="545191" cy="299468"/>
          </a:xfrm>
          <a:prstGeom prst="round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四角形: 角を丸くする 70">
            <a:extLst>
              <a:ext uri="{FF2B5EF4-FFF2-40B4-BE49-F238E27FC236}">
                <a16:creationId xmlns:a16="http://schemas.microsoft.com/office/drawing/2014/main" id="{9A56F16B-A01D-B921-8536-9684CD8BA439}"/>
              </a:ext>
            </a:extLst>
          </p:cNvPr>
          <p:cNvSpPr/>
          <p:nvPr/>
        </p:nvSpPr>
        <p:spPr>
          <a:xfrm>
            <a:off x="4645866" y="2637533"/>
            <a:ext cx="203990" cy="233016"/>
          </a:xfrm>
          <a:prstGeom prst="roundRect">
            <a:avLst/>
          </a:prstGeom>
          <a:pattFill prst="dkVert">
            <a:fgClr>
              <a:schemeClr val="tx1"/>
            </a:fgClr>
            <a:bgClr>
              <a:schemeClr val="accent1"/>
            </a:bgClr>
          </a:patt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73" name="直線コネクタ 72">
            <a:extLst>
              <a:ext uri="{FF2B5EF4-FFF2-40B4-BE49-F238E27FC236}">
                <a16:creationId xmlns:a16="http://schemas.microsoft.com/office/drawing/2014/main" id="{A42CD451-A1AC-BBD8-3FD4-2EB602F5A7AB}"/>
              </a:ext>
            </a:extLst>
          </p:cNvPr>
          <p:cNvCxnSpPr>
            <a:cxnSpLocks/>
            <a:stCxn id="74" idx="2"/>
            <a:endCxn id="71" idx="0"/>
          </p:cNvCxnSpPr>
          <p:nvPr/>
        </p:nvCxnSpPr>
        <p:spPr>
          <a:xfrm>
            <a:off x="4611930" y="2296904"/>
            <a:ext cx="135931" cy="340629"/>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74" name="テキスト ボックス 73">
            <a:extLst>
              <a:ext uri="{FF2B5EF4-FFF2-40B4-BE49-F238E27FC236}">
                <a16:creationId xmlns:a16="http://schemas.microsoft.com/office/drawing/2014/main" id="{E3732AAE-D068-C69E-8C46-FBAEB734AF19}"/>
              </a:ext>
            </a:extLst>
          </p:cNvPr>
          <p:cNvSpPr txBox="1"/>
          <p:nvPr/>
        </p:nvSpPr>
        <p:spPr>
          <a:xfrm>
            <a:off x="4186375" y="1989127"/>
            <a:ext cx="851110" cy="307777"/>
          </a:xfrm>
          <a:prstGeom prst="rect">
            <a:avLst/>
          </a:prstGeom>
          <a:solidFill>
            <a:schemeClr val="bg1"/>
          </a:solidFill>
          <a:ln>
            <a:solidFill>
              <a:schemeClr val="tx1"/>
            </a:solidFill>
          </a:ln>
        </p:spPr>
        <p:txBody>
          <a:bodyPr wrap="square" rtlCol="0">
            <a:spAutoFit/>
          </a:bodyPr>
          <a:lstStyle/>
          <a:p>
            <a:r>
              <a:rPr kumimoji="1" lang="ja-JP" altLang="en-US" sz="1400" dirty="0"/>
              <a:t>電動機</a:t>
            </a:r>
          </a:p>
        </p:txBody>
      </p:sp>
      <p:sp>
        <p:nvSpPr>
          <p:cNvPr id="81" name="四角形: 角を丸くする 80">
            <a:extLst>
              <a:ext uri="{FF2B5EF4-FFF2-40B4-BE49-F238E27FC236}">
                <a16:creationId xmlns:a16="http://schemas.microsoft.com/office/drawing/2014/main" id="{79706D81-6711-21A7-1CAB-E4F7826AA689}"/>
              </a:ext>
            </a:extLst>
          </p:cNvPr>
          <p:cNvSpPr/>
          <p:nvPr/>
        </p:nvSpPr>
        <p:spPr>
          <a:xfrm>
            <a:off x="4407108" y="2526040"/>
            <a:ext cx="702322" cy="1197587"/>
          </a:xfrm>
          <a:prstGeom prst="roundRect">
            <a:avLst/>
          </a:prstGeom>
          <a:noFill/>
          <a:ln w="57150">
            <a:solidFill>
              <a:srgbClr val="FF010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83" name="図 82" descr="グラフィカル ユーザー インターフェイス&#10;&#10;AI によって生成されたコンテンツは間違っている可能性があります。">
            <a:extLst>
              <a:ext uri="{FF2B5EF4-FFF2-40B4-BE49-F238E27FC236}">
                <a16:creationId xmlns:a16="http://schemas.microsoft.com/office/drawing/2014/main" id="{5A197D2E-E987-99E2-D347-23ADBF26FCBA}"/>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6760086" y="3073963"/>
            <a:ext cx="2330020" cy="1941302"/>
          </a:xfrm>
          <a:prstGeom prst="rect">
            <a:avLst/>
          </a:prstGeom>
        </p:spPr>
      </p:pic>
      <p:sp>
        <p:nvSpPr>
          <p:cNvPr id="86" name="テキスト ボックス 85">
            <a:extLst>
              <a:ext uri="{FF2B5EF4-FFF2-40B4-BE49-F238E27FC236}">
                <a16:creationId xmlns:a16="http://schemas.microsoft.com/office/drawing/2014/main" id="{5D456621-DF8A-B383-5DE4-081B3A33D66A}"/>
              </a:ext>
            </a:extLst>
          </p:cNvPr>
          <p:cNvSpPr txBox="1"/>
          <p:nvPr/>
        </p:nvSpPr>
        <p:spPr>
          <a:xfrm>
            <a:off x="6262490" y="1349128"/>
            <a:ext cx="3798276" cy="1754326"/>
          </a:xfrm>
          <a:prstGeom prst="rect">
            <a:avLst/>
          </a:prstGeom>
          <a:noFill/>
        </p:spPr>
        <p:txBody>
          <a:bodyPr wrap="square">
            <a:spAutoFit/>
          </a:bodyPr>
          <a:lstStyle/>
          <a:p>
            <a:r>
              <a:rPr lang="ja-JP" altLang="en-US" b="1" dirty="0">
                <a:latin typeface="+mn-ea"/>
                <a:cs typeface="Times New Roman" panose="02020603050405020304" pitchFamily="18" charset="0"/>
              </a:rPr>
              <a:t>電動吐出弁</a:t>
            </a:r>
            <a:endParaRPr lang="en-US" altLang="ja-JP" b="1" dirty="0">
              <a:latin typeface="+mn-ea"/>
              <a:cs typeface="Times New Roman" panose="02020603050405020304" pitchFamily="18" charset="0"/>
            </a:endParaRPr>
          </a:p>
          <a:p>
            <a:r>
              <a:rPr lang="ja-JP" altLang="en-US" b="1" dirty="0">
                <a:solidFill>
                  <a:srgbClr val="FF0000"/>
                </a:solidFill>
                <a:latin typeface="+mn-ea"/>
                <a:cs typeface="Times New Roman" panose="02020603050405020304" pitchFamily="18" charset="0"/>
              </a:rPr>
              <a:t>　「自動」</a:t>
            </a:r>
            <a:r>
              <a:rPr lang="ja-JP" altLang="en-US" b="1" dirty="0">
                <a:latin typeface="+mn-ea"/>
                <a:cs typeface="Times New Roman" panose="02020603050405020304" pitchFamily="18" charset="0"/>
              </a:rPr>
              <a:t>モードにすべきところを</a:t>
            </a:r>
            <a:endParaRPr lang="en-US" altLang="ja-JP" b="1" dirty="0">
              <a:latin typeface="+mn-ea"/>
              <a:cs typeface="Times New Roman" panose="02020603050405020304" pitchFamily="18" charset="0"/>
            </a:endParaRPr>
          </a:p>
          <a:p>
            <a:r>
              <a:rPr lang="ja-JP" altLang="en-US" b="1" dirty="0">
                <a:solidFill>
                  <a:srgbClr val="FF0000"/>
                </a:solidFill>
                <a:latin typeface="+mn-ea"/>
                <a:cs typeface="Times New Roman" panose="02020603050405020304" pitchFamily="18" charset="0"/>
              </a:rPr>
              <a:t>　「連動」</a:t>
            </a:r>
            <a:r>
              <a:rPr lang="ja-JP" altLang="en-US" b="1" dirty="0">
                <a:latin typeface="+mn-ea"/>
                <a:cs typeface="Times New Roman" panose="02020603050405020304" pitchFamily="18" charset="0"/>
              </a:rPr>
              <a:t>モードに設定したため、</a:t>
            </a:r>
            <a:endParaRPr lang="en-US" altLang="ja-JP" b="1" dirty="0">
              <a:latin typeface="+mn-ea"/>
              <a:cs typeface="Times New Roman" panose="02020603050405020304" pitchFamily="18" charset="0"/>
            </a:endParaRPr>
          </a:p>
          <a:p>
            <a:r>
              <a:rPr lang="ja-JP" altLang="en-US" b="1" dirty="0">
                <a:latin typeface="+mn-ea"/>
                <a:cs typeface="Times New Roman" panose="02020603050405020304" pitchFamily="18" charset="0"/>
              </a:rPr>
              <a:t>　雨水ポンプが始動しなかった。</a:t>
            </a:r>
            <a:endParaRPr lang="en-US" altLang="ja-JP" b="1" dirty="0">
              <a:latin typeface="+mn-ea"/>
              <a:cs typeface="Times New Roman" panose="02020603050405020304" pitchFamily="18" charset="0"/>
            </a:endParaRPr>
          </a:p>
          <a:p>
            <a:r>
              <a:rPr lang="ja-JP" altLang="en-US" b="1" u="sng" dirty="0">
                <a:solidFill>
                  <a:srgbClr val="FF0000"/>
                </a:solidFill>
                <a:latin typeface="+mn-ea"/>
                <a:cs typeface="Times New Roman" panose="02020603050405020304" pitchFamily="18" charset="0"/>
              </a:rPr>
              <a:t>（運転操作員によるモード設定ミス）</a:t>
            </a:r>
            <a:endParaRPr lang="en-US" altLang="ja-JP" b="1" u="sng" dirty="0">
              <a:solidFill>
                <a:srgbClr val="FF0000"/>
              </a:solidFill>
              <a:latin typeface="+mn-ea"/>
              <a:cs typeface="Times New Roman" panose="02020603050405020304" pitchFamily="18" charset="0"/>
            </a:endParaRPr>
          </a:p>
          <a:p>
            <a:endParaRPr lang="en-US" altLang="ja-JP" b="1" dirty="0">
              <a:latin typeface="+mn-ea"/>
              <a:cs typeface="Times New Roman" panose="02020603050405020304" pitchFamily="18" charset="0"/>
            </a:endParaRPr>
          </a:p>
        </p:txBody>
      </p:sp>
      <p:sp>
        <p:nvSpPr>
          <p:cNvPr id="87" name="テキスト ボックス 86">
            <a:extLst>
              <a:ext uri="{FF2B5EF4-FFF2-40B4-BE49-F238E27FC236}">
                <a16:creationId xmlns:a16="http://schemas.microsoft.com/office/drawing/2014/main" id="{C0926425-F62C-B8F3-75D3-E937CE8C936F}"/>
              </a:ext>
            </a:extLst>
          </p:cNvPr>
          <p:cNvSpPr txBox="1"/>
          <p:nvPr/>
        </p:nvSpPr>
        <p:spPr>
          <a:xfrm>
            <a:off x="6397299" y="5019225"/>
            <a:ext cx="3297834" cy="646331"/>
          </a:xfrm>
          <a:prstGeom prst="rect">
            <a:avLst/>
          </a:prstGeom>
          <a:noFill/>
        </p:spPr>
        <p:txBody>
          <a:bodyPr wrap="square">
            <a:spAutoFit/>
          </a:bodyPr>
          <a:lstStyle/>
          <a:p>
            <a:r>
              <a:rPr lang="en-US" altLang="ja-JP" dirty="0">
                <a:latin typeface="+mn-ea"/>
                <a:cs typeface="Times New Roman" panose="02020603050405020304" pitchFamily="18" charset="0"/>
              </a:rPr>
              <a:t>【</a:t>
            </a:r>
            <a:r>
              <a:rPr lang="ja-JP" altLang="en-US" dirty="0">
                <a:latin typeface="+mn-ea"/>
                <a:cs typeface="Times New Roman" panose="02020603050405020304" pitchFamily="18" charset="0"/>
              </a:rPr>
              <a:t>再発防止対策</a:t>
            </a:r>
            <a:r>
              <a:rPr lang="en-US" altLang="ja-JP" dirty="0">
                <a:latin typeface="+mn-ea"/>
                <a:cs typeface="Times New Roman" panose="02020603050405020304" pitchFamily="18" charset="0"/>
              </a:rPr>
              <a:t>】</a:t>
            </a:r>
          </a:p>
          <a:p>
            <a:r>
              <a:rPr lang="ja-JP" altLang="en-US" dirty="0">
                <a:latin typeface="+mn-ea"/>
                <a:cs typeface="Times New Roman" panose="02020603050405020304" pitchFamily="18" charset="0"/>
              </a:rPr>
              <a:t>操作画面に注意喚起を貼付</a:t>
            </a:r>
            <a:endParaRPr lang="en-US" altLang="ja-JP" dirty="0">
              <a:latin typeface="+mn-ea"/>
              <a:cs typeface="Times New Roman" panose="02020603050405020304" pitchFamily="18" charset="0"/>
            </a:endParaRPr>
          </a:p>
        </p:txBody>
      </p:sp>
      <p:sp>
        <p:nvSpPr>
          <p:cNvPr id="89" name="テキスト ボックス 88">
            <a:extLst>
              <a:ext uri="{FF2B5EF4-FFF2-40B4-BE49-F238E27FC236}">
                <a16:creationId xmlns:a16="http://schemas.microsoft.com/office/drawing/2014/main" id="{77E04FB6-E36B-A9F8-A4D7-6B2AF371D693}"/>
              </a:ext>
            </a:extLst>
          </p:cNvPr>
          <p:cNvSpPr txBox="1"/>
          <p:nvPr/>
        </p:nvSpPr>
        <p:spPr>
          <a:xfrm>
            <a:off x="6454190" y="5678271"/>
            <a:ext cx="3383992" cy="646331"/>
          </a:xfrm>
          <a:prstGeom prst="rect">
            <a:avLst/>
          </a:prstGeom>
          <a:noFill/>
          <a:ln>
            <a:solidFill>
              <a:schemeClr val="tx1"/>
            </a:solidFill>
          </a:ln>
        </p:spPr>
        <p:txBody>
          <a:bodyPr wrap="square">
            <a:spAutoFit/>
          </a:bodyPr>
          <a:lstStyle/>
          <a:p>
            <a:r>
              <a:rPr lang="ja-JP" altLang="en-US" b="1" dirty="0">
                <a:latin typeface="+mn-ea"/>
                <a:cs typeface="Times New Roman" panose="02020603050405020304" pitchFamily="18" charset="0"/>
              </a:rPr>
              <a:t>・水位自動運転は吐出弁⇒</a:t>
            </a:r>
            <a:r>
              <a:rPr lang="ja-JP" altLang="en-US" b="1" dirty="0">
                <a:solidFill>
                  <a:srgbClr val="FF0000"/>
                </a:solidFill>
                <a:latin typeface="+mn-ea"/>
                <a:cs typeface="Times New Roman" panose="02020603050405020304" pitchFamily="18" charset="0"/>
              </a:rPr>
              <a:t>自動</a:t>
            </a:r>
            <a:endParaRPr lang="en-US" altLang="ja-JP" b="1" dirty="0">
              <a:solidFill>
                <a:srgbClr val="FF0000"/>
              </a:solidFill>
              <a:latin typeface="+mn-ea"/>
              <a:cs typeface="Times New Roman" panose="02020603050405020304" pitchFamily="18" charset="0"/>
            </a:endParaRPr>
          </a:p>
          <a:p>
            <a:r>
              <a:rPr lang="ja-JP" altLang="en-US" b="1" dirty="0">
                <a:latin typeface="+mn-ea"/>
                <a:cs typeface="Times New Roman" panose="02020603050405020304" pitchFamily="18" charset="0"/>
              </a:rPr>
              <a:t>・手動運転は吐出弁⇒</a:t>
            </a:r>
            <a:r>
              <a:rPr lang="ja-JP" altLang="en-US" b="1" dirty="0">
                <a:solidFill>
                  <a:srgbClr val="FF0000"/>
                </a:solidFill>
                <a:latin typeface="+mn-ea"/>
                <a:cs typeface="Times New Roman" panose="02020603050405020304" pitchFamily="18" charset="0"/>
              </a:rPr>
              <a:t>連動</a:t>
            </a:r>
            <a:endParaRPr lang="en-US" altLang="ja-JP" b="1" dirty="0">
              <a:solidFill>
                <a:srgbClr val="FF0000"/>
              </a:solidFill>
              <a:latin typeface="+mn-ea"/>
              <a:cs typeface="Times New Roman" panose="02020603050405020304" pitchFamily="18" charset="0"/>
            </a:endParaRPr>
          </a:p>
        </p:txBody>
      </p:sp>
      <p:sp>
        <p:nvSpPr>
          <p:cNvPr id="7" name="テキスト ボックス 6">
            <a:extLst>
              <a:ext uri="{FF2B5EF4-FFF2-40B4-BE49-F238E27FC236}">
                <a16:creationId xmlns:a16="http://schemas.microsoft.com/office/drawing/2014/main" id="{2A720ADD-A585-B6DE-DF06-0A758A89A94B}"/>
              </a:ext>
            </a:extLst>
          </p:cNvPr>
          <p:cNvSpPr txBox="1"/>
          <p:nvPr/>
        </p:nvSpPr>
        <p:spPr>
          <a:xfrm>
            <a:off x="245821" y="6053683"/>
            <a:ext cx="6072327" cy="646331"/>
          </a:xfrm>
          <a:prstGeom prst="rect">
            <a:avLst/>
          </a:prstGeom>
          <a:noFill/>
        </p:spPr>
        <p:txBody>
          <a:bodyPr wrap="square">
            <a:spAutoFit/>
          </a:bodyPr>
          <a:lstStyle/>
          <a:p>
            <a:r>
              <a:rPr lang="ja-JP" altLang="en-US" b="1" dirty="0">
                <a:latin typeface="+mn-ea"/>
                <a:cs typeface="Times New Roman" panose="02020603050405020304" pitchFamily="18" charset="0"/>
              </a:rPr>
              <a:t>中之島抽水所のモード設定が、</a:t>
            </a:r>
            <a:r>
              <a:rPr lang="ja-JP" altLang="en-US" b="1" dirty="0">
                <a:solidFill>
                  <a:srgbClr val="FF0000"/>
                </a:solidFill>
                <a:latin typeface="+mn-ea"/>
                <a:cs typeface="Times New Roman" panose="02020603050405020304" pitchFamily="18" charset="0"/>
              </a:rPr>
              <a:t>他機場の仕様と異なる</a:t>
            </a:r>
            <a:r>
              <a:rPr lang="ja-JP" altLang="en-US" b="1" dirty="0">
                <a:latin typeface="+mn-ea"/>
                <a:cs typeface="Times New Roman" panose="02020603050405020304" pitchFamily="18" charset="0"/>
              </a:rPr>
              <a:t>ため、</a:t>
            </a:r>
            <a:endParaRPr lang="en-US" altLang="ja-JP" b="1" dirty="0">
              <a:latin typeface="+mn-ea"/>
              <a:cs typeface="Times New Roman" panose="02020603050405020304" pitchFamily="18" charset="0"/>
            </a:endParaRPr>
          </a:p>
          <a:p>
            <a:r>
              <a:rPr lang="ja-JP" altLang="en-US" b="1" dirty="0">
                <a:latin typeface="+mn-ea"/>
                <a:cs typeface="Times New Roman" panose="02020603050405020304" pitchFamily="18" charset="0"/>
              </a:rPr>
              <a:t>設計担当部署に</a:t>
            </a:r>
            <a:r>
              <a:rPr lang="ja-JP" altLang="en-US" b="1" dirty="0">
                <a:solidFill>
                  <a:srgbClr val="FF0000"/>
                </a:solidFill>
                <a:latin typeface="+mn-ea"/>
                <a:cs typeface="Times New Roman" panose="02020603050405020304" pitchFamily="18" charset="0"/>
              </a:rPr>
              <a:t>仕様の統一について申し入れ</a:t>
            </a:r>
            <a:r>
              <a:rPr lang="ja-JP" altLang="en-US" b="1" dirty="0">
                <a:latin typeface="+mn-ea"/>
                <a:cs typeface="Times New Roman" panose="02020603050405020304" pitchFamily="18" charset="0"/>
              </a:rPr>
              <a:t>を実施</a:t>
            </a:r>
            <a:endParaRPr lang="en-US" altLang="ja-JP" b="1" dirty="0">
              <a:latin typeface="+mn-ea"/>
              <a:cs typeface="Times New Roman" panose="02020603050405020304" pitchFamily="18" charset="0"/>
            </a:endParaRPr>
          </a:p>
        </p:txBody>
      </p:sp>
      <p:sp>
        <p:nvSpPr>
          <p:cNvPr id="10" name="正方形/長方形 9">
            <a:extLst>
              <a:ext uri="{FF2B5EF4-FFF2-40B4-BE49-F238E27FC236}">
                <a16:creationId xmlns:a16="http://schemas.microsoft.com/office/drawing/2014/main" id="{548D3F4F-273D-120A-DB65-A3EDEDAD5ACF}"/>
              </a:ext>
            </a:extLst>
          </p:cNvPr>
          <p:cNvSpPr/>
          <p:nvPr/>
        </p:nvSpPr>
        <p:spPr>
          <a:xfrm>
            <a:off x="1857220" y="1889774"/>
            <a:ext cx="115830" cy="2140080"/>
          </a:xfrm>
          <a:prstGeom prst="rect">
            <a:avLst/>
          </a:prstGeom>
          <a:solidFill>
            <a:schemeClr val="bg1">
              <a:lumMod val="6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正方形/長方形 13">
            <a:extLst>
              <a:ext uri="{FF2B5EF4-FFF2-40B4-BE49-F238E27FC236}">
                <a16:creationId xmlns:a16="http://schemas.microsoft.com/office/drawing/2014/main" id="{5BE29056-DFAB-2FE2-7A3E-1C84C15D514E}"/>
              </a:ext>
            </a:extLst>
          </p:cNvPr>
          <p:cNvSpPr/>
          <p:nvPr/>
        </p:nvSpPr>
        <p:spPr>
          <a:xfrm flipV="1">
            <a:off x="-252202" y="5559670"/>
            <a:ext cx="6566104" cy="259621"/>
          </a:xfrm>
          <a:prstGeom prst="rect">
            <a:avLst/>
          </a:prstGeom>
          <a:solidFill>
            <a:schemeClr val="bg1">
              <a:lumMod val="6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四角形: 角を丸くする 15">
            <a:extLst>
              <a:ext uri="{FF2B5EF4-FFF2-40B4-BE49-F238E27FC236}">
                <a16:creationId xmlns:a16="http://schemas.microsoft.com/office/drawing/2014/main" id="{AAE2FF8F-821F-0D56-7636-CE5B9B551174}"/>
              </a:ext>
            </a:extLst>
          </p:cNvPr>
          <p:cNvSpPr/>
          <p:nvPr/>
        </p:nvSpPr>
        <p:spPr>
          <a:xfrm rot="900000">
            <a:off x="1332050" y="3324544"/>
            <a:ext cx="175469" cy="2259135"/>
          </a:xfrm>
          <a:prstGeom prst="roundRect">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a:extLst>
              <a:ext uri="{FF2B5EF4-FFF2-40B4-BE49-F238E27FC236}">
                <a16:creationId xmlns:a16="http://schemas.microsoft.com/office/drawing/2014/main" id="{E257AB25-1A6D-06DA-0BFD-1B77D578D448}"/>
              </a:ext>
            </a:extLst>
          </p:cNvPr>
          <p:cNvSpPr/>
          <p:nvPr/>
        </p:nvSpPr>
        <p:spPr>
          <a:xfrm>
            <a:off x="-539330" y="3723628"/>
            <a:ext cx="1128165" cy="1209148"/>
          </a:xfrm>
          <a:prstGeom prst="rect">
            <a:avLst/>
          </a:prstGeom>
          <a:solidFill>
            <a:schemeClr val="bg1">
              <a:lumMod val="6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テキスト ボックス 22">
            <a:extLst>
              <a:ext uri="{FF2B5EF4-FFF2-40B4-BE49-F238E27FC236}">
                <a16:creationId xmlns:a16="http://schemas.microsoft.com/office/drawing/2014/main" id="{EA2F6DEB-DB1C-7CEC-250F-AAEC5AACF44F}"/>
              </a:ext>
            </a:extLst>
          </p:cNvPr>
          <p:cNvSpPr txBox="1"/>
          <p:nvPr/>
        </p:nvSpPr>
        <p:spPr>
          <a:xfrm>
            <a:off x="2810366" y="2147825"/>
            <a:ext cx="1006896" cy="307777"/>
          </a:xfrm>
          <a:prstGeom prst="rect">
            <a:avLst/>
          </a:prstGeom>
          <a:solidFill>
            <a:schemeClr val="bg1"/>
          </a:solidFill>
          <a:ln>
            <a:solidFill>
              <a:schemeClr val="tx1"/>
            </a:solidFill>
          </a:ln>
        </p:spPr>
        <p:txBody>
          <a:bodyPr wrap="square" rtlCol="0">
            <a:spAutoFit/>
          </a:bodyPr>
          <a:lstStyle/>
          <a:p>
            <a:pPr algn="ctr"/>
            <a:r>
              <a:rPr kumimoji="1" lang="ja-JP" altLang="en-US" sz="1400" dirty="0"/>
              <a:t>ポンプ室</a:t>
            </a:r>
          </a:p>
        </p:txBody>
      </p:sp>
      <p:sp>
        <p:nvSpPr>
          <p:cNvPr id="26" name="テキスト ボックス 25">
            <a:extLst>
              <a:ext uri="{FF2B5EF4-FFF2-40B4-BE49-F238E27FC236}">
                <a16:creationId xmlns:a16="http://schemas.microsoft.com/office/drawing/2014/main" id="{8D2AF732-C255-1A57-0475-9640E06B3C53}"/>
              </a:ext>
            </a:extLst>
          </p:cNvPr>
          <p:cNvSpPr txBox="1"/>
          <p:nvPr/>
        </p:nvSpPr>
        <p:spPr>
          <a:xfrm>
            <a:off x="744113" y="2147825"/>
            <a:ext cx="1006896" cy="307777"/>
          </a:xfrm>
          <a:prstGeom prst="rect">
            <a:avLst/>
          </a:prstGeom>
          <a:solidFill>
            <a:schemeClr val="bg1"/>
          </a:solidFill>
          <a:ln>
            <a:solidFill>
              <a:schemeClr val="tx1"/>
            </a:solidFill>
          </a:ln>
        </p:spPr>
        <p:txBody>
          <a:bodyPr wrap="square" rtlCol="0">
            <a:spAutoFit/>
          </a:bodyPr>
          <a:lstStyle/>
          <a:p>
            <a:pPr algn="ctr"/>
            <a:r>
              <a:rPr kumimoji="1" lang="ja-JP" altLang="en-US" sz="1400" dirty="0"/>
              <a:t>沈砂池</a:t>
            </a:r>
          </a:p>
        </p:txBody>
      </p:sp>
      <p:sp>
        <p:nvSpPr>
          <p:cNvPr id="29" name="テキスト ボックス 28">
            <a:extLst>
              <a:ext uri="{FF2B5EF4-FFF2-40B4-BE49-F238E27FC236}">
                <a16:creationId xmlns:a16="http://schemas.microsoft.com/office/drawing/2014/main" id="{BA9EF6C6-2F47-D0BB-A4B1-FB1F443E25C0}"/>
              </a:ext>
            </a:extLst>
          </p:cNvPr>
          <p:cNvSpPr txBox="1"/>
          <p:nvPr/>
        </p:nvSpPr>
        <p:spPr>
          <a:xfrm>
            <a:off x="947023" y="2885370"/>
            <a:ext cx="991434" cy="523220"/>
          </a:xfrm>
          <a:prstGeom prst="rect">
            <a:avLst/>
          </a:prstGeom>
          <a:noFill/>
          <a:ln>
            <a:noFill/>
          </a:ln>
        </p:spPr>
        <p:txBody>
          <a:bodyPr wrap="square" rtlCol="0">
            <a:spAutoFit/>
          </a:bodyPr>
          <a:lstStyle/>
          <a:p>
            <a:pPr algn="ctr"/>
            <a:r>
              <a:rPr kumimoji="1" lang="ja-JP" altLang="en-US" sz="1400" dirty="0"/>
              <a:t>機械</a:t>
            </a:r>
            <a:endParaRPr kumimoji="1" lang="en-US" altLang="ja-JP" sz="1400" dirty="0"/>
          </a:p>
          <a:p>
            <a:pPr algn="ctr"/>
            <a:r>
              <a:rPr kumimoji="1" lang="ja-JP" altLang="en-US" sz="1400" dirty="0"/>
              <a:t>スクリーン</a:t>
            </a:r>
          </a:p>
        </p:txBody>
      </p:sp>
      <p:sp>
        <p:nvSpPr>
          <p:cNvPr id="33" name="矢印: 右 32">
            <a:extLst>
              <a:ext uri="{FF2B5EF4-FFF2-40B4-BE49-F238E27FC236}">
                <a16:creationId xmlns:a16="http://schemas.microsoft.com/office/drawing/2014/main" id="{ECA017B7-4D0E-AC01-3AAE-C79EF2F2504A}"/>
              </a:ext>
            </a:extLst>
          </p:cNvPr>
          <p:cNvSpPr/>
          <p:nvPr/>
        </p:nvSpPr>
        <p:spPr>
          <a:xfrm>
            <a:off x="289061" y="5203271"/>
            <a:ext cx="310377" cy="341305"/>
          </a:xfrm>
          <a:prstGeom prst="rightArrow">
            <a:avLst/>
          </a:prstGeom>
          <a:solidFill>
            <a:srgbClr val="00FFFF"/>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テキスト ボックス 33">
            <a:extLst>
              <a:ext uri="{FF2B5EF4-FFF2-40B4-BE49-F238E27FC236}">
                <a16:creationId xmlns:a16="http://schemas.microsoft.com/office/drawing/2014/main" id="{E8F9E1E9-D816-0972-7EB0-9E5D5F28A30E}"/>
              </a:ext>
            </a:extLst>
          </p:cNvPr>
          <p:cNvSpPr txBox="1"/>
          <p:nvPr/>
        </p:nvSpPr>
        <p:spPr>
          <a:xfrm>
            <a:off x="-57798" y="4953084"/>
            <a:ext cx="991434" cy="307777"/>
          </a:xfrm>
          <a:prstGeom prst="rect">
            <a:avLst/>
          </a:prstGeom>
          <a:noFill/>
          <a:ln>
            <a:noFill/>
          </a:ln>
        </p:spPr>
        <p:txBody>
          <a:bodyPr wrap="square" rtlCol="0">
            <a:spAutoFit/>
          </a:bodyPr>
          <a:lstStyle/>
          <a:p>
            <a:pPr algn="ctr"/>
            <a:r>
              <a:rPr kumimoji="1" lang="ja-JP" altLang="en-US" sz="1400" dirty="0"/>
              <a:t>流入幹線</a:t>
            </a:r>
          </a:p>
        </p:txBody>
      </p:sp>
      <p:cxnSp>
        <p:nvCxnSpPr>
          <p:cNvPr id="9" name="直線コネクタ 8">
            <a:extLst>
              <a:ext uri="{FF2B5EF4-FFF2-40B4-BE49-F238E27FC236}">
                <a16:creationId xmlns:a16="http://schemas.microsoft.com/office/drawing/2014/main" id="{3CE1FED6-6873-3AD5-11C0-0154994852FC}"/>
              </a:ext>
            </a:extLst>
          </p:cNvPr>
          <p:cNvCxnSpPr>
            <a:cxnSpLocks/>
          </p:cNvCxnSpPr>
          <p:nvPr/>
        </p:nvCxnSpPr>
        <p:spPr>
          <a:xfrm flipH="1">
            <a:off x="588835" y="4863095"/>
            <a:ext cx="1587102" cy="0"/>
          </a:xfrm>
          <a:prstGeom prst="line">
            <a:avLst/>
          </a:prstGeom>
          <a:ln w="57150">
            <a:solidFill>
              <a:srgbClr val="FF0000"/>
            </a:solidFill>
          </a:ln>
        </p:spPr>
        <p:style>
          <a:lnRef idx="1">
            <a:schemeClr val="accent1"/>
          </a:lnRef>
          <a:fillRef idx="0">
            <a:schemeClr val="accent1"/>
          </a:fillRef>
          <a:effectRef idx="0">
            <a:schemeClr val="accent1"/>
          </a:effectRef>
          <a:fontRef idx="minor">
            <a:schemeClr val="tx1"/>
          </a:fontRef>
        </p:style>
      </p:cxnSp>
      <p:sp>
        <p:nvSpPr>
          <p:cNvPr id="44" name="テキスト ボックス 43">
            <a:extLst>
              <a:ext uri="{FF2B5EF4-FFF2-40B4-BE49-F238E27FC236}">
                <a16:creationId xmlns:a16="http://schemas.microsoft.com/office/drawing/2014/main" id="{6AE41A03-0752-FF96-F24D-1B90C36740B6}"/>
              </a:ext>
            </a:extLst>
          </p:cNvPr>
          <p:cNvSpPr txBox="1"/>
          <p:nvPr/>
        </p:nvSpPr>
        <p:spPr>
          <a:xfrm>
            <a:off x="133212" y="4391276"/>
            <a:ext cx="1006896" cy="307777"/>
          </a:xfrm>
          <a:prstGeom prst="rect">
            <a:avLst/>
          </a:prstGeom>
          <a:solidFill>
            <a:schemeClr val="bg1"/>
          </a:solidFill>
          <a:ln>
            <a:solidFill>
              <a:schemeClr val="tx1"/>
            </a:solidFill>
          </a:ln>
        </p:spPr>
        <p:txBody>
          <a:bodyPr wrap="square" rtlCol="0">
            <a:spAutoFit/>
          </a:bodyPr>
          <a:lstStyle/>
          <a:p>
            <a:pPr algn="ctr"/>
            <a:r>
              <a:rPr kumimoji="1" lang="ja-JP" altLang="en-US" sz="1400" dirty="0"/>
              <a:t>危険水位</a:t>
            </a:r>
          </a:p>
        </p:txBody>
      </p:sp>
      <p:cxnSp>
        <p:nvCxnSpPr>
          <p:cNvPr id="58" name="直線コネクタ 57">
            <a:extLst>
              <a:ext uri="{FF2B5EF4-FFF2-40B4-BE49-F238E27FC236}">
                <a16:creationId xmlns:a16="http://schemas.microsoft.com/office/drawing/2014/main" id="{34912E05-0333-B77D-DF7D-45D8A9357EAA}"/>
              </a:ext>
            </a:extLst>
          </p:cNvPr>
          <p:cNvCxnSpPr>
            <a:cxnSpLocks/>
            <a:stCxn id="44" idx="2"/>
          </p:cNvCxnSpPr>
          <p:nvPr/>
        </p:nvCxnSpPr>
        <p:spPr>
          <a:xfrm>
            <a:off x="636660" y="4699053"/>
            <a:ext cx="308066" cy="14185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82" name="矢印: 上下 81">
            <a:extLst>
              <a:ext uri="{FF2B5EF4-FFF2-40B4-BE49-F238E27FC236}">
                <a16:creationId xmlns:a16="http://schemas.microsoft.com/office/drawing/2014/main" id="{8B210046-0127-D031-C344-328D632A72A1}"/>
              </a:ext>
            </a:extLst>
          </p:cNvPr>
          <p:cNvSpPr/>
          <p:nvPr/>
        </p:nvSpPr>
        <p:spPr>
          <a:xfrm>
            <a:off x="1706591" y="4227499"/>
            <a:ext cx="351586" cy="613404"/>
          </a:xfrm>
          <a:prstGeom prst="upDownArrow">
            <a:avLst/>
          </a:prstGeom>
          <a:solidFill>
            <a:srgbClr val="FF010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5" name="テキスト ボックス 84">
            <a:extLst>
              <a:ext uri="{FF2B5EF4-FFF2-40B4-BE49-F238E27FC236}">
                <a16:creationId xmlns:a16="http://schemas.microsoft.com/office/drawing/2014/main" id="{A6826317-B662-4E22-0287-884D37D27D82}"/>
              </a:ext>
            </a:extLst>
          </p:cNvPr>
          <p:cNvSpPr txBox="1"/>
          <p:nvPr/>
        </p:nvSpPr>
        <p:spPr>
          <a:xfrm>
            <a:off x="2082192" y="4261585"/>
            <a:ext cx="1327293" cy="307777"/>
          </a:xfrm>
          <a:prstGeom prst="rect">
            <a:avLst/>
          </a:prstGeom>
          <a:solidFill>
            <a:schemeClr val="bg1"/>
          </a:solidFill>
          <a:ln>
            <a:solidFill>
              <a:schemeClr val="tx1"/>
            </a:solidFill>
          </a:ln>
        </p:spPr>
        <p:txBody>
          <a:bodyPr wrap="square" rtlCol="0">
            <a:spAutoFit/>
          </a:bodyPr>
          <a:lstStyle/>
          <a:p>
            <a:pPr algn="ctr"/>
            <a:r>
              <a:rPr kumimoji="1" lang="ja-JP" altLang="en-US" sz="1400" dirty="0"/>
              <a:t>危険水位超過</a:t>
            </a:r>
          </a:p>
        </p:txBody>
      </p:sp>
      <p:sp>
        <p:nvSpPr>
          <p:cNvPr id="17" name="四角形: 角を丸くする 16">
            <a:extLst>
              <a:ext uri="{FF2B5EF4-FFF2-40B4-BE49-F238E27FC236}">
                <a16:creationId xmlns:a16="http://schemas.microsoft.com/office/drawing/2014/main" id="{4350EB7C-221D-939B-1F3F-AE9741654859}"/>
              </a:ext>
            </a:extLst>
          </p:cNvPr>
          <p:cNvSpPr/>
          <p:nvPr/>
        </p:nvSpPr>
        <p:spPr>
          <a:xfrm>
            <a:off x="7238174" y="3728550"/>
            <a:ext cx="952568" cy="343526"/>
          </a:xfrm>
          <a:prstGeom prst="roundRect">
            <a:avLst/>
          </a:prstGeom>
          <a:noFill/>
          <a:ln w="38100">
            <a:solidFill>
              <a:srgbClr val="FF010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336678615"/>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評価基準</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ユーティリティ使用量の超過について（１）</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3" name="スライド番号プレースホルダー 2"/>
          <p:cNvSpPr>
            <a:spLocks noGrp="1"/>
          </p:cNvSpPr>
          <p:nvPr>
            <p:ph type="sldNum" sz="quarter" idx="12"/>
          </p:nvPr>
        </p:nvSpPr>
        <p:spPr/>
        <p:txBody>
          <a:bodyPr/>
          <a:lstStyle/>
          <a:p>
            <a:fld id="{36EC18DB-A5DF-4E0E-B815-FCD04A2C4B2C}" type="slidenum">
              <a:rPr kumimoji="1" lang="ja-JP" altLang="en-US" smtClean="0"/>
              <a:t>25</a:t>
            </a:fld>
            <a:endParaRPr kumimoji="1" lang="ja-JP" altLang="en-US" dirty="0"/>
          </a:p>
        </p:txBody>
      </p:sp>
      <p:sp>
        <p:nvSpPr>
          <p:cNvPr id="4" name="テキスト ボックス 3">
            <a:extLst>
              <a:ext uri="{FF2B5EF4-FFF2-40B4-BE49-F238E27FC236}">
                <a16:creationId xmlns:a16="http://schemas.microsoft.com/office/drawing/2014/main" id="{77334B27-9685-E2FA-1468-99750856A8D7}"/>
              </a:ext>
            </a:extLst>
          </p:cNvPr>
          <p:cNvSpPr txBox="1"/>
          <p:nvPr/>
        </p:nvSpPr>
        <p:spPr>
          <a:xfrm>
            <a:off x="72907" y="1107360"/>
            <a:ext cx="9894750" cy="1221873"/>
          </a:xfrm>
          <a:prstGeom prst="rect">
            <a:avLst/>
          </a:prstGeom>
          <a:noFill/>
        </p:spPr>
        <p:txBody>
          <a:bodyPr wrap="square" rtlCol="0">
            <a:spAutoFit/>
          </a:bodyPr>
          <a:lstStyle/>
          <a:p>
            <a:pPr marL="285750" indent="-285750">
              <a:lnSpc>
                <a:spcPct val="130000"/>
              </a:lnSpc>
              <a:buFont typeface="Wingdings" panose="05000000000000000000" pitchFamily="2" charset="2"/>
              <a:buChar char="l"/>
            </a:pPr>
            <a:r>
              <a:rPr lang="ja-JP" altLang="en-US" b="1" dirty="0">
                <a:latin typeface="Century" panose="02040604050505020304" pitchFamily="18" charset="0"/>
              </a:rPr>
              <a:t>ユーティリティ</a:t>
            </a:r>
            <a:endParaRPr lang="en-US" altLang="ja-JP" b="1" dirty="0">
              <a:latin typeface="Century" panose="02040604050505020304" pitchFamily="18" charset="0"/>
            </a:endParaRPr>
          </a:p>
          <a:p>
            <a:r>
              <a:rPr lang="ja-JP" altLang="en-US" dirty="0">
                <a:latin typeface="Century" panose="02040604050505020304" pitchFamily="18" charset="0"/>
              </a:rPr>
              <a:t>・</a:t>
            </a:r>
            <a:r>
              <a:rPr lang="ja-JP" altLang="en-US" sz="1600" dirty="0">
                <a:latin typeface="ＭＳ Ｐ明朝" panose="02020600040205080304" pitchFamily="18" charset="-128"/>
                <a:ea typeface="ＭＳ Ｐ明朝" panose="02020600040205080304" pitchFamily="18" charset="-128"/>
              </a:rPr>
              <a:t>ユーティリティの評価基準は、年間の原単位及び使用量であり、抽水所を含めた処理区単位で集計</a:t>
            </a:r>
            <a:endParaRPr lang="en-US" altLang="ja-JP" sz="1600" dirty="0">
              <a:latin typeface="ＭＳ Ｐ明朝" panose="02020600040205080304" pitchFamily="18" charset="-128"/>
              <a:ea typeface="ＭＳ Ｐ明朝" panose="02020600040205080304" pitchFamily="18" charset="-128"/>
            </a:endParaRPr>
          </a:p>
          <a:p>
            <a:r>
              <a:rPr lang="ja-JP" altLang="en-US" sz="1600" dirty="0">
                <a:latin typeface="ＭＳ Ｐ明朝" panose="02020600040205080304" pitchFamily="18" charset="-128"/>
                <a:ea typeface="ＭＳ Ｐ明朝" panose="02020600040205080304" pitchFamily="18" charset="-128"/>
              </a:rPr>
              <a:t>・赤文字黄色着色している項目は、達成率が低かった項目</a:t>
            </a:r>
            <a:endParaRPr lang="en-US" altLang="ja-JP" sz="1600" dirty="0">
              <a:latin typeface="ＭＳ Ｐ明朝" panose="02020600040205080304" pitchFamily="18" charset="-128"/>
              <a:ea typeface="ＭＳ Ｐ明朝" panose="02020600040205080304" pitchFamily="18" charset="-128"/>
            </a:endParaRPr>
          </a:p>
          <a:p>
            <a:r>
              <a:rPr lang="ja-JP" altLang="en-US" sz="1600" dirty="0">
                <a:latin typeface="ＭＳ Ｐ明朝" panose="02020600040205080304" pitchFamily="18" charset="-128"/>
                <a:ea typeface="ＭＳ Ｐ明朝" panose="02020600040205080304" pitchFamily="18" charset="-128"/>
              </a:rPr>
              <a:t>　</a:t>
            </a:r>
            <a:r>
              <a:rPr lang="en-US" altLang="ja-JP" sz="1600" dirty="0">
                <a:latin typeface="ＭＳ Ｐ明朝" panose="02020600040205080304" pitchFamily="18" charset="-128"/>
                <a:ea typeface="ＭＳ Ｐ明朝" panose="02020600040205080304" pitchFamily="18" charset="-128"/>
              </a:rPr>
              <a:t>※</a:t>
            </a:r>
            <a:r>
              <a:rPr lang="ja-JP" altLang="en-US" sz="1600" dirty="0">
                <a:latin typeface="ＭＳ Ｐ明朝" panose="02020600040205080304" pitchFamily="18" charset="-128"/>
                <a:ea typeface="ＭＳ Ｐ明朝" panose="02020600040205080304" pitchFamily="18" charset="-128"/>
              </a:rPr>
              <a:t>赤文字黄色着色している項目は、降雨の影響を大きく受けるため再考が必要</a:t>
            </a:r>
            <a:endParaRPr lang="en-US" altLang="ja-JP" sz="1600" dirty="0">
              <a:latin typeface="ＭＳ Ｐ明朝" panose="02020600040205080304" pitchFamily="18" charset="-128"/>
              <a:ea typeface="ＭＳ Ｐ明朝" panose="02020600040205080304" pitchFamily="18" charset="-128"/>
            </a:endParaRPr>
          </a:p>
        </p:txBody>
      </p:sp>
      <p:sp>
        <p:nvSpPr>
          <p:cNvPr id="7" name="テキスト ボックス 6">
            <a:extLst>
              <a:ext uri="{FF2B5EF4-FFF2-40B4-BE49-F238E27FC236}">
                <a16:creationId xmlns:a16="http://schemas.microsoft.com/office/drawing/2014/main" id="{F9EE8FEA-40BD-5AB3-12BA-35B3869345EF}"/>
              </a:ext>
            </a:extLst>
          </p:cNvPr>
          <p:cNvSpPr txBox="1"/>
          <p:nvPr/>
        </p:nvSpPr>
        <p:spPr>
          <a:xfrm>
            <a:off x="420159" y="5404584"/>
            <a:ext cx="8867204" cy="810478"/>
          </a:xfrm>
          <a:prstGeom prst="rect">
            <a:avLst/>
          </a:prstGeom>
          <a:noFill/>
        </p:spPr>
        <p:txBody>
          <a:bodyPr wrap="square" rtlCol="0">
            <a:spAutoFit/>
          </a:bodyPr>
          <a:lstStyle/>
          <a:p>
            <a:pPr>
              <a:lnSpc>
                <a:spcPts val="1440"/>
              </a:lnSpc>
            </a:pPr>
            <a:r>
              <a:rPr kumimoji="1" lang="ja-JP" altLang="en-US" sz="1200" dirty="0">
                <a:latin typeface="Century" panose="02040604050505020304" pitchFamily="18" charset="0"/>
                <a:ea typeface="ＭＳ 明朝" panose="02020609040205080304" pitchFamily="17" charset="-128"/>
                <a:cs typeface="Times New Roman" panose="02020603050405020304" pitchFamily="18" charset="0"/>
              </a:rPr>
              <a:t>Ａ：評価基準を満たしている。</a:t>
            </a:r>
            <a:endParaRPr kumimoji="1" lang="en-US" altLang="ja-JP" sz="1200" dirty="0">
              <a:latin typeface="Century" panose="02040604050505020304" pitchFamily="18" charset="0"/>
              <a:ea typeface="ＭＳ 明朝" panose="02020609040205080304" pitchFamily="17" charset="-128"/>
              <a:cs typeface="Times New Roman" panose="02020603050405020304" pitchFamily="18" charset="0"/>
            </a:endParaRPr>
          </a:p>
          <a:p>
            <a:pPr>
              <a:lnSpc>
                <a:spcPts val="1440"/>
              </a:lnSpc>
            </a:pPr>
            <a:r>
              <a:rPr kumimoji="1" lang="ja-JP" altLang="en-US" sz="1200" dirty="0">
                <a:latin typeface="Century" panose="02040604050505020304" pitchFamily="18" charset="0"/>
                <a:ea typeface="ＭＳ 明朝" panose="02020609040205080304" pitchFamily="17" charset="-128"/>
                <a:cs typeface="Times New Roman" panose="02020603050405020304" pitchFamily="18" charset="0"/>
              </a:rPr>
              <a:t>Ｂ：評価基準未達であるが、速やかに是正措置・報告が行えている。</a:t>
            </a:r>
            <a:endParaRPr kumimoji="1" lang="en-US" altLang="ja-JP" sz="1200" dirty="0">
              <a:latin typeface="Century" panose="02040604050505020304" pitchFamily="18" charset="0"/>
              <a:ea typeface="ＭＳ 明朝" panose="02020609040205080304" pitchFamily="17" charset="-128"/>
              <a:cs typeface="Times New Roman" panose="02020603050405020304" pitchFamily="18" charset="0"/>
            </a:endParaRPr>
          </a:p>
          <a:p>
            <a:pPr>
              <a:lnSpc>
                <a:spcPts val="1440"/>
              </a:lnSpc>
            </a:pPr>
            <a:r>
              <a:rPr kumimoji="1" lang="ja-JP" altLang="en-US" sz="1200" dirty="0">
                <a:latin typeface="Century" panose="02040604050505020304" pitchFamily="18" charset="0"/>
                <a:ea typeface="ＭＳ 明朝" panose="02020609040205080304" pitchFamily="17" charset="-128"/>
                <a:cs typeface="Times New Roman" panose="02020603050405020304" pitchFamily="18" charset="0"/>
              </a:rPr>
              <a:t>Ｃ：評価基準未達があり、是正措置・報告が行えていない。</a:t>
            </a:r>
            <a:endParaRPr kumimoji="1" lang="en-US" altLang="ja-JP" sz="1200" dirty="0">
              <a:latin typeface="Century" panose="02040604050505020304" pitchFamily="18" charset="0"/>
              <a:ea typeface="ＭＳ 明朝" panose="02020609040205080304" pitchFamily="17" charset="-128"/>
              <a:cs typeface="Times New Roman" panose="02020603050405020304" pitchFamily="18" charset="0"/>
            </a:endParaRPr>
          </a:p>
          <a:p>
            <a:pPr>
              <a:lnSpc>
                <a:spcPts val="1440"/>
              </a:lnSpc>
            </a:pPr>
            <a:r>
              <a:rPr kumimoji="1" lang="ja-JP" altLang="en-US" sz="1200" dirty="0">
                <a:latin typeface="Century" panose="02040604050505020304" pitchFamily="18" charset="0"/>
                <a:ea typeface="ＭＳ 明朝" panose="02020609040205080304" pitchFamily="17" charset="-128"/>
                <a:cs typeface="Times New Roman" panose="02020603050405020304" pitchFamily="18" charset="0"/>
              </a:rPr>
              <a:t>Ｄ：評価基準未達があり、その原因が維持管理上の過失によるものである。</a:t>
            </a:r>
            <a:endParaRPr kumimoji="1" lang="ja-JP" altLang="en-US" sz="1200" dirty="0">
              <a:latin typeface="Century" panose="02040604050505020304" pitchFamily="18" charset="0"/>
            </a:endParaRPr>
          </a:p>
        </p:txBody>
      </p:sp>
      <p:graphicFrame>
        <p:nvGraphicFramePr>
          <p:cNvPr id="6" name="表 9">
            <a:extLst>
              <a:ext uri="{FF2B5EF4-FFF2-40B4-BE49-F238E27FC236}">
                <a16:creationId xmlns:a16="http://schemas.microsoft.com/office/drawing/2014/main" id="{A5310B96-A7EE-A575-9E0D-92DC4DD6A4E4}"/>
              </a:ext>
            </a:extLst>
          </p:cNvPr>
          <p:cNvGraphicFramePr>
            <a:graphicFrameLocks noGrp="1"/>
          </p:cNvGraphicFramePr>
          <p:nvPr/>
        </p:nvGraphicFramePr>
        <p:xfrm>
          <a:off x="337058" y="2403941"/>
          <a:ext cx="9248910" cy="3037046"/>
        </p:xfrm>
        <a:graphic>
          <a:graphicData uri="http://schemas.openxmlformats.org/drawingml/2006/table">
            <a:tbl>
              <a:tblPr firstRow="1" bandRow="1">
                <a:tableStyleId>{5C22544A-7EE6-4342-B048-85BDC9FD1C3A}</a:tableStyleId>
              </a:tblPr>
              <a:tblGrid>
                <a:gridCol w="900000">
                  <a:extLst>
                    <a:ext uri="{9D8B030D-6E8A-4147-A177-3AD203B41FA5}">
                      <a16:colId xmlns:a16="http://schemas.microsoft.com/office/drawing/2014/main" val="105062881"/>
                    </a:ext>
                  </a:extLst>
                </a:gridCol>
                <a:gridCol w="842386">
                  <a:extLst>
                    <a:ext uri="{9D8B030D-6E8A-4147-A177-3AD203B41FA5}">
                      <a16:colId xmlns:a16="http://schemas.microsoft.com/office/drawing/2014/main" val="3142190749"/>
                    </a:ext>
                  </a:extLst>
                </a:gridCol>
                <a:gridCol w="551543">
                  <a:extLst>
                    <a:ext uri="{9D8B030D-6E8A-4147-A177-3AD203B41FA5}">
                      <a16:colId xmlns:a16="http://schemas.microsoft.com/office/drawing/2014/main" val="3132827034"/>
                    </a:ext>
                  </a:extLst>
                </a:gridCol>
                <a:gridCol w="785646">
                  <a:extLst>
                    <a:ext uri="{9D8B030D-6E8A-4147-A177-3AD203B41FA5}">
                      <a16:colId xmlns:a16="http://schemas.microsoft.com/office/drawing/2014/main" val="674745554"/>
                    </a:ext>
                  </a:extLst>
                </a:gridCol>
                <a:gridCol w="1594697">
                  <a:extLst>
                    <a:ext uri="{9D8B030D-6E8A-4147-A177-3AD203B41FA5}">
                      <a16:colId xmlns:a16="http://schemas.microsoft.com/office/drawing/2014/main" val="732899083"/>
                    </a:ext>
                  </a:extLst>
                </a:gridCol>
                <a:gridCol w="595086">
                  <a:extLst>
                    <a:ext uri="{9D8B030D-6E8A-4147-A177-3AD203B41FA5}">
                      <a16:colId xmlns:a16="http://schemas.microsoft.com/office/drawing/2014/main" val="2369176826"/>
                    </a:ext>
                  </a:extLst>
                </a:gridCol>
                <a:gridCol w="870856">
                  <a:extLst>
                    <a:ext uri="{9D8B030D-6E8A-4147-A177-3AD203B41FA5}">
                      <a16:colId xmlns:a16="http://schemas.microsoft.com/office/drawing/2014/main" val="2272441643"/>
                    </a:ext>
                  </a:extLst>
                </a:gridCol>
                <a:gridCol w="1640116">
                  <a:extLst>
                    <a:ext uri="{9D8B030D-6E8A-4147-A177-3AD203B41FA5}">
                      <a16:colId xmlns:a16="http://schemas.microsoft.com/office/drawing/2014/main" val="664272850"/>
                    </a:ext>
                  </a:extLst>
                </a:gridCol>
                <a:gridCol w="609600">
                  <a:extLst>
                    <a:ext uri="{9D8B030D-6E8A-4147-A177-3AD203B41FA5}">
                      <a16:colId xmlns:a16="http://schemas.microsoft.com/office/drawing/2014/main" val="3002874000"/>
                    </a:ext>
                  </a:extLst>
                </a:gridCol>
                <a:gridCol w="858980">
                  <a:extLst>
                    <a:ext uri="{9D8B030D-6E8A-4147-A177-3AD203B41FA5}">
                      <a16:colId xmlns:a16="http://schemas.microsoft.com/office/drawing/2014/main" val="2491250267"/>
                    </a:ext>
                  </a:extLst>
                </a:gridCol>
              </a:tblGrid>
              <a:tr h="373974">
                <a:tc gridSpan="2">
                  <a:txBody>
                    <a:bodyPr/>
                    <a:lstStyle/>
                    <a:p>
                      <a:pPr algn="ctr"/>
                      <a:r>
                        <a:rPr kumimoji="1" lang="ja-JP" altLang="en-US" sz="1200" dirty="0"/>
                        <a:t>評価項目</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rgbClr val="FF010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dirty="0"/>
                    </a:p>
                  </a:txBody>
                  <a:tcPr/>
                </a:tc>
                <a:tc>
                  <a:txBody>
                    <a:bodyPr/>
                    <a:lstStyle/>
                    <a:p>
                      <a:pPr algn="ctr"/>
                      <a:r>
                        <a:rPr kumimoji="1" lang="ja-JP" altLang="en-US" sz="1200" dirty="0"/>
                        <a:t>評価</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rgbClr val="FF010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t>A</a:t>
                      </a:r>
                      <a:r>
                        <a:rPr kumimoji="1" lang="ja-JP" altLang="en-US" sz="1100" dirty="0"/>
                        <a:t>達成数</a:t>
                      </a: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38100" cap="flat" cmpd="sng" algn="ctr">
                      <a:solidFill>
                        <a:srgbClr val="FF010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評価項目</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rgbClr val="FF010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評価</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rgbClr val="FF010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t>A</a:t>
                      </a:r>
                      <a:r>
                        <a:rPr kumimoji="1" lang="ja-JP" altLang="en-US" sz="1100" dirty="0"/>
                        <a:t>達成数</a:t>
                      </a: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38100" cap="flat" cmpd="sng" algn="ctr">
                      <a:solidFill>
                        <a:srgbClr val="FF010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評価項目</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rgbClr val="FF010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評価</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rgbClr val="FF010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t>A</a:t>
                      </a:r>
                      <a:r>
                        <a:rPr kumimoji="1" lang="ja-JP" altLang="en-US" sz="1100" dirty="0"/>
                        <a:t>達成数</a:t>
                      </a: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38100" cap="flat" cmpd="sng" algn="ctr">
                      <a:solidFill>
                        <a:srgbClr val="FF010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84289847"/>
                  </a:ext>
                </a:extLst>
              </a:tr>
              <a:tr h="385842">
                <a:tc rowSpan="2">
                  <a:txBody>
                    <a:bodyPr/>
                    <a:lstStyle/>
                    <a:p>
                      <a:pPr algn="ctr"/>
                      <a:r>
                        <a:rPr kumimoji="1" lang="ja-JP" altLang="en-US" sz="1200" b="0" dirty="0">
                          <a:solidFill>
                            <a:schemeClr val="tx1"/>
                          </a:solidFill>
                        </a:rPr>
                        <a:t>電力   　</a:t>
                      </a:r>
                      <a:r>
                        <a:rPr kumimoji="1" lang="en-US" altLang="ja-JP" sz="1200" b="0" dirty="0">
                          <a:solidFill>
                            <a:schemeClr val="tx1"/>
                          </a:solidFill>
                        </a:rPr>
                        <a:t>(</a:t>
                      </a:r>
                      <a:r>
                        <a:rPr kumimoji="1" lang="ja-JP" altLang="en-US" sz="1200" b="0" dirty="0">
                          <a:solidFill>
                            <a:schemeClr val="tx1"/>
                          </a:solidFill>
                        </a:rPr>
                        <a:t>処理場</a:t>
                      </a:r>
                      <a:r>
                        <a:rPr kumimoji="1" lang="en-US" altLang="ja-JP" sz="1200" b="0" dirty="0">
                          <a:solidFill>
                            <a:schemeClr val="tx1"/>
                          </a:solidFill>
                        </a:rPr>
                        <a:t>)</a:t>
                      </a:r>
                      <a:endParaRPr kumimoji="1" lang="ja-JP" altLang="en-US" sz="1200" b="0" dirty="0">
                        <a:solidFill>
                          <a:schemeClr val="tx1"/>
                        </a:solidFill>
                      </a:endParaRP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原単位</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B</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7/12</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安定化第</a:t>
                      </a:r>
                      <a:r>
                        <a:rPr kumimoji="1" lang="en-US" altLang="ja-JP" sz="1200" b="0" dirty="0">
                          <a:solidFill>
                            <a:schemeClr val="tx1"/>
                          </a:solidFill>
                        </a:rPr>
                        <a:t>1</a:t>
                      </a:r>
                      <a:r>
                        <a:rPr kumimoji="1" lang="ja-JP" altLang="en-US" sz="1200" b="0" dirty="0">
                          <a:solidFill>
                            <a:schemeClr val="tx1"/>
                          </a:solidFill>
                        </a:rPr>
                        <a:t>鉄</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Ｂ</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5/7</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上水</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Ｂ</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14/16</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754182792"/>
                  </a:ext>
                </a:extLst>
              </a:tr>
              <a:tr h="242562">
                <a:tc vMerge="1">
                  <a:txBody>
                    <a:bodyPr/>
                    <a:lstStyle/>
                    <a:p>
                      <a:endParaRPr kumimoji="1" lang="ja-JP" altLang="en-US"/>
                    </a:p>
                  </a:txBody>
                  <a:tcPr/>
                </a:tc>
                <a:tc>
                  <a:txBody>
                    <a:bodyPr/>
                    <a:lstStyle/>
                    <a:p>
                      <a:pPr algn="ctr"/>
                      <a:r>
                        <a:rPr kumimoji="1" lang="ja-JP" altLang="en-US" sz="1200" b="0" dirty="0">
                          <a:solidFill>
                            <a:schemeClr val="tx1"/>
                          </a:solidFill>
                        </a:rPr>
                        <a:t>使用量</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12/12</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鉄アルミ混合薬剤</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A</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4/4</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工業用水</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Ｂ</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14/15</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338491500"/>
                  </a:ext>
                </a:extLst>
              </a:tr>
              <a:tr h="362858">
                <a:tc gridSpan="2">
                  <a:txBody>
                    <a:bodyPr/>
                    <a:lstStyle/>
                    <a:p>
                      <a:pPr algn="ctr"/>
                      <a:r>
                        <a:rPr kumimoji="1" lang="ja-JP" altLang="en-US" sz="1200" b="1" dirty="0">
                          <a:solidFill>
                            <a:srgbClr val="FF0000"/>
                          </a:solidFill>
                        </a:rPr>
                        <a:t>電力（抽水所）</a:t>
                      </a:r>
                      <a:endParaRPr kumimoji="1" lang="en-US" altLang="ja-JP" sz="1200" b="1" dirty="0">
                        <a:solidFill>
                          <a:srgbClr val="FF0000"/>
                        </a:solidFill>
                      </a:endParaRP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tc hMerge="1">
                  <a:txBody>
                    <a:bodyPr/>
                    <a:lstStyle/>
                    <a:p>
                      <a:pPr algn="ctr"/>
                      <a:endParaRPr kumimoji="1" lang="ja-JP" altLang="en-US" sz="1400" dirty="0"/>
                    </a:p>
                  </a:txBody>
                  <a:tcPr anchor="ctr"/>
                </a:tc>
                <a:tc>
                  <a:txBody>
                    <a:bodyPr/>
                    <a:lstStyle/>
                    <a:p>
                      <a:pPr algn="ctr"/>
                      <a:r>
                        <a:rPr kumimoji="1" lang="ja-JP" altLang="en-US" sz="1200" b="1" dirty="0">
                          <a:solidFill>
                            <a:srgbClr val="FF0000"/>
                          </a:solidFill>
                        </a:rPr>
                        <a:t>Ｂ</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tc>
                  <a:txBody>
                    <a:bodyPr/>
                    <a:lstStyle/>
                    <a:p>
                      <a:pPr algn="ctr"/>
                      <a:r>
                        <a:rPr kumimoji="1" lang="en-US" altLang="ja-JP" sz="1200" b="1" dirty="0">
                          <a:solidFill>
                            <a:srgbClr val="FF0000"/>
                          </a:solidFill>
                        </a:rPr>
                        <a:t>6/12</a:t>
                      </a:r>
                      <a:endParaRPr kumimoji="1" lang="ja-JP" altLang="en-US" sz="1200" b="1" dirty="0">
                        <a:solidFill>
                          <a:srgbClr val="FF0000"/>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tc>
                  <a:txBody>
                    <a:bodyPr/>
                    <a:lstStyle/>
                    <a:p>
                      <a:pPr algn="ctr"/>
                      <a:r>
                        <a:rPr kumimoji="1" lang="ja-JP" altLang="en-US" sz="1200" b="0" dirty="0">
                          <a:solidFill>
                            <a:schemeClr val="tx1"/>
                          </a:solidFill>
                        </a:rPr>
                        <a:t>ポリ硫酸第</a:t>
                      </a:r>
                      <a:r>
                        <a:rPr kumimoji="1" lang="en-US" altLang="ja-JP" sz="1200" b="0" dirty="0">
                          <a:solidFill>
                            <a:schemeClr val="tx1"/>
                          </a:solidFill>
                        </a:rPr>
                        <a:t>2</a:t>
                      </a:r>
                      <a:r>
                        <a:rPr kumimoji="1" lang="ja-JP" altLang="en-US" sz="1200" b="0" dirty="0">
                          <a:solidFill>
                            <a:schemeClr val="tx1"/>
                          </a:solidFill>
                        </a:rPr>
                        <a:t>鉄</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Ｂ</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5/7</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dirty="0">
                          <a:solidFill>
                            <a:schemeClr val="tx1"/>
                          </a:solidFill>
                        </a:rPr>
                        <a:t>水酸化マグネシウム</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c>
                  <a:txBody>
                    <a:bodyPr/>
                    <a:lstStyle/>
                    <a:p>
                      <a:pPr algn="ctr"/>
                      <a:r>
                        <a:rPr kumimoji="1" lang="ja-JP" altLang="en-US" sz="1200" b="0" dirty="0">
                          <a:solidFill>
                            <a:schemeClr val="tx1"/>
                          </a:solidFill>
                        </a:rPr>
                        <a:t>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c>
                  <a:txBody>
                    <a:bodyPr/>
                    <a:lstStyle/>
                    <a:p>
                      <a:pPr algn="ctr"/>
                      <a:r>
                        <a:rPr kumimoji="1" lang="en-US" altLang="ja-JP" sz="1200" b="0" dirty="0">
                          <a:solidFill>
                            <a:schemeClr val="tx1"/>
                          </a:solidFill>
                        </a:rPr>
                        <a:t>1/1</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extLst>
                  <a:ext uri="{0D108BD9-81ED-4DB2-BD59-A6C34878D82A}">
                    <a16:rowId xmlns:a16="http://schemas.microsoft.com/office/drawing/2014/main" val="723118639"/>
                  </a:ext>
                </a:extLst>
              </a:tr>
              <a:tr h="363485">
                <a:tc rowSpan="2">
                  <a:txBody>
                    <a:bodyPr/>
                    <a:lstStyle/>
                    <a:p>
                      <a:pPr algn="ctr"/>
                      <a:r>
                        <a:rPr kumimoji="1" lang="ja-JP" altLang="en-US" sz="1100" b="0" dirty="0">
                          <a:solidFill>
                            <a:schemeClr val="tx1"/>
                          </a:solidFill>
                        </a:rPr>
                        <a:t>次亜塩素酸</a:t>
                      </a:r>
                      <a:endParaRPr kumimoji="1" lang="en-US" altLang="ja-JP" sz="1100" b="0" dirty="0">
                        <a:solidFill>
                          <a:schemeClr val="tx1"/>
                        </a:solidFill>
                      </a:endParaRPr>
                    </a:p>
                    <a:p>
                      <a:pPr algn="ctr"/>
                      <a:r>
                        <a:rPr kumimoji="1" lang="ja-JP" altLang="en-US" sz="1100" b="0" dirty="0">
                          <a:solidFill>
                            <a:schemeClr val="tx1"/>
                          </a:solidFill>
                        </a:rPr>
                        <a:t>ナトリウム</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原単位</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13/13</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水酸化ナトリウム</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A</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4/4</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炭酸ナトリウム</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r>
                        <a:rPr kumimoji="1" lang="ja-JP" altLang="en-US" sz="1200" b="0" dirty="0">
                          <a:solidFill>
                            <a:schemeClr val="tx1"/>
                          </a:solidFill>
                        </a:rPr>
                        <a:t>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r>
                        <a:rPr kumimoji="1" lang="en-US" altLang="ja-JP" sz="1200" b="0" dirty="0">
                          <a:solidFill>
                            <a:schemeClr val="tx1"/>
                          </a:solidFill>
                        </a:rPr>
                        <a:t>1/1</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extLst>
                  <a:ext uri="{0D108BD9-81ED-4DB2-BD59-A6C34878D82A}">
                    <a16:rowId xmlns:a16="http://schemas.microsoft.com/office/drawing/2014/main" val="3921642560"/>
                  </a:ext>
                </a:extLst>
              </a:tr>
              <a:tr h="348343">
                <a:tc vMerge="1">
                  <a:txBody>
                    <a:bodyPr/>
                    <a:lstStyle/>
                    <a:p>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r>
                        <a:rPr kumimoji="1" lang="ja-JP" altLang="en-US" sz="1200" b="0" dirty="0">
                          <a:solidFill>
                            <a:schemeClr val="tx1"/>
                          </a:solidFill>
                        </a:rPr>
                        <a:t>使用量</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13/13</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dirty="0">
                          <a:solidFill>
                            <a:schemeClr val="tx1"/>
                          </a:solidFill>
                        </a:rPr>
                        <a:t>臭化ナトリウム</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1/1</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硫酸</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r>
                        <a:rPr kumimoji="1" lang="ja-JP" altLang="en-US" sz="1200" b="0" dirty="0">
                          <a:solidFill>
                            <a:schemeClr val="tx1"/>
                          </a:solidFill>
                        </a:rPr>
                        <a:t>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r>
                        <a:rPr kumimoji="1" lang="en-US" altLang="ja-JP" sz="1200" b="0" dirty="0">
                          <a:solidFill>
                            <a:schemeClr val="tx1"/>
                          </a:solidFill>
                        </a:rPr>
                        <a:t>1/1</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extLst>
                  <a:ext uri="{0D108BD9-81ED-4DB2-BD59-A6C34878D82A}">
                    <a16:rowId xmlns:a16="http://schemas.microsoft.com/office/drawing/2014/main" val="3906751038"/>
                  </a:ext>
                </a:extLst>
              </a:tr>
              <a:tr h="205918">
                <a:tc rowSpan="2">
                  <a:txBody>
                    <a:bodyPr/>
                    <a:lstStyle/>
                    <a:p>
                      <a:pPr algn="ctr"/>
                      <a:r>
                        <a:rPr kumimoji="1" lang="ja-JP" altLang="en-US" sz="1200" b="0" dirty="0">
                          <a:solidFill>
                            <a:schemeClr val="tx1"/>
                          </a:solidFill>
                        </a:rPr>
                        <a:t>高分子</a:t>
                      </a:r>
                      <a:endParaRPr kumimoji="1" lang="en-US" altLang="ja-JP" sz="1200" b="0" dirty="0">
                        <a:solidFill>
                          <a:schemeClr val="tx1"/>
                        </a:solidFill>
                      </a:endParaRPr>
                    </a:p>
                    <a:p>
                      <a:pPr algn="ctr"/>
                      <a:r>
                        <a:rPr kumimoji="1" lang="ja-JP" altLang="en-US" sz="1200" b="0" dirty="0">
                          <a:solidFill>
                            <a:schemeClr val="tx1"/>
                          </a:solidFill>
                        </a:rPr>
                        <a:t>凝集剤</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原単位</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i="0" dirty="0">
                          <a:solidFill>
                            <a:schemeClr val="tx1"/>
                          </a:solidFill>
                        </a:rPr>
                        <a:t>Ｂ</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6/7</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1" dirty="0">
                          <a:solidFill>
                            <a:srgbClr val="FF0000"/>
                          </a:solidFill>
                        </a:rPr>
                        <a:t>Ａ重油</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tc>
                  <a:txBody>
                    <a:bodyPr/>
                    <a:lstStyle/>
                    <a:p>
                      <a:pPr algn="ctr"/>
                      <a:r>
                        <a:rPr kumimoji="1" lang="ja-JP" altLang="en-US" sz="1200" b="1" dirty="0">
                          <a:solidFill>
                            <a:srgbClr val="FF0000"/>
                          </a:solidFill>
                        </a:rPr>
                        <a:t>Ｂ</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tc>
                  <a:txBody>
                    <a:bodyPr/>
                    <a:lstStyle/>
                    <a:p>
                      <a:pPr algn="ctr"/>
                      <a:r>
                        <a:rPr kumimoji="1" lang="en-US" altLang="ja-JP" sz="1200" b="1" dirty="0">
                          <a:solidFill>
                            <a:srgbClr val="FF0000"/>
                          </a:solidFill>
                        </a:rPr>
                        <a:t>7/12</a:t>
                      </a:r>
                      <a:endParaRPr kumimoji="1" lang="ja-JP" altLang="en-US" sz="1200" b="1" dirty="0">
                        <a:solidFill>
                          <a:srgbClr val="FF0000"/>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tc>
                  <a:txBody>
                    <a:bodyPr/>
                    <a:lstStyle/>
                    <a:p>
                      <a:pPr algn="ctr"/>
                      <a:r>
                        <a:rPr kumimoji="1" lang="ja-JP" altLang="en-US" sz="1200" b="0" dirty="0">
                          <a:solidFill>
                            <a:schemeClr val="tx1"/>
                          </a:solidFill>
                        </a:rPr>
                        <a:t>消泡剤</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r>
                        <a:rPr kumimoji="1" lang="en-US" altLang="ja-JP" sz="1200" b="0" dirty="0">
                          <a:solidFill>
                            <a:schemeClr val="tx1"/>
                          </a:solidFill>
                        </a:rPr>
                        <a:t>A</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r>
                        <a:rPr kumimoji="1" lang="en-US" altLang="ja-JP" sz="1200" b="0" dirty="0">
                          <a:solidFill>
                            <a:schemeClr val="tx1"/>
                          </a:solidFill>
                        </a:rPr>
                        <a:t>1/1</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extLst>
                  <a:ext uri="{0D108BD9-81ED-4DB2-BD59-A6C34878D82A}">
                    <a16:rowId xmlns:a16="http://schemas.microsoft.com/office/drawing/2014/main" val="3665832826"/>
                  </a:ext>
                </a:extLst>
              </a:tr>
              <a:tr h="326952">
                <a:tc vMerge="1">
                  <a:txBody>
                    <a:bodyPr/>
                    <a:lstStyle/>
                    <a:p>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99"/>
                    </a:solidFill>
                  </a:tcPr>
                </a:tc>
                <a:tc>
                  <a:txBody>
                    <a:bodyPr/>
                    <a:lstStyle/>
                    <a:p>
                      <a:pPr algn="ctr"/>
                      <a:r>
                        <a:rPr kumimoji="1" lang="ja-JP" altLang="en-US" sz="1200" b="0" dirty="0">
                          <a:solidFill>
                            <a:schemeClr val="tx1"/>
                          </a:solidFill>
                        </a:rPr>
                        <a:t>使用量</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a:solidFill>
                            <a:schemeClr val="tx1"/>
                          </a:solidFill>
                        </a:rPr>
                        <a:t>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a:solidFill>
                            <a:schemeClr val="tx1"/>
                          </a:solidFill>
                        </a:rPr>
                        <a:t>7/7</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1" dirty="0">
                          <a:solidFill>
                            <a:srgbClr val="FF0000"/>
                          </a:solidFill>
                        </a:rPr>
                        <a:t>灯油・軽油</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tc>
                  <a:txBody>
                    <a:bodyPr/>
                    <a:lstStyle/>
                    <a:p>
                      <a:pPr algn="ctr"/>
                      <a:r>
                        <a:rPr kumimoji="1" lang="ja-JP" altLang="en-US" sz="1200" b="1" dirty="0">
                          <a:solidFill>
                            <a:srgbClr val="FF0000"/>
                          </a:solidFill>
                        </a:rPr>
                        <a:t>Ｂ</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tc>
                  <a:txBody>
                    <a:bodyPr/>
                    <a:lstStyle/>
                    <a:p>
                      <a:pPr algn="ctr"/>
                      <a:r>
                        <a:rPr kumimoji="1" lang="en-US" altLang="ja-JP" sz="1200" b="1" dirty="0">
                          <a:solidFill>
                            <a:srgbClr val="FF0000"/>
                          </a:solidFill>
                        </a:rPr>
                        <a:t>6/8</a:t>
                      </a:r>
                      <a:endParaRPr kumimoji="1" lang="ja-JP" altLang="en-US" sz="1200" b="1" dirty="0">
                        <a:solidFill>
                          <a:srgbClr val="FF0000"/>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tc>
                  <a:txBody>
                    <a:bodyPr/>
                    <a:lstStyle/>
                    <a:p>
                      <a:pPr algn="ctr"/>
                      <a:r>
                        <a:rPr kumimoji="1" lang="ja-JP" altLang="en-US" sz="1200" b="0" dirty="0">
                          <a:solidFill>
                            <a:schemeClr val="tx1"/>
                          </a:solidFill>
                        </a:rPr>
                        <a:t>活性促進剤</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r>
                        <a:rPr kumimoji="1" lang="ja-JP" altLang="en-US" sz="1200" b="0" dirty="0">
                          <a:solidFill>
                            <a:schemeClr val="tx1"/>
                          </a:solidFill>
                        </a:rPr>
                        <a:t>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tc>
                  <a:txBody>
                    <a:bodyPr/>
                    <a:lstStyle/>
                    <a:p>
                      <a:pPr algn="ctr"/>
                      <a:r>
                        <a:rPr kumimoji="1" lang="en-US" altLang="ja-JP" sz="1200" b="0" dirty="0">
                          <a:solidFill>
                            <a:schemeClr val="tx1"/>
                          </a:solidFill>
                        </a:rPr>
                        <a:t>1/1</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2">
                        <a:lumMod val="20000"/>
                        <a:lumOff val="80000"/>
                      </a:schemeClr>
                    </a:solidFill>
                  </a:tcPr>
                </a:tc>
                <a:extLst>
                  <a:ext uri="{0D108BD9-81ED-4DB2-BD59-A6C34878D82A}">
                    <a16:rowId xmlns:a16="http://schemas.microsoft.com/office/drawing/2014/main" val="1619884130"/>
                  </a:ext>
                </a:extLst>
              </a:tr>
              <a:tr h="326952">
                <a:tc gridSpan="2">
                  <a:txBody>
                    <a:bodyPr/>
                    <a:lstStyle/>
                    <a:p>
                      <a:pPr algn="ctr"/>
                      <a:r>
                        <a:rPr kumimoji="1" lang="ja-JP" altLang="en-US" sz="1200" b="0" dirty="0">
                          <a:solidFill>
                            <a:schemeClr val="tx1"/>
                          </a:solidFill>
                        </a:rPr>
                        <a:t>ポリ塩化アルミニウム</a:t>
                      </a:r>
                      <a:endParaRPr kumimoji="1" lang="en-US" altLang="ja-JP" sz="1200" b="0" dirty="0">
                        <a:solidFill>
                          <a:schemeClr val="tx1"/>
                        </a:solidFill>
                      </a:endParaRP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rgbClr val="FF0101"/>
                      </a:solidFill>
                      <a:prstDash val="solid"/>
                      <a:round/>
                      <a:headEnd type="none" w="med" len="med"/>
                      <a:tailEnd type="none" w="med" len="med"/>
                    </a:lnB>
                    <a:noFill/>
                  </a:tcPr>
                </a:tc>
                <a:tc hMerge="1">
                  <a:txBody>
                    <a:bodyPr/>
                    <a:lstStyle/>
                    <a:p>
                      <a:pPr algn="ctr"/>
                      <a:endParaRPr kumimoji="1" lang="ja-JP" altLang="en-US" sz="1400" dirty="0"/>
                    </a:p>
                  </a:txBody>
                  <a:tcPr anchor="ctr"/>
                </a:tc>
                <a:tc>
                  <a:txBody>
                    <a:bodyPr/>
                    <a:lstStyle/>
                    <a:p>
                      <a:pPr algn="ctr"/>
                      <a:r>
                        <a:rPr kumimoji="1" lang="en-US" altLang="ja-JP" sz="1200" b="0" dirty="0">
                          <a:solidFill>
                            <a:schemeClr val="tx1"/>
                          </a:solidFill>
                        </a:rPr>
                        <a:t>A</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rgbClr val="FF0101"/>
                      </a:solidFill>
                      <a:prstDash val="solid"/>
                      <a:round/>
                      <a:headEnd type="none" w="med" len="med"/>
                      <a:tailEnd type="none" w="med" len="med"/>
                    </a:lnB>
                    <a:noFill/>
                  </a:tcPr>
                </a:tc>
                <a:tc>
                  <a:txBody>
                    <a:bodyPr/>
                    <a:lstStyle/>
                    <a:p>
                      <a:pPr algn="ctr"/>
                      <a:r>
                        <a:rPr kumimoji="1" lang="en-US" altLang="ja-JP" sz="1200" b="0" dirty="0">
                          <a:solidFill>
                            <a:schemeClr val="tx1"/>
                          </a:solidFill>
                        </a:rPr>
                        <a:t>3/3</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rgbClr val="FF0101"/>
                      </a:solidFill>
                      <a:prstDash val="solid"/>
                      <a:round/>
                      <a:headEnd type="none" w="med" len="med"/>
                      <a:tailEnd type="none" w="med" len="med"/>
                    </a:lnB>
                    <a:noFill/>
                  </a:tcPr>
                </a:tc>
                <a:tc>
                  <a:txBody>
                    <a:bodyPr/>
                    <a:lstStyle/>
                    <a:p>
                      <a:pPr algn="ctr"/>
                      <a:r>
                        <a:rPr kumimoji="1" lang="ja-JP" altLang="en-US" sz="1200" b="0" dirty="0">
                          <a:solidFill>
                            <a:schemeClr val="tx1"/>
                          </a:solidFill>
                        </a:rPr>
                        <a:t>都市ガス</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rgbClr val="FF0101"/>
                      </a:solidFill>
                      <a:prstDash val="solid"/>
                      <a:round/>
                      <a:headEnd type="none" w="med" len="med"/>
                      <a:tailEnd type="none" w="med" len="med"/>
                    </a:lnB>
                    <a:noFill/>
                  </a:tcPr>
                </a:tc>
                <a:tc>
                  <a:txBody>
                    <a:bodyPr/>
                    <a:lstStyle/>
                    <a:p>
                      <a:pPr algn="ctr"/>
                      <a:r>
                        <a:rPr kumimoji="1" lang="en-US" altLang="ja-JP" sz="1200" b="0" dirty="0">
                          <a:solidFill>
                            <a:schemeClr val="tx1"/>
                          </a:solidFill>
                        </a:rPr>
                        <a:t>A</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rgbClr val="FF0101"/>
                      </a:solidFill>
                      <a:prstDash val="solid"/>
                      <a:round/>
                      <a:headEnd type="none" w="med" len="med"/>
                      <a:tailEnd type="none" w="med" len="med"/>
                    </a:lnB>
                    <a:noFill/>
                  </a:tcPr>
                </a:tc>
                <a:tc>
                  <a:txBody>
                    <a:bodyPr/>
                    <a:lstStyle/>
                    <a:p>
                      <a:pPr algn="ctr"/>
                      <a:r>
                        <a:rPr kumimoji="1" lang="en-US" altLang="ja-JP" sz="1200" b="0" dirty="0">
                          <a:solidFill>
                            <a:schemeClr val="tx1"/>
                          </a:solidFill>
                        </a:rPr>
                        <a:t>2/2</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rgbClr val="FF0101"/>
                      </a:solidFill>
                      <a:prstDash val="solid"/>
                      <a:round/>
                      <a:headEnd type="none" w="med" len="med"/>
                      <a:tailEnd type="none" w="med" len="med"/>
                    </a:lnB>
                    <a:noFill/>
                  </a:tcPr>
                </a:tc>
                <a:tc>
                  <a:txBody>
                    <a:bodyPr/>
                    <a:lstStyle/>
                    <a:p>
                      <a:pPr algn="ctr"/>
                      <a:r>
                        <a:rPr kumimoji="1" lang="ja-JP" altLang="en-US" sz="1200" b="0" dirty="0">
                          <a:solidFill>
                            <a:schemeClr val="tx1"/>
                          </a:solidFill>
                        </a:rPr>
                        <a:t>工業用並塩</a:t>
                      </a:r>
                    </a:p>
                  </a:txBody>
                  <a:tcPr anchor="ctr">
                    <a:lnL w="38100" cap="flat" cmpd="sng" algn="ctr">
                      <a:solidFill>
                        <a:srgbClr val="FF010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rgbClr val="FF0101"/>
                      </a:solidFill>
                      <a:prstDash val="solid"/>
                      <a:round/>
                      <a:headEnd type="none" w="med" len="med"/>
                      <a:tailEnd type="none" w="med" len="med"/>
                    </a:lnB>
                    <a:solidFill>
                      <a:schemeClr val="accent2">
                        <a:lumMod val="20000"/>
                        <a:lumOff val="80000"/>
                      </a:schemeClr>
                    </a:solidFill>
                  </a:tcPr>
                </a:tc>
                <a:tc>
                  <a:txBody>
                    <a:bodyPr/>
                    <a:lstStyle/>
                    <a:p>
                      <a:pPr algn="ctr"/>
                      <a:r>
                        <a:rPr kumimoji="1" lang="en-US" altLang="ja-JP" sz="1200" b="0" dirty="0">
                          <a:solidFill>
                            <a:schemeClr val="tx1"/>
                          </a:solidFill>
                        </a:rPr>
                        <a:t>A</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rgbClr val="FF0101"/>
                      </a:solidFill>
                      <a:prstDash val="solid"/>
                      <a:round/>
                      <a:headEnd type="none" w="med" len="med"/>
                      <a:tailEnd type="none" w="med" len="med"/>
                    </a:lnB>
                    <a:solidFill>
                      <a:schemeClr val="accent2">
                        <a:lumMod val="20000"/>
                        <a:lumOff val="80000"/>
                      </a:schemeClr>
                    </a:solidFill>
                  </a:tcPr>
                </a:tc>
                <a:tc>
                  <a:txBody>
                    <a:bodyPr/>
                    <a:lstStyle/>
                    <a:p>
                      <a:pPr algn="ctr"/>
                      <a:r>
                        <a:rPr kumimoji="1" lang="en-US" altLang="ja-JP" sz="1200" b="0" dirty="0">
                          <a:solidFill>
                            <a:schemeClr val="tx1"/>
                          </a:solidFill>
                        </a:rPr>
                        <a:t>1/1</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38100" cap="flat" cmpd="sng" algn="ctr">
                      <a:solidFill>
                        <a:srgbClr val="FF010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rgbClr val="FF0101"/>
                      </a:solidFill>
                      <a:prstDash val="solid"/>
                      <a:round/>
                      <a:headEnd type="none" w="med" len="med"/>
                      <a:tailEnd type="none" w="med" len="med"/>
                    </a:lnB>
                    <a:solidFill>
                      <a:schemeClr val="accent2">
                        <a:lumMod val="20000"/>
                        <a:lumOff val="80000"/>
                      </a:schemeClr>
                    </a:solidFill>
                  </a:tcPr>
                </a:tc>
                <a:extLst>
                  <a:ext uri="{0D108BD9-81ED-4DB2-BD59-A6C34878D82A}">
                    <a16:rowId xmlns:a16="http://schemas.microsoft.com/office/drawing/2014/main" val="2806986933"/>
                  </a:ext>
                </a:extLst>
              </a:tr>
            </a:tbl>
          </a:graphicData>
        </a:graphic>
      </p:graphicFrame>
      <p:sp>
        <p:nvSpPr>
          <p:cNvPr id="8" name="テキスト ボックス 7"/>
          <p:cNvSpPr txBox="1"/>
          <p:nvPr/>
        </p:nvSpPr>
        <p:spPr>
          <a:xfrm>
            <a:off x="6489700" y="5512286"/>
            <a:ext cx="2749471" cy="276999"/>
          </a:xfrm>
          <a:prstGeom prst="rect">
            <a:avLst/>
          </a:prstGeom>
          <a:solidFill>
            <a:schemeClr val="accent2">
              <a:lumMod val="20000"/>
              <a:lumOff val="80000"/>
            </a:schemeClr>
          </a:solidFill>
          <a:ln w="38100">
            <a:solidFill>
              <a:srgbClr val="FFC000"/>
            </a:solidFill>
          </a:ln>
        </p:spPr>
        <p:txBody>
          <a:bodyPr wrap="none" rtlCol="0">
            <a:spAutoFit/>
          </a:bodyPr>
          <a:lstStyle/>
          <a:p>
            <a:r>
              <a:rPr kumimoji="1" lang="ja-JP" altLang="en-US" sz="1200" dirty="0"/>
              <a:t>平野下水処理場　脱水分離液処理施設</a:t>
            </a:r>
          </a:p>
        </p:txBody>
      </p:sp>
      <p:sp>
        <p:nvSpPr>
          <p:cNvPr id="10" name="角丸四角形 18">
            <a:extLst>
              <a:ext uri="{FF2B5EF4-FFF2-40B4-BE49-F238E27FC236}">
                <a16:creationId xmlns:a16="http://schemas.microsoft.com/office/drawing/2014/main" id="{8EBB44AC-3980-676A-9569-EAE81D441551}"/>
              </a:ext>
            </a:extLst>
          </p:cNvPr>
          <p:cNvSpPr/>
          <p:nvPr/>
        </p:nvSpPr>
        <p:spPr>
          <a:xfrm>
            <a:off x="72908" y="96839"/>
            <a:ext cx="7236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183635003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評価基準</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ユーティリティ使用量の超過について（２）</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3" name="スライド番号プレースホルダー 2"/>
          <p:cNvSpPr>
            <a:spLocks noGrp="1"/>
          </p:cNvSpPr>
          <p:nvPr>
            <p:ph type="sldNum" sz="quarter" idx="12"/>
          </p:nvPr>
        </p:nvSpPr>
        <p:spPr/>
        <p:txBody>
          <a:bodyPr/>
          <a:lstStyle/>
          <a:p>
            <a:fld id="{36EC18DB-A5DF-4E0E-B815-FCD04A2C4B2C}" type="slidenum">
              <a:rPr kumimoji="1" lang="ja-JP" altLang="en-US" smtClean="0"/>
              <a:t>26</a:t>
            </a:fld>
            <a:endParaRPr kumimoji="1" lang="ja-JP" altLang="en-US" dirty="0"/>
          </a:p>
        </p:txBody>
      </p:sp>
      <p:sp>
        <p:nvSpPr>
          <p:cNvPr id="4" name="テキスト ボックス 3">
            <a:extLst>
              <a:ext uri="{FF2B5EF4-FFF2-40B4-BE49-F238E27FC236}">
                <a16:creationId xmlns:a16="http://schemas.microsoft.com/office/drawing/2014/main" id="{77334B27-9685-E2FA-1468-99750856A8D7}"/>
              </a:ext>
            </a:extLst>
          </p:cNvPr>
          <p:cNvSpPr txBox="1"/>
          <p:nvPr/>
        </p:nvSpPr>
        <p:spPr>
          <a:xfrm>
            <a:off x="72907" y="1174730"/>
            <a:ext cx="9894750" cy="4650504"/>
          </a:xfrm>
          <a:prstGeom prst="rect">
            <a:avLst/>
          </a:prstGeom>
          <a:noFill/>
        </p:spPr>
        <p:txBody>
          <a:bodyPr wrap="square" rtlCol="0">
            <a:spAutoFit/>
          </a:bodyPr>
          <a:lstStyle/>
          <a:p>
            <a:pPr>
              <a:lnSpc>
                <a:spcPct val="130000"/>
              </a:lnSpc>
            </a:pPr>
            <a:r>
              <a:rPr lang="en-US" altLang="ja-JP" b="1" dirty="0">
                <a:latin typeface="ＭＳ Ｐゴシック" panose="020B0600070205080204" pitchFamily="50" charset="-128"/>
                <a:ea typeface="ＭＳ Ｐゴシック" panose="020B0600070205080204" pitchFamily="50" charset="-128"/>
              </a:rPr>
              <a:t>『</a:t>
            </a:r>
            <a:r>
              <a:rPr lang="ja-JP" altLang="en-US" b="1" dirty="0">
                <a:latin typeface="ＭＳ Ｐゴシック" panose="020B0600070205080204" pitchFamily="50" charset="-128"/>
                <a:ea typeface="ＭＳ Ｐゴシック" panose="020B0600070205080204" pitchFamily="50" charset="-128"/>
              </a:rPr>
              <a:t>処理区毎の評価</a:t>
            </a:r>
            <a:r>
              <a:rPr lang="en-US" altLang="ja-JP" b="1" dirty="0">
                <a:latin typeface="ＭＳ Ｐゴシック" panose="020B0600070205080204" pitchFamily="50" charset="-128"/>
                <a:ea typeface="ＭＳ Ｐゴシック" panose="020B0600070205080204" pitchFamily="50" charset="-128"/>
              </a:rPr>
              <a:t>』</a:t>
            </a:r>
          </a:p>
          <a:p>
            <a:pPr>
              <a:lnSpc>
                <a:spcPct val="130000"/>
              </a:lnSpc>
            </a:pPr>
            <a:r>
              <a:rPr lang="ja-JP" altLang="en-US" dirty="0">
                <a:latin typeface="ＭＳ Ｐ明朝" panose="02020600040205080304" pitchFamily="18" charset="-128"/>
                <a:ea typeface="ＭＳ Ｐ明朝" panose="02020600040205080304" pitchFamily="18" charset="-128"/>
              </a:rPr>
              <a:t>特定の処理区で継続して超過していないか確認</a:t>
            </a:r>
            <a:endParaRPr lang="en-US" altLang="ja-JP" b="1" dirty="0">
              <a:latin typeface="ＭＳ Ｐ明朝" panose="02020600040205080304" pitchFamily="18" charset="-128"/>
              <a:ea typeface="ＭＳ Ｐ明朝" panose="02020600040205080304" pitchFamily="18" charset="-128"/>
            </a:endParaRPr>
          </a:p>
          <a:p>
            <a:endParaRPr lang="en-US" altLang="ja-JP" sz="1800" dirty="0">
              <a:latin typeface="ＭＳ Ｐ明朝" panose="02020600040205080304" pitchFamily="18" charset="-128"/>
              <a:ea typeface="ＭＳ Ｐ明朝" panose="02020600040205080304" pitchFamily="18" charset="-128"/>
            </a:endParaRPr>
          </a:p>
          <a:p>
            <a:pPr marL="285750" indent="-285750">
              <a:lnSpc>
                <a:spcPct val="130000"/>
              </a:lnSpc>
              <a:buFont typeface="Wingdings" panose="05000000000000000000" pitchFamily="2" charset="2"/>
              <a:buChar char="l"/>
            </a:pPr>
            <a:r>
              <a:rPr lang="ja-JP" altLang="en-US" b="1" dirty="0">
                <a:latin typeface="ＭＳ Ｐゴシック" panose="020B0600070205080204" pitchFamily="50" charset="-128"/>
                <a:ea typeface="ＭＳ Ｐゴシック" panose="020B0600070205080204" pitchFamily="50" charset="-128"/>
              </a:rPr>
              <a:t>ユーティリティ</a:t>
            </a:r>
            <a:endParaRPr lang="en-US" altLang="ja-JP" b="1" dirty="0">
              <a:latin typeface="ＭＳ Ｐゴシック" panose="020B0600070205080204" pitchFamily="50" charset="-128"/>
              <a:ea typeface="ＭＳ Ｐゴシック" panose="020B0600070205080204" pitchFamily="50" charset="-128"/>
            </a:endParaRPr>
          </a:p>
          <a:p>
            <a:r>
              <a:rPr lang="ja-JP" altLang="en-US" sz="1600" dirty="0">
                <a:latin typeface="ＭＳ Ｐ明朝" panose="02020600040205080304" pitchFamily="18" charset="-128"/>
                <a:ea typeface="ＭＳ Ｐ明朝" panose="02020600040205080304" pitchFamily="18" charset="-128"/>
              </a:rPr>
              <a:t>「ポリ硫酸第２鉄」</a:t>
            </a:r>
            <a:endParaRPr lang="en-US" altLang="ja-JP" sz="1600" dirty="0">
              <a:latin typeface="ＭＳ Ｐ明朝" panose="02020600040205080304" pitchFamily="18" charset="-128"/>
              <a:ea typeface="ＭＳ Ｐ明朝" panose="02020600040205080304" pitchFamily="18" charset="-128"/>
            </a:endParaRPr>
          </a:p>
          <a:p>
            <a:r>
              <a:rPr lang="ja-JP" altLang="en-US" sz="1600" dirty="0">
                <a:latin typeface="ＭＳ Ｐ明朝" panose="02020600040205080304" pitchFamily="18" charset="-128"/>
                <a:ea typeface="ＭＳ Ｐ明朝" panose="02020600040205080304" pitchFamily="18" charset="-128"/>
              </a:rPr>
              <a:t>　千島下水処理場：評価基準値設定後、放流水質のリン対策仮設注入設備設置、</a:t>
            </a:r>
            <a:r>
              <a:rPr lang="en-US" altLang="ja-JP" sz="1600" dirty="0">
                <a:latin typeface="ＭＳ Ｐ明朝" panose="02020600040205080304" pitchFamily="18" charset="-128"/>
                <a:ea typeface="ＭＳ Ｐ明朝" panose="02020600040205080304" pitchFamily="18" charset="-128"/>
              </a:rPr>
              <a:t>R4</a:t>
            </a:r>
            <a:r>
              <a:rPr lang="ja-JP" altLang="en-US" sz="1600" dirty="0">
                <a:latin typeface="ＭＳ Ｐ明朝" panose="02020600040205080304" pitchFamily="18" charset="-128"/>
                <a:ea typeface="ＭＳ Ｐ明朝" panose="02020600040205080304" pitchFamily="18" charset="-128"/>
              </a:rPr>
              <a:t>年度以降毎年超過</a:t>
            </a:r>
            <a:endParaRPr lang="en-US" altLang="ja-JP" sz="1600" dirty="0">
              <a:latin typeface="ＭＳ Ｐ明朝" panose="02020600040205080304" pitchFamily="18" charset="-128"/>
              <a:ea typeface="ＭＳ Ｐ明朝" panose="02020600040205080304" pitchFamily="18" charset="-128"/>
            </a:endParaRPr>
          </a:p>
          <a:p>
            <a:r>
              <a:rPr lang="ja-JP" altLang="en-US" sz="1600" dirty="0">
                <a:latin typeface="ＭＳ Ｐ明朝" panose="02020600040205080304" pitchFamily="18" charset="-128"/>
                <a:ea typeface="ＭＳ Ｐ明朝" panose="02020600040205080304" pitchFamily="18" charset="-128"/>
              </a:rPr>
              <a:t>　　　　　　　　　</a:t>
            </a:r>
            <a:r>
              <a:rPr lang="ja-JP" altLang="en-US" sz="1600" b="1" dirty="0">
                <a:solidFill>
                  <a:srgbClr val="FF0000"/>
                </a:solidFill>
                <a:latin typeface="ＭＳ Ｐ明朝" panose="02020600040205080304" pitchFamily="18" charset="-128"/>
                <a:ea typeface="ＭＳ Ｐ明朝" panose="02020600040205080304" pitchFamily="18" charset="-128"/>
              </a:rPr>
              <a:t>　⇒　５年目の契約条件見直しにおいて評価基準値を見直すことで対応予定</a:t>
            </a:r>
            <a:endParaRPr lang="en-US" altLang="ja-JP" sz="1600" b="1" dirty="0">
              <a:solidFill>
                <a:srgbClr val="FF0000"/>
              </a:solidFill>
              <a:latin typeface="ＭＳ Ｐ明朝" panose="02020600040205080304" pitchFamily="18" charset="-128"/>
              <a:ea typeface="ＭＳ Ｐ明朝" panose="02020600040205080304" pitchFamily="18" charset="-128"/>
            </a:endParaRPr>
          </a:p>
          <a:p>
            <a:endParaRPr lang="en-US" altLang="ja-JP" sz="1600" dirty="0">
              <a:latin typeface="ＭＳ Ｐ明朝" panose="02020600040205080304" pitchFamily="18" charset="-128"/>
              <a:ea typeface="ＭＳ Ｐ明朝" panose="02020600040205080304" pitchFamily="18" charset="-128"/>
            </a:endParaRPr>
          </a:p>
          <a:p>
            <a:r>
              <a:rPr lang="ja-JP" altLang="en-US" sz="1600" dirty="0">
                <a:latin typeface="ＭＳ Ｐ明朝" panose="02020600040205080304" pitchFamily="18" charset="-128"/>
                <a:ea typeface="ＭＳ Ｐ明朝" panose="02020600040205080304" pitchFamily="18" charset="-128"/>
              </a:rPr>
              <a:t>「安定化塩化第１鉄」</a:t>
            </a:r>
            <a:endParaRPr lang="en-US" altLang="ja-JP" sz="1600" dirty="0">
              <a:latin typeface="ＭＳ Ｐ明朝" panose="02020600040205080304" pitchFamily="18" charset="-128"/>
              <a:ea typeface="ＭＳ Ｐ明朝" panose="02020600040205080304" pitchFamily="18" charset="-128"/>
            </a:endParaRPr>
          </a:p>
          <a:p>
            <a:r>
              <a:rPr lang="ja-JP" altLang="en-US" sz="1600" dirty="0">
                <a:latin typeface="ＭＳ Ｐ明朝" panose="02020600040205080304" pitchFamily="18" charset="-128"/>
                <a:ea typeface="ＭＳ Ｐ明朝" panose="02020600040205080304" pitchFamily="18" charset="-128"/>
              </a:rPr>
              <a:t>　長堀雨水滞水池：臭気対策のため超過（</a:t>
            </a:r>
            <a:r>
              <a:rPr lang="en-US" altLang="ja-JP" sz="1600" dirty="0">
                <a:latin typeface="ＭＳ Ｐ明朝" panose="02020600040205080304" pitchFamily="18" charset="-128"/>
                <a:ea typeface="ＭＳ Ｐ明朝" panose="02020600040205080304" pitchFamily="18" charset="-128"/>
              </a:rPr>
              <a:t>R5</a:t>
            </a:r>
            <a:r>
              <a:rPr lang="ja-JP" altLang="en-US" sz="1600" dirty="0">
                <a:latin typeface="ＭＳ Ｐ明朝" panose="02020600040205080304" pitchFamily="18" charset="-128"/>
                <a:ea typeface="ＭＳ Ｐ明朝" panose="02020600040205080304" pitchFamily="18" charset="-128"/>
              </a:rPr>
              <a:t>～６）</a:t>
            </a:r>
            <a:endParaRPr lang="en-US" altLang="ja-JP" sz="1600" dirty="0">
              <a:latin typeface="ＭＳ Ｐ明朝" panose="02020600040205080304" pitchFamily="18" charset="-128"/>
              <a:ea typeface="ＭＳ Ｐ明朝" panose="02020600040205080304" pitchFamily="18" charset="-128"/>
            </a:endParaRPr>
          </a:p>
          <a:p>
            <a:r>
              <a:rPr lang="ja-JP" altLang="en-US" sz="1600" dirty="0">
                <a:latin typeface="ＭＳ Ｐ明朝" panose="02020600040205080304" pitchFamily="18" charset="-128"/>
                <a:ea typeface="ＭＳ Ｐ明朝" panose="02020600040205080304" pitchFamily="18" charset="-128"/>
              </a:rPr>
              <a:t>　市岡処理場・港抽水所：送水管内の臭気対策のため運用変更しており毎年超過（運転手法を模索中）</a:t>
            </a:r>
            <a:endParaRPr lang="en-US" altLang="ja-JP" sz="1600" dirty="0">
              <a:latin typeface="ＭＳ Ｐ明朝" panose="02020600040205080304" pitchFamily="18" charset="-128"/>
              <a:ea typeface="ＭＳ Ｐ明朝" panose="02020600040205080304" pitchFamily="18" charset="-128"/>
            </a:endParaRPr>
          </a:p>
          <a:p>
            <a:r>
              <a:rPr lang="ja-JP" altLang="en-US" sz="1600" dirty="0">
                <a:latin typeface="ＭＳ Ｐ明朝" panose="02020600040205080304" pitchFamily="18" charset="-128"/>
                <a:ea typeface="ＭＳ Ｐ明朝" panose="02020600040205080304" pitchFamily="18" charset="-128"/>
              </a:rPr>
              <a:t>　　　　　　　　　</a:t>
            </a:r>
            <a:r>
              <a:rPr lang="ja-JP" altLang="en-US" sz="1600" b="1" dirty="0">
                <a:solidFill>
                  <a:srgbClr val="FF0000"/>
                </a:solidFill>
                <a:latin typeface="ＭＳ Ｐ明朝" panose="02020600040205080304" pitchFamily="18" charset="-128"/>
                <a:ea typeface="ＭＳ Ｐ明朝" panose="02020600040205080304" pitchFamily="18" charset="-128"/>
              </a:rPr>
              <a:t>　⇒　５年目の契約条件見直しにおいて評価基準値を見直すことで対応予定</a:t>
            </a:r>
            <a:endParaRPr lang="en-US" altLang="ja-JP" sz="1600" b="1" dirty="0">
              <a:solidFill>
                <a:srgbClr val="FF0000"/>
              </a:solidFill>
              <a:latin typeface="ＭＳ Ｐ明朝" panose="02020600040205080304" pitchFamily="18" charset="-128"/>
              <a:ea typeface="ＭＳ Ｐ明朝" panose="02020600040205080304" pitchFamily="18" charset="-128"/>
            </a:endParaRPr>
          </a:p>
          <a:p>
            <a:endParaRPr lang="en-US" altLang="ja-JP" sz="1600" dirty="0">
              <a:latin typeface="ＭＳ Ｐ明朝" panose="02020600040205080304" pitchFamily="18" charset="-128"/>
              <a:ea typeface="ＭＳ Ｐ明朝" panose="02020600040205080304" pitchFamily="18" charset="-128"/>
            </a:endParaRPr>
          </a:p>
          <a:p>
            <a:endParaRPr lang="en-US" altLang="ja-JP" sz="1600" dirty="0">
              <a:latin typeface="ＭＳ Ｐ明朝" panose="02020600040205080304" pitchFamily="18" charset="-128"/>
              <a:ea typeface="ＭＳ Ｐ明朝" panose="02020600040205080304" pitchFamily="18" charset="-128"/>
            </a:endParaRPr>
          </a:p>
          <a:p>
            <a:r>
              <a:rPr lang="ja-JP" altLang="en-US" sz="1600" dirty="0">
                <a:latin typeface="ＭＳ Ｐ明朝" panose="02020600040205080304" pitchFamily="18" charset="-128"/>
                <a:ea typeface="ＭＳ Ｐ明朝" panose="02020600040205080304" pitchFamily="18" charset="-128"/>
              </a:rPr>
              <a:t>　引き続き、特定の処理区で継続して超過していないか検証を続けていく</a:t>
            </a:r>
            <a:endParaRPr lang="en-US" altLang="ja-JP" sz="1600" dirty="0">
              <a:latin typeface="ＭＳ Ｐ明朝" panose="02020600040205080304" pitchFamily="18" charset="-128"/>
              <a:ea typeface="ＭＳ Ｐ明朝" panose="02020600040205080304" pitchFamily="18" charset="-128"/>
            </a:endParaRPr>
          </a:p>
          <a:p>
            <a:endParaRPr lang="en-US" altLang="ja-JP" sz="1600" dirty="0">
              <a:latin typeface="ＭＳ Ｐ明朝" panose="02020600040205080304" pitchFamily="18" charset="-128"/>
              <a:ea typeface="ＭＳ Ｐ明朝" panose="02020600040205080304" pitchFamily="18" charset="-128"/>
            </a:endParaRPr>
          </a:p>
          <a:p>
            <a:endParaRPr lang="en-US" altLang="ja-JP" sz="1600" dirty="0">
              <a:latin typeface="ＭＳ Ｐ明朝" panose="02020600040205080304" pitchFamily="18" charset="-128"/>
              <a:ea typeface="ＭＳ Ｐ明朝" panose="02020600040205080304" pitchFamily="18" charset="-128"/>
            </a:endParaRPr>
          </a:p>
        </p:txBody>
      </p:sp>
      <p:sp>
        <p:nvSpPr>
          <p:cNvPr id="2" name="角丸四角形 18">
            <a:extLst>
              <a:ext uri="{FF2B5EF4-FFF2-40B4-BE49-F238E27FC236}">
                <a16:creationId xmlns:a16="http://schemas.microsoft.com/office/drawing/2014/main" id="{7E74C620-7CAE-8FD2-8019-4913B5D3B4DD}"/>
              </a:ext>
            </a:extLst>
          </p:cNvPr>
          <p:cNvSpPr/>
          <p:nvPr/>
        </p:nvSpPr>
        <p:spPr>
          <a:xfrm>
            <a:off x="72908" y="96839"/>
            <a:ext cx="817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2525535235"/>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2"/>
          </p:nvPr>
        </p:nvSpPr>
        <p:spPr/>
        <p:txBody>
          <a:bodyPr/>
          <a:lstStyle/>
          <a:p>
            <a:fld id="{36EC18DB-A5DF-4E0E-B815-FCD04A2C4B2C}" type="slidenum">
              <a:rPr kumimoji="1" lang="ja-JP" altLang="en-US" smtClean="0"/>
              <a:t>27</a:t>
            </a:fld>
            <a:endParaRPr kumimoji="1" lang="ja-JP" altLang="en-US"/>
          </a:p>
        </p:txBody>
      </p:sp>
      <p:sp>
        <p:nvSpPr>
          <p:cNvPr id="3" name="角丸四角形 18">
            <a:extLst>
              <a:ext uri="{FF2B5EF4-FFF2-40B4-BE49-F238E27FC236}">
                <a16:creationId xmlns:a16="http://schemas.microsoft.com/office/drawing/2014/main" id="{D69516D5-0E13-5410-CFDA-C4C4CB12DA12}"/>
              </a:ext>
            </a:extLst>
          </p:cNvPr>
          <p:cNvSpPr/>
          <p:nvPr/>
        </p:nvSpPr>
        <p:spPr>
          <a:xfrm>
            <a:off x="72908" y="96839"/>
            <a:ext cx="817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sp>
        <p:nvSpPr>
          <p:cNvPr id="8" name="Text Box 64">
            <a:extLst>
              <a:ext uri="{FF2B5EF4-FFF2-40B4-BE49-F238E27FC236}">
                <a16:creationId xmlns:a16="http://schemas.microsoft.com/office/drawing/2014/main" id="{7D2D99D8-7CF3-4CCA-DE86-0814D53CE156}"/>
              </a:ext>
            </a:extLst>
          </p:cNvPr>
          <p:cNvSpPr txBox="1">
            <a:spLocks noChangeArrowheads="1"/>
          </p:cNvSpPr>
          <p:nvPr/>
        </p:nvSpPr>
        <p:spPr bwMode="auto">
          <a:xfrm>
            <a:off x="1" y="642938"/>
            <a:ext cx="9894750" cy="449086"/>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モニタリング結果</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竣工届の未提出について</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2" name="正方形/長方形 1">
            <a:extLst>
              <a:ext uri="{FF2B5EF4-FFF2-40B4-BE49-F238E27FC236}">
                <a16:creationId xmlns:a16="http://schemas.microsoft.com/office/drawing/2014/main" id="{C84A9A1C-878F-931F-6EBA-E90AFC961FC3}"/>
              </a:ext>
            </a:extLst>
          </p:cNvPr>
          <p:cNvSpPr/>
          <p:nvPr/>
        </p:nvSpPr>
        <p:spPr>
          <a:xfrm>
            <a:off x="58169" y="1366897"/>
            <a:ext cx="5395570" cy="2062103"/>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ja-JP" altLang="en-US" sz="1600" b="1"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経過）</a:t>
            </a:r>
            <a:endParaRPr kumimoji="1" lang="en-US" altLang="ja-JP" sz="1600" b="1"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lvl="0">
              <a:defRPr/>
            </a:pPr>
            <a:r>
              <a:rPr kumimoji="1" lang="ja-JP" altLang="en-US" sz="1600" kern="0" dirty="0">
                <a:solidFill>
                  <a:prstClr val="black"/>
                </a:solidFill>
                <a:latin typeface="Meiryo UI" panose="020B0604030504040204" pitchFamily="50" charset="-128"/>
                <a:ea typeface="Meiryo UI" panose="020B0604030504040204" pitchFamily="50" charset="-128"/>
              </a:rPr>
              <a:t>　</a:t>
            </a:r>
            <a:r>
              <a:rPr kumimoji="1" lang="en-US" altLang="ja-JP" sz="1600" kern="0" dirty="0">
                <a:solidFill>
                  <a:prstClr val="black"/>
                </a:solidFill>
                <a:latin typeface="Meiryo UI" panose="020B0604030504040204" pitchFamily="50" charset="-128"/>
                <a:ea typeface="Meiryo UI" panose="020B0604030504040204" pitchFamily="50" charset="-128"/>
              </a:rPr>
              <a:t>CWO</a:t>
            </a:r>
            <a:r>
              <a:rPr kumimoji="1" lang="ja-JP" altLang="en-US" sz="1600" kern="0" dirty="0">
                <a:solidFill>
                  <a:prstClr val="black"/>
                </a:solidFill>
                <a:latin typeface="Meiryo UI" panose="020B0604030504040204" pitchFamily="50" charset="-128"/>
                <a:ea typeface="Meiryo UI" panose="020B0604030504040204" pitchFamily="50" charset="-128"/>
              </a:rPr>
              <a:t>発注の小規模維持工事における取付管・蓋替え工事や舗装復旧工事においては、道路占用許可・使用許可を取得し、実施している。（申請者名：大阪市）</a:t>
            </a:r>
            <a:endParaRPr kumimoji="1" lang="en-US" altLang="ja-JP" sz="1600" kern="0" dirty="0">
              <a:solidFill>
                <a:prstClr val="black"/>
              </a:solidFill>
              <a:latin typeface="Meiryo UI" panose="020B0604030504040204" pitchFamily="50" charset="-128"/>
              <a:ea typeface="Meiryo UI" panose="020B0604030504040204" pitchFamily="50" charset="-128"/>
            </a:endParaRPr>
          </a:p>
          <a:p>
            <a:pPr marR="0" lvl="0" defTabSz="457200" eaLnBrk="1" fontAlgn="auto" latinLnBrk="0" hangingPunct="1">
              <a:lnSpc>
                <a:spcPct val="100000"/>
              </a:lnSpc>
              <a:spcBef>
                <a:spcPts val="0"/>
              </a:spcBef>
              <a:spcAft>
                <a:spcPts val="0"/>
              </a:spcAft>
              <a:buClrTx/>
              <a:buSzTx/>
              <a:tabLst/>
              <a:defRPr/>
            </a:pPr>
            <a:r>
              <a:rPr kumimoji="1" lang="ja-JP" altLang="en-US" sz="1600" kern="0" dirty="0">
                <a:solidFill>
                  <a:prstClr val="black"/>
                </a:solidFill>
                <a:latin typeface="Meiryo UI" panose="020B0604030504040204" pitchFamily="50" charset="-128"/>
                <a:ea typeface="Meiryo UI" panose="020B0604030504040204" pitchFamily="50" charset="-128"/>
              </a:rPr>
              <a:t>　道路管理者より、</a:t>
            </a:r>
            <a:r>
              <a:rPr kumimoji="1" lang="ja-JP" altLang="en-US" sz="1600" kern="0" dirty="0">
                <a:solidFill>
                  <a:srgbClr val="FF0000"/>
                </a:solidFill>
                <a:latin typeface="Meiryo UI" panose="020B0604030504040204" pitchFamily="50" charset="-128"/>
                <a:ea typeface="Meiryo UI" panose="020B0604030504040204" pitchFamily="50" charset="-128"/>
              </a:rPr>
              <a:t>舗装復旧工事が完了しているにもかかわらず竣工届が未提出となっている事案</a:t>
            </a:r>
            <a:r>
              <a:rPr kumimoji="1" lang="ja-JP" altLang="en-US" sz="1600" kern="0" dirty="0">
                <a:solidFill>
                  <a:prstClr val="black"/>
                </a:solidFill>
                <a:latin typeface="Meiryo UI" panose="020B0604030504040204" pitchFamily="50" charset="-128"/>
                <a:ea typeface="Meiryo UI" panose="020B0604030504040204" pitchFamily="50" charset="-128"/>
              </a:rPr>
              <a:t>があるとの指摘を受け、　　　　件数を調査した結果、特に南部方面管理事務所管内において多くの未提出があることが発覚した。</a:t>
            </a:r>
            <a:endParaRPr kumimoji="1" lang="en-US" altLang="ja-JP" sz="1600" kern="0" dirty="0">
              <a:solidFill>
                <a:prstClr val="black"/>
              </a:solidFill>
              <a:latin typeface="Meiryo UI" panose="020B0604030504040204" pitchFamily="50" charset="-128"/>
              <a:ea typeface="Meiryo UI" panose="020B0604030504040204" pitchFamily="50" charset="-128"/>
            </a:endParaRPr>
          </a:p>
        </p:txBody>
      </p:sp>
      <p:sp>
        <p:nvSpPr>
          <p:cNvPr id="6" name="正方形/長方形 5">
            <a:extLst>
              <a:ext uri="{FF2B5EF4-FFF2-40B4-BE49-F238E27FC236}">
                <a16:creationId xmlns:a16="http://schemas.microsoft.com/office/drawing/2014/main" id="{B4A4FA7A-E2C1-95B1-3900-B98904A65B69}"/>
              </a:ext>
            </a:extLst>
          </p:cNvPr>
          <p:cNvSpPr/>
          <p:nvPr/>
        </p:nvSpPr>
        <p:spPr>
          <a:xfrm>
            <a:off x="58170" y="4237850"/>
            <a:ext cx="5300295" cy="830997"/>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ja-JP" altLang="en-US" sz="1600" b="1"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en-US" altLang="ja-JP" sz="1600" b="1"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CWO</a:t>
            </a:r>
            <a:r>
              <a:rPr kumimoji="1" lang="ja-JP" altLang="en-US" sz="1600" b="1"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への是正指示）</a:t>
            </a:r>
            <a:endParaRPr kumimoji="1" lang="en-US" altLang="ja-JP" sz="1600" b="1"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R="0" lvl="0" defTabSz="457200" eaLnBrk="1" fontAlgn="auto" latinLnBrk="0" hangingPunct="1">
              <a:lnSpc>
                <a:spcPct val="100000"/>
              </a:lnSpc>
              <a:spcBef>
                <a:spcPts val="0"/>
              </a:spcBef>
              <a:spcAft>
                <a:spcPts val="0"/>
              </a:spcAft>
              <a:buClrTx/>
              <a:buSzTx/>
              <a:tabLst/>
              <a:defRPr/>
            </a:pPr>
            <a:r>
              <a:rPr kumimoji="1" lang="ja-JP" altLang="en-US" sz="1600" kern="0" dirty="0">
                <a:solidFill>
                  <a:prstClr val="black"/>
                </a:solidFill>
                <a:latin typeface="Meiryo UI" panose="020B0604030504040204" pitchFamily="50" charset="-128"/>
                <a:ea typeface="Meiryo UI" panose="020B0604030504040204" pitchFamily="50" charset="-128"/>
              </a:rPr>
              <a:t>　上記の経過を踏まえ、</a:t>
            </a:r>
            <a:r>
              <a:rPr kumimoji="1" lang="en-US" altLang="ja-JP" sz="1600" kern="0" dirty="0">
                <a:solidFill>
                  <a:prstClr val="black"/>
                </a:solidFill>
                <a:latin typeface="Meiryo UI" panose="020B0604030504040204" pitchFamily="50" charset="-128"/>
                <a:ea typeface="Meiryo UI" panose="020B0604030504040204" pitchFamily="50" charset="-128"/>
              </a:rPr>
              <a:t>CWO</a:t>
            </a:r>
            <a:r>
              <a:rPr kumimoji="1" lang="ja-JP" altLang="en-US" sz="1600" kern="0" dirty="0">
                <a:solidFill>
                  <a:prstClr val="black"/>
                </a:solidFill>
                <a:latin typeface="Meiryo UI" panose="020B0604030504040204" pitchFamily="50" charset="-128"/>
                <a:ea typeface="Meiryo UI" panose="020B0604030504040204" pitchFamily="50" charset="-128"/>
              </a:rPr>
              <a:t>に対して事案に対する是正指示及び原因究明並びに顛末書の提出を書面により指示を行った。</a:t>
            </a:r>
            <a:endParaRPr kumimoji="1" lang="en-US" altLang="ja-JP" sz="1600" kern="0" dirty="0">
              <a:solidFill>
                <a:prstClr val="black"/>
              </a:solidFill>
              <a:latin typeface="Meiryo UI" panose="020B0604030504040204" pitchFamily="50" charset="-128"/>
              <a:ea typeface="Meiryo UI" panose="020B0604030504040204" pitchFamily="50" charset="-128"/>
            </a:endParaRPr>
          </a:p>
        </p:txBody>
      </p:sp>
      <p:pic>
        <p:nvPicPr>
          <p:cNvPr id="10" name="図 9">
            <a:extLst>
              <a:ext uri="{FF2B5EF4-FFF2-40B4-BE49-F238E27FC236}">
                <a16:creationId xmlns:a16="http://schemas.microsoft.com/office/drawing/2014/main" id="{0081A170-7E74-1C6D-6C3C-EA6F0C590C5A}"/>
              </a:ext>
            </a:extLst>
          </p:cNvPr>
          <p:cNvPicPr>
            <a:picLocks noChangeAspect="1"/>
          </p:cNvPicPr>
          <p:nvPr/>
        </p:nvPicPr>
        <p:blipFill>
          <a:blip r:embed="rId3"/>
          <a:srcRect l="3981" t="1155" b="553"/>
          <a:stretch/>
        </p:blipFill>
        <p:spPr>
          <a:xfrm>
            <a:off x="5954078" y="1219784"/>
            <a:ext cx="3183289" cy="5148262"/>
          </a:xfrm>
          <a:prstGeom prst="rect">
            <a:avLst/>
          </a:prstGeom>
        </p:spPr>
      </p:pic>
      <p:sp>
        <p:nvSpPr>
          <p:cNvPr id="11" name="テキスト ボックス 10">
            <a:extLst>
              <a:ext uri="{FF2B5EF4-FFF2-40B4-BE49-F238E27FC236}">
                <a16:creationId xmlns:a16="http://schemas.microsoft.com/office/drawing/2014/main" id="{C4EEC40D-DB98-E193-CEA8-6E168447F8EA}"/>
              </a:ext>
            </a:extLst>
          </p:cNvPr>
          <p:cNvSpPr txBox="1"/>
          <p:nvPr/>
        </p:nvSpPr>
        <p:spPr>
          <a:xfrm>
            <a:off x="6002160" y="6350762"/>
            <a:ext cx="3087127" cy="369332"/>
          </a:xfrm>
          <a:prstGeom prst="rect">
            <a:avLst/>
          </a:prstGeom>
          <a:noFill/>
        </p:spPr>
        <p:txBody>
          <a:bodyPr wrap="square" rtlCol="0">
            <a:spAutoFit/>
          </a:bodyPr>
          <a:lstStyle/>
          <a:p>
            <a:r>
              <a:rPr kumimoji="1" lang="ja-JP" altLang="en-US" u="sng" dirty="0"/>
              <a:t>業務打合せ書（</a:t>
            </a:r>
            <a:r>
              <a:rPr kumimoji="1" lang="en-US" altLang="ja-JP" u="sng" dirty="0"/>
              <a:t>CWO</a:t>
            </a:r>
            <a:r>
              <a:rPr kumimoji="1" lang="ja-JP" altLang="en-US" u="sng" dirty="0"/>
              <a:t>指示）</a:t>
            </a:r>
          </a:p>
        </p:txBody>
      </p:sp>
      <p:sp>
        <p:nvSpPr>
          <p:cNvPr id="9" name="正方形/長方形 8">
            <a:extLst>
              <a:ext uri="{FF2B5EF4-FFF2-40B4-BE49-F238E27FC236}">
                <a16:creationId xmlns:a16="http://schemas.microsoft.com/office/drawing/2014/main" id="{9175940D-2503-0CFF-409E-B98FA83D4AB6}"/>
              </a:ext>
            </a:extLst>
          </p:cNvPr>
          <p:cNvSpPr/>
          <p:nvPr/>
        </p:nvSpPr>
        <p:spPr>
          <a:xfrm>
            <a:off x="58169" y="5290828"/>
            <a:ext cx="5300295" cy="1077218"/>
          </a:xfrm>
          <a:prstGeom prst="rect">
            <a:avLst/>
          </a:prstGeom>
          <a:noFill/>
          <a:ln w="12700" cap="flat" cmpd="sng" algn="ctr">
            <a:noFill/>
            <a:prstDash val="solid"/>
            <a:miter lim="800000"/>
          </a:ln>
          <a:effectLst/>
        </p:spPr>
        <p:txBody>
          <a:bodyPr wrap="square" rtlCol="0" anchor="t">
            <a:spAutoFit/>
          </a:bodyPr>
          <a:lstStyle/>
          <a:p>
            <a:pPr marR="0" lvl="0" defTabSz="457200" eaLnBrk="1" fontAlgn="auto" latinLnBrk="0" hangingPunct="1">
              <a:lnSpc>
                <a:spcPct val="100000"/>
              </a:lnSpc>
              <a:spcBef>
                <a:spcPts val="0"/>
              </a:spcBef>
              <a:spcAft>
                <a:spcPts val="0"/>
              </a:spcAft>
              <a:buClrTx/>
              <a:buSzTx/>
              <a:tabLst/>
              <a:defRPr/>
            </a:pPr>
            <a:r>
              <a:rPr kumimoji="1" lang="ja-JP" altLang="en-US" sz="1600" b="1"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600" b="1" kern="0" dirty="0">
                <a:latin typeface="Meiryo UI" panose="020B0604030504040204" pitchFamily="50" charset="-128"/>
                <a:ea typeface="Meiryo UI" panose="020B0604030504040204" pitchFamily="50" charset="-128"/>
              </a:rPr>
              <a:t>本市側の改善</a:t>
            </a:r>
            <a:r>
              <a:rPr kumimoji="1" lang="ja-JP" altLang="en-US" sz="1600" b="1"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rPr>
              <a:t>）</a:t>
            </a:r>
            <a:endParaRPr kumimoji="1" lang="en-US" altLang="ja-JP" sz="1600" b="1" i="0" u="none" strike="noStrike" kern="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R="0" lvl="0" defTabSz="457200" eaLnBrk="1" fontAlgn="auto" latinLnBrk="0" hangingPunct="1">
              <a:lnSpc>
                <a:spcPct val="100000"/>
              </a:lnSpc>
              <a:spcBef>
                <a:spcPts val="0"/>
              </a:spcBef>
              <a:spcAft>
                <a:spcPts val="0"/>
              </a:spcAft>
              <a:buClrTx/>
              <a:buSzTx/>
              <a:tabLst/>
              <a:defRPr/>
            </a:pPr>
            <a:r>
              <a:rPr kumimoji="1" lang="ja-JP" altLang="en-US" sz="1600" kern="0" dirty="0">
                <a:solidFill>
                  <a:prstClr val="black"/>
                </a:solidFill>
                <a:latin typeface="Meiryo UI" panose="020B0604030504040204" pitchFamily="50" charset="-128"/>
                <a:ea typeface="Meiryo UI" panose="020B0604030504040204" pitchFamily="50" charset="-128"/>
              </a:rPr>
              <a:t>　今後、道路占用に係る申請一連確認についてモニタング項目に入れるように考えているとのこと。</a:t>
            </a:r>
            <a:endParaRPr kumimoji="1" lang="en-US" altLang="ja-JP" sz="1600" kern="0" dirty="0">
              <a:solidFill>
                <a:prstClr val="black"/>
              </a:solidFill>
              <a:latin typeface="Meiryo UI" panose="020B0604030504040204" pitchFamily="50" charset="-128"/>
              <a:ea typeface="Meiryo UI" panose="020B0604030504040204" pitchFamily="50" charset="-128"/>
            </a:endParaRPr>
          </a:p>
          <a:p>
            <a:pPr marR="0" lvl="0" defTabSz="457200" eaLnBrk="1" fontAlgn="auto" latinLnBrk="0" hangingPunct="1">
              <a:lnSpc>
                <a:spcPct val="100000"/>
              </a:lnSpc>
              <a:spcBef>
                <a:spcPts val="0"/>
              </a:spcBef>
              <a:spcAft>
                <a:spcPts val="0"/>
              </a:spcAft>
              <a:buClrTx/>
              <a:buSzTx/>
              <a:tabLst/>
              <a:defRPr/>
            </a:pPr>
            <a:r>
              <a:rPr kumimoji="1" lang="ja-JP" altLang="en-US" sz="1600" kern="0" dirty="0">
                <a:solidFill>
                  <a:prstClr val="black"/>
                </a:solidFill>
                <a:latin typeface="Meiryo UI" panose="020B0604030504040204" pitchFamily="50" charset="-128"/>
                <a:ea typeface="Meiryo UI" panose="020B0604030504040204" pitchFamily="50" charset="-128"/>
              </a:rPr>
              <a:t>　　</a:t>
            </a:r>
            <a:r>
              <a:rPr kumimoji="1" lang="en-US" altLang="ja-JP" sz="1600" kern="0" dirty="0">
                <a:solidFill>
                  <a:prstClr val="black"/>
                </a:solidFill>
                <a:latin typeface="Meiryo UI" panose="020B0604030504040204" pitchFamily="50" charset="-128"/>
                <a:ea typeface="Meiryo UI" panose="020B0604030504040204" pitchFamily="50" charset="-128"/>
              </a:rPr>
              <a:t>※</a:t>
            </a:r>
            <a:r>
              <a:rPr kumimoji="1" lang="ja-JP" altLang="en-US" sz="1600" kern="0" dirty="0">
                <a:solidFill>
                  <a:prstClr val="black"/>
                </a:solidFill>
                <a:latin typeface="Meiryo UI" panose="020B0604030504040204" pitchFamily="50" charset="-128"/>
                <a:ea typeface="Meiryo UI" panose="020B0604030504040204" pitchFamily="50" charset="-128"/>
              </a:rPr>
              <a:t>別の監督部署における取組内容を参照</a:t>
            </a:r>
            <a:endParaRPr kumimoji="1" lang="en-US" altLang="ja-JP" sz="1600" kern="0" dirty="0">
              <a:solidFill>
                <a:prstClr val="black"/>
              </a:solidFill>
              <a:latin typeface="Meiryo UI" panose="020B0604030504040204" pitchFamily="50" charset="-128"/>
              <a:ea typeface="Meiryo UI" panose="020B0604030504040204" pitchFamily="50" charset="-128"/>
            </a:endParaRPr>
          </a:p>
        </p:txBody>
      </p:sp>
      <p:sp>
        <p:nvSpPr>
          <p:cNvPr id="4" name="矢印: 下 3">
            <a:extLst>
              <a:ext uri="{FF2B5EF4-FFF2-40B4-BE49-F238E27FC236}">
                <a16:creationId xmlns:a16="http://schemas.microsoft.com/office/drawing/2014/main" id="{F12909C1-C27A-B12C-8D0F-0CF5F0445104}"/>
              </a:ext>
            </a:extLst>
          </p:cNvPr>
          <p:cNvSpPr/>
          <p:nvPr/>
        </p:nvSpPr>
        <p:spPr>
          <a:xfrm>
            <a:off x="1959286" y="3711102"/>
            <a:ext cx="1498059" cy="184826"/>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39538242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26AB9518-1786-15CE-6418-1A6FCEEE5F60}"/>
              </a:ext>
            </a:extLst>
          </p:cNvPr>
          <p:cNvSpPr>
            <a:spLocks noGrp="1"/>
          </p:cNvSpPr>
          <p:nvPr>
            <p:ph type="sldNum" sz="quarter" idx="12"/>
          </p:nvPr>
        </p:nvSpPr>
        <p:spPr/>
        <p:txBody>
          <a:bodyPr/>
          <a:lstStyle/>
          <a:p>
            <a:fld id="{36EC18DB-A5DF-4E0E-B815-FCD04A2C4B2C}" type="slidenum">
              <a:rPr kumimoji="1" lang="ja-JP" altLang="en-US" smtClean="0"/>
              <a:t>28</a:t>
            </a:fld>
            <a:endParaRPr kumimoji="1" lang="ja-JP" altLang="en-US"/>
          </a:p>
        </p:txBody>
      </p:sp>
      <p:sp>
        <p:nvSpPr>
          <p:cNvPr id="6" name="角丸四角形 18">
            <a:extLst>
              <a:ext uri="{FF2B5EF4-FFF2-40B4-BE49-F238E27FC236}">
                <a16:creationId xmlns:a16="http://schemas.microsoft.com/office/drawing/2014/main" id="{6D0BB49B-584D-536B-D5C4-33BED8B06687}"/>
              </a:ext>
            </a:extLst>
          </p:cNvPr>
          <p:cNvSpPr/>
          <p:nvPr/>
        </p:nvSpPr>
        <p:spPr>
          <a:xfrm>
            <a:off x="72908" y="96839"/>
            <a:ext cx="817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要求水準・評価基準の達成状況（令和７年度上半期）</a:t>
            </a:r>
            <a:endParaRPr lang="en-US" altLang="ja-JP" sz="2275" dirty="0">
              <a:solidFill>
                <a:srgbClr val="FF0000"/>
              </a:solidFill>
              <a:latin typeface="HGPｺﾞｼｯｸE" panose="020B0900000000000000" pitchFamily="50" charset="-128"/>
              <a:ea typeface="HGPｺﾞｼｯｸE" panose="020B0900000000000000" pitchFamily="50" charset="-128"/>
            </a:endParaRPr>
          </a:p>
        </p:txBody>
      </p:sp>
      <p:sp>
        <p:nvSpPr>
          <p:cNvPr id="7" name="Text Box 64">
            <a:extLst>
              <a:ext uri="{FF2B5EF4-FFF2-40B4-BE49-F238E27FC236}">
                <a16:creationId xmlns:a16="http://schemas.microsoft.com/office/drawing/2014/main" id="{78BB1DCD-9CFB-463D-91AC-4BC41D52DEB5}"/>
              </a:ext>
            </a:extLst>
          </p:cNvPr>
          <p:cNvSpPr txBox="1">
            <a:spLocks noChangeArrowheads="1"/>
          </p:cNvSpPr>
          <p:nvPr/>
        </p:nvSpPr>
        <p:spPr bwMode="auto">
          <a:xfrm>
            <a:off x="1" y="642938"/>
            <a:ext cx="9894750" cy="449086"/>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モニタリング結果</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竣工届の未提出について</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pic>
        <p:nvPicPr>
          <p:cNvPr id="62" name="図 61">
            <a:extLst>
              <a:ext uri="{FF2B5EF4-FFF2-40B4-BE49-F238E27FC236}">
                <a16:creationId xmlns:a16="http://schemas.microsoft.com/office/drawing/2014/main" id="{7D3DA75C-7763-AD7B-F519-B6DC075C2FD7}"/>
              </a:ext>
            </a:extLst>
          </p:cNvPr>
          <p:cNvPicPr>
            <a:picLocks noChangeAspect="1"/>
          </p:cNvPicPr>
          <p:nvPr/>
        </p:nvPicPr>
        <p:blipFill>
          <a:blip r:embed="rId3"/>
          <a:stretch>
            <a:fillRect/>
          </a:stretch>
        </p:blipFill>
        <p:spPr>
          <a:xfrm>
            <a:off x="5348076" y="1272308"/>
            <a:ext cx="3467100" cy="5263120"/>
          </a:xfrm>
          <a:prstGeom prst="rect">
            <a:avLst/>
          </a:prstGeom>
        </p:spPr>
      </p:pic>
      <p:pic>
        <p:nvPicPr>
          <p:cNvPr id="64" name="図 63">
            <a:extLst>
              <a:ext uri="{FF2B5EF4-FFF2-40B4-BE49-F238E27FC236}">
                <a16:creationId xmlns:a16="http://schemas.microsoft.com/office/drawing/2014/main" id="{58C56B77-34F3-6421-03F6-A2D0A43ED921}"/>
              </a:ext>
            </a:extLst>
          </p:cNvPr>
          <p:cNvPicPr>
            <a:picLocks noChangeAspect="1"/>
          </p:cNvPicPr>
          <p:nvPr/>
        </p:nvPicPr>
        <p:blipFill>
          <a:blip r:embed="rId4"/>
          <a:stretch>
            <a:fillRect/>
          </a:stretch>
        </p:blipFill>
        <p:spPr>
          <a:xfrm>
            <a:off x="1151875" y="1257300"/>
            <a:ext cx="3795501" cy="5220239"/>
          </a:xfrm>
          <a:prstGeom prst="rect">
            <a:avLst/>
          </a:prstGeom>
        </p:spPr>
      </p:pic>
      <p:sp>
        <p:nvSpPr>
          <p:cNvPr id="65" name="テキスト ボックス 64">
            <a:extLst>
              <a:ext uri="{FF2B5EF4-FFF2-40B4-BE49-F238E27FC236}">
                <a16:creationId xmlns:a16="http://schemas.microsoft.com/office/drawing/2014/main" id="{41A70039-6F48-BB9F-A5A0-F6B4CA4C2FBF}"/>
              </a:ext>
            </a:extLst>
          </p:cNvPr>
          <p:cNvSpPr txBox="1"/>
          <p:nvPr/>
        </p:nvSpPr>
        <p:spPr>
          <a:xfrm>
            <a:off x="2275758" y="6479645"/>
            <a:ext cx="3087127" cy="307777"/>
          </a:xfrm>
          <a:prstGeom prst="rect">
            <a:avLst/>
          </a:prstGeom>
          <a:noFill/>
        </p:spPr>
        <p:txBody>
          <a:bodyPr wrap="square" rtlCol="0">
            <a:spAutoFit/>
          </a:bodyPr>
          <a:lstStyle/>
          <a:p>
            <a:r>
              <a:rPr kumimoji="1" lang="ja-JP" altLang="en-US" sz="1400" u="sng" dirty="0"/>
              <a:t>申請～許可取得まで</a:t>
            </a:r>
          </a:p>
        </p:txBody>
      </p:sp>
      <p:sp>
        <p:nvSpPr>
          <p:cNvPr id="66" name="テキスト ボックス 65">
            <a:extLst>
              <a:ext uri="{FF2B5EF4-FFF2-40B4-BE49-F238E27FC236}">
                <a16:creationId xmlns:a16="http://schemas.microsoft.com/office/drawing/2014/main" id="{8CBD376A-9681-0DDF-9A79-9E61E84EF4C8}"/>
              </a:ext>
            </a:extLst>
          </p:cNvPr>
          <p:cNvSpPr txBox="1"/>
          <p:nvPr/>
        </p:nvSpPr>
        <p:spPr>
          <a:xfrm>
            <a:off x="6094550" y="6500812"/>
            <a:ext cx="3087127" cy="307777"/>
          </a:xfrm>
          <a:prstGeom prst="rect">
            <a:avLst/>
          </a:prstGeom>
          <a:noFill/>
        </p:spPr>
        <p:txBody>
          <a:bodyPr wrap="square" rtlCol="0">
            <a:spAutoFit/>
          </a:bodyPr>
          <a:lstStyle/>
          <a:p>
            <a:r>
              <a:rPr kumimoji="1" lang="ja-JP" altLang="en-US" sz="1400" u="sng" dirty="0"/>
              <a:t>許可取得～工事完了まで</a:t>
            </a:r>
          </a:p>
        </p:txBody>
      </p:sp>
      <p:sp>
        <p:nvSpPr>
          <p:cNvPr id="67" name="テキスト ボックス 66">
            <a:extLst>
              <a:ext uri="{FF2B5EF4-FFF2-40B4-BE49-F238E27FC236}">
                <a16:creationId xmlns:a16="http://schemas.microsoft.com/office/drawing/2014/main" id="{433C7491-09B0-572D-AEA1-9C210943EDE5}"/>
              </a:ext>
            </a:extLst>
          </p:cNvPr>
          <p:cNvSpPr txBox="1"/>
          <p:nvPr/>
        </p:nvSpPr>
        <p:spPr>
          <a:xfrm>
            <a:off x="13018" y="1138534"/>
            <a:ext cx="1363957" cy="307777"/>
          </a:xfrm>
          <a:prstGeom prst="rect">
            <a:avLst/>
          </a:prstGeom>
          <a:noFill/>
        </p:spPr>
        <p:txBody>
          <a:bodyPr wrap="square" rtlCol="0">
            <a:spAutoFit/>
          </a:bodyPr>
          <a:lstStyle/>
          <a:p>
            <a:r>
              <a:rPr kumimoji="1" lang="ja-JP" altLang="en-US" sz="1400" dirty="0"/>
              <a:t>（フロー図）</a:t>
            </a:r>
          </a:p>
        </p:txBody>
      </p:sp>
      <p:sp>
        <p:nvSpPr>
          <p:cNvPr id="2" name="正方形/長方形 1">
            <a:extLst>
              <a:ext uri="{FF2B5EF4-FFF2-40B4-BE49-F238E27FC236}">
                <a16:creationId xmlns:a16="http://schemas.microsoft.com/office/drawing/2014/main" id="{67A25207-8D49-B7E1-8617-D8F2A5BB02BF}"/>
              </a:ext>
            </a:extLst>
          </p:cNvPr>
          <p:cNvSpPr/>
          <p:nvPr/>
        </p:nvSpPr>
        <p:spPr>
          <a:xfrm>
            <a:off x="6678386" y="5932714"/>
            <a:ext cx="810985" cy="294937"/>
          </a:xfrm>
          <a:prstGeom prst="rect">
            <a:avLst/>
          </a:prstGeom>
          <a:solidFill>
            <a:srgbClr val="FF0000">
              <a:alpha val="17000"/>
            </a:srgb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974940219"/>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01E5BB85-F7AE-693E-7AF5-24306F626297}"/>
              </a:ext>
            </a:extLst>
          </p:cNvPr>
          <p:cNvSpPr>
            <a:spLocks noGrp="1"/>
          </p:cNvSpPr>
          <p:nvPr>
            <p:ph type="ctrTitle"/>
          </p:nvPr>
        </p:nvSpPr>
        <p:spPr>
          <a:xfrm>
            <a:off x="815340" y="1660736"/>
            <a:ext cx="8275320" cy="2275823"/>
          </a:xfrm>
        </p:spPr>
        <p:txBody>
          <a:bodyPr anchor="ctr">
            <a:normAutofit/>
          </a:bodyPr>
          <a:lstStyle/>
          <a:p>
            <a:pPr>
              <a:lnSpc>
                <a:spcPct val="100000"/>
              </a:lnSpc>
            </a:pPr>
            <a:r>
              <a:rPr lang="ja-JP" altLang="en-US" sz="3200" b="1" dirty="0">
                <a:latin typeface="+mn-ea"/>
                <a:ea typeface="+mn-ea"/>
              </a:rPr>
              <a:t>包括委託に関連する第三者事故発生状況</a:t>
            </a:r>
            <a:br>
              <a:rPr lang="en-US" altLang="ja-JP" sz="3200" b="1" dirty="0">
                <a:latin typeface="+mn-ea"/>
                <a:ea typeface="+mn-ea"/>
              </a:rPr>
            </a:br>
            <a:br>
              <a:rPr lang="en-US" altLang="ja-JP" sz="3200" b="1" dirty="0">
                <a:latin typeface="+mn-ea"/>
                <a:ea typeface="+mn-ea"/>
              </a:rPr>
            </a:br>
            <a:r>
              <a:rPr lang="ja-JP" altLang="en-US" sz="3200" b="1" dirty="0">
                <a:latin typeface="+mn-ea"/>
                <a:ea typeface="+mn-ea"/>
              </a:rPr>
              <a:t>（令和７年度上半期）</a:t>
            </a:r>
            <a:endParaRPr lang="ja-JP" altLang="en-US" sz="2800" b="1" dirty="0">
              <a:latin typeface="+mn-ea"/>
              <a:ea typeface="+mn-ea"/>
            </a:endParaRPr>
          </a:p>
        </p:txBody>
      </p:sp>
      <p:sp>
        <p:nvSpPr>
          <p:cNvPr id="4" name="スライド番号プレースホルダー 3">
            <a:extLst>
              <a:ext uri="{FF2B5EF4-FFF2-40B4-BE49-F238E27FC236}">
                <a16:creationId xmlns:a16="http://schemas.microsoft.com/office/drawing/2014/main" id="{B7D9E987-737F-1AC1-765B-7F5893106147}"/>
              </a:ext>
            </a:extLst>
          </p:cNvPr>
          <p:cNvSpPr>
            <a:spLocks noGrp="1"/>
          </p:cNvSpPr>
          <p:nvPr>
            <p:ph type="sldNum" sz="quarter" idx="12"/>
          </p:nvPr>
        </p:nvSpPr>
        <p:spPr/>
        <p:txBody>
          <a:bodyPr/>
          <a:lstStyle/>
          <a:p>
            <a:pPr defTabSz="422041"/>
            <a:fld id="{36EC18DB-A5DF-4E0E-B815-FCD04A2C4B2C}" type="slidenum">
              <a:rPr lang="ja-JP" altLang="en-US">
                <a:solidFill>
                  <a:prstClr val="black"/>
                </a:solidFill>
                <a:latin typeface="Segoe UI"/>
                <a:ea typeface="Meiryo UI"/>
              </a:rPr>
              <a:pPr defTabSz="422041"/>
              <a:t>29</a:t>
            </a:fld>
            <a:endParaRPr lang="ja-JP" altLang="en-US">
              <a:solidFill>
                <a:prstClr val="black"/>
              </a:solidFill>
              <a:latin typeface="Segoe UI"/>
              <a:ea typeface="Meiryo UI"/>
            </a:endParaRPr>
          </a:p>
        </p:txBody>
      </p:sp>
      <p:sp>
        <p:nvSpPr>
          <p:cNvPr id="6" name="字幕 2">
            <a:extLst>
              <a:ext uri="{FF2B5EF4-FFF2-40B4-BE49-F238E27FC236}">
                <a16:creationId xmlns:a16="http://schemas.microsoft.com/office/drawing/2014/main" id="{96270C89-EC2F-B404-17F1-7ED2E0291307}"/>
              </a:ext>
            </a:extLst>
          </p:cNvPr>
          <p:cNvSpPr txBox="1">
            <a:spLocks/>
          </p:cNvSpPr>
          <p:nvPr/>
        </p:nvSpPr>
        <p:spPr>
          <a:xfrm>
            <a:off x="261170" y="353233"/>
            <a:ext cx="4988562" cy="895859"/>
          </a:xfrm>
          <a:prstGeom prst="rect">
            <a:avLst/>
          </a:prstGeom>
        </p:spPr>
        <p:txBody>
          <a:bodyPr vert="horz" lIns="91440" tIns="45720" rIns="91440" bIns="45720" rtlCol="0">
            <a:normAutofit/>
          </a:bodyPr>
          <a:lstStyle>
            <a:lvl1pPr marL="0" indent="0" algn="ctr"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kumimoji="1"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kumimoji="1"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9pPr>
          </a:lstStyle>
          <a:p>
            <a:pPr algn="l"/>
            <a:r>
              <a:rPr lang="en-US" altLang="ja-JP" dirty="0"/>
              <a:t>【</a:t>
            </a:r>
            <a:r>
              <a:rPr lang="ja-JP" altLang="en-US" dirty="0"/>
              <a:t>議題３</a:t>
            </a:r>
            <a:r>
              <a:rPr lang="en-US" altLang="ja-JP" dirty="0"/>
              <a:t>-</a:t>
            </a:r>
            <a:r>
              <a:rPr lang="ja-JP" altLang="en-US" dirty="0"/>
              <a:t>２</a:t>
            </a:r>
            <a:r>
              <a:rPr lang="en-US" altLang="ja-JP" dirty="0"/>
              <a:t>】</a:t>
            </a:r>
          </a:p>
        </p:txBody>
      </p:sp>
    </p:spTree>
    <p:extLst>
      <p:ext uri="{BB962C8B-B14F-4D97-AF65-F5344CB8AC3E}">
        <p14:creationId xmlns:p14="http://schemas.microsoft.com/office/powerpoint/2010/main" val="299726134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502D35BA-3597-C82A-A70A-893A1CA9CD49}"/>
              </a:ext>
            </a:extLst>
          </p:cNvPr>
          <p:cNvSpPr>
            <a:spLocks noGrp="1"/>
          </p:cNvSpPr>
          <p:nvPr>
            <p:ph type="ctrTitle"/>
          </p:nvPr>
        </p:nvSpPr>
        <p:spPr>
          <a:xfrm>
            <a:off x="742950" y="1882587"/>
            <a:ext cx="8420100" cy="1931767"/>
          </a:xfrm>
        </p:spPr>
        <p:txBody>
          <a:bodyPr>
            <a:normAutofit/>
          </a:bodyPr>
          <a:lstStyle/>
          <a:p>
            <a:pPr>
              <a:lnSpc>
                <a:spcPct val="100000"/>
              </a:lnSpc>
            </a:pPr>
            <a:r>
              <a:rPr kumimoji="1" lang="ja-JP" altLang="en-US" sz="3200" b="1" dirty="0"/>
              <a:t>大阪市下水道施設維持管理審議会の</a:t>
            </a:r>
            <a:br>
              <a:rPr kumimoji="1" lang="en-US" altLang="ja-JP" sz="3200" b="1" dirty="0"/>
            </a:br>
            <a:r>
              <a:rPr kumimoji="1" lang="ja-JP" altLang="en-US" sz="1400" b="1" dirty="0"/>
              <a:t>　</a:t>
            </a:r>
            <a:br>
              <a:rPr kumimoji="1" lang="en-US" altLang="ja-JP" sz="3200" b="1" dirty="0"/>
            </a:br>
            <a:r>
              <a:rPr kumimoji="1" lang="ja-JP" altLang="en-US" sz="3200" b="1" dirty="0"/>
              <a:t>スケジュールについて</a:t>
            </a:r>
          </a:p>
        </p:txBody>
      </p:sp>
      <p:sp>
        <p:nvSpPr>
          <p:cNvPr id="5" name="スライド番号プレースホルダー 4">
            <a:extLst>
              <a:ext uri="{FF2B5EF4-FFF2-40B4-BE49-F238E27FC236}">
                <a16:creationId xmlns:a16="http://schemas.microsoft.com/office/drawing/2014/main" id="{D88015CF-A9F8-EF8B-B82A-50FE39CCBE52}"/>
              </a:ext>
            </a:extLst>
          </p:cNvPr>
          <p:cNvSpPr>
            <a:spLocks noGrp="1"/>
          </p:cNvSpPr>
          <p:nvPr>
            <p:ph type="sldNum" sz="quarter" idx="12"/>
          </p:nvPr>
        </p:nvSpPr>
        <p:spPr/>
        <p:txBody>
          <a:bodyPr/>
          <a:lstStyle/>
          <a:p>
            <a:fld id="{36EC18DB-A5DF-4E0E-B815-FCD04A2C4B2C}" type="slidenum">
              <a:rPr kumimoji="1" lang="ja-JP" altLang="en-US" smtClean="0"/>
              <a:t>3</a:t>
            </a:fld>
            <a:endParaRPr kumimoji="1" lang="ja-JP" altLang="en-US"/>
          </a:p>
        </p:txBody>
      </p:sp>
      <p:sp>
        <p:nvSpPr>
          <p:cNvPr id="4" name="字幕 2">
            <a:extLst>
              <a:ext uri="{FF2B5EF4-FFF2-40B4-BE49-F238E27FC236}">
                <a16:creationId xmlns:a16="http://schemas.microsoft.com/office/drawing/2014/main" id="{56D61EF7-6D64-92F0-4B32-DBCF89B723C4}"/>
              </a:ext>
            </a:extLst>
          </p:cNvPr>
          <p:cNvSpPr txBox="1">
            <a:spLocks/>
          </p:cNvSpPr>
          <p:nvPr/>
        </p:nvSpPr>
        <p:spPr>
          <a:xfrm>
            <a:off x="99806" y="395059"/>
            <a:ext cx="2007290" cy="394145"/>
          </a:xfrm>
          <a:prstGeom prst="rect">
            <a:avLst/>
          </a:prstGeom>
        </p:spPr>
        <p:txBody>
          <a:bodyPr vert="horz" lIns="91440" tIns="45720" rIns="91440" bIns="45720" rtlCol="0">
            <a:normAutofit lnSpcReduction="10000"/>
          </a:bodyPr>
          <a:lstStyle>
            <a:lvl1pPr marL="0" indent="0" algn="ctr"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kumimoji="1"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kumimoji="1"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9pPr>
          </a:lstStyle>
          <a:p>
            <a:r>
              <a:rPr lang="en-US" altLang="ja-JP" dirty="0"/>
              <a:t>【</a:t>
            </a:r>
            <a:r>
              <a:rPr lang="ja-JP" altLang="en-US" dirty="0"/>
              <a:t>議題１</a:t>
            </a:r>
            <a:r>
              <a:rPr lang="en-US" altLang="ja-JP" dirty="0"/>
              <a:t>】</a:t>
            </a:r>
          </a:p>
        </p:txBody>
      </p:sp>
    </p:spTree>
    <p:extLst>
      <p:ext uri="{BB962C8B-B14F-4D97-AF65-F5344CB8AC3E}">
        <p14:creationId xmlns:p14="http://schemas.microsoft.com/office/powerpoint/2010/main" val="3517204815"/>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4110301061"/>
              </p:ext>
            </p:extLst>
          </p:nvPr>
        </p:nvGraphicFramePr>
        <p:xfrm>
          <a:off x="84180" y="3801842"/>
          <a:ext cx="9726389" cy="2725163"/>
        </p:xfrm>
        <a:graphic>
          <a:graphicData uri="http://schemas.openxmlformats.org/drawingml/2006/table">
            <a:tbl>
              <a:tblPr firstRow="1" bandRow="1">
                <a:tableStyleId>{5C22544A-7EE6-4342-B048-85BDC9FD1C3A}</a:tableStyleId>
              </a:tblPr>
              <a:tblGrid>
                <a:gridCol w="3731373">
                  <a:extLst>
                    <a:ext uri="{9D8B030D-6E8A-4147-A177-3AD203B41FA5}">
                      <a16:colId xmlns:a16="http://schemas.microsoft.com/office/drawing/2014/main" val="3223534367"/>
                    </a:ext>
                  </a:extLst>
                </a:gridCol>
                <a:gridCol w="981036">
                  <a:extLst>
                    <a:ext uri="{9D8B030D-6E8A-4147-A177-3AD203B41FA5}">
                      <a16:colId xmlns:a16="http://schemas.microsoft.com/office/drawing/2014/main" val="4268151992"/>
                    </a:ext>
                  </a:extLst>
                </a:gridCol>
                <a:gridCol w="1540043">
                  <a:extLst>
                    <a:ext uri="{9D8B030D-6E8A-4147-A177-3AD203B41FA5}">
                      <a16:colId xmlns:a16="http://schemas.microsoft.com/office/drawing/2014/main" val="2405107700"/>
                    </a:ext>
                  </a:extLst>
                </a:gridCol>
                <a:gridCol w="3473937">
                  <a:extLst>
                    <a:ext uri="{9D8B030D-6E8A-4147-A177-3AD203B41FA5}">
                      <a16:colId xmlns:a16="http://schemas.microsoft.com/office/drawing/2014/main" val="2823719571"/>
                    </a:ext>
                  </a:extLst>
                </a:gridCol>
              </a:tblGrid>
              <a:tr h="616406">
                <a:tc>
                  <a:txBody>
                    <a:bodyPr/>
                    <a:lstStyle/>
                    <a:p>
                      <a:pPr algn="ctr"/>
                      <a:r>
                        <a:rPr kumimoji="1" lang="ja-JP" altLang="en-US" sz="1600" dirty="0">
                          <a:solidFill>
                            <a:schemeClr val="bg1"/>
                          </a:solidFill>
                        </a:rPr>
                        <a:t>事故の程度判定</a:t>
                      </a:r>
                    </a:p>
                  </a:txBody>
                  <a:tcPr anchor="ctr"/>
                </a:tc>
                <a:tc>
                  <a:txBody>
                    <a:bodyPr/>
                    <a:lstStyle/>
                    <a:p>
                      <a:pPr algn="ctr"/>
                      <a:r>
                        <a:rPr kumimoji="1" lang="ja-JP" altLang="en-US" sz="1600" dirty="0">
                          <a:solidFill>
                            <a:schemeClr val="bg1"/>
                          </a:solidFill>
                        </a:rPr>
                        <a:t>事故の</a:t>
                      </a:r>
                      <a:endParaRPr kumimoji="1" lang="en-US" altLang="ja-JP" sz="1600" dirty="0">
                        <a:solidFill>
                          <a:schemeClr val="bg1"/>
                        </a:solidFill>
                      </a:endParaRPr>
                    </a:p>
                    <a:p>
                      <a:pPr algn="ctr"/>
                      <a:r>
                        <a:rPr kumimoji="1" lang="ja-JP" altLang="en-US" sz="1600" dirty="0">
                          <a:solidFill>
                            <a:schemeClr val="bg1"/>
                          </a:solidFill>
                        </a:rPr>
                        <a:t>程度</a:t>
                      </a:r>
                    </a:p>
                  </a:txBody>
                  <a:tcPr anchor="ctr"/>
                </a:tc>
                <a:tc>
                  <a:txBody>
                    <a:bodyPr/>
                    <a:lstStyle/>
                    <a:p>
                      <a:pPr algn="ctr"/>
                      <a:r>
                        <a:rPr kumimoji="1" lang="en-US" altLang="ja-JP" sz="1600" dirty="0">
                          <a:solidFill>
                            <a:schemeClr val="bg1"/>
                          </a:solidFill>
                        </a:rPr>
                        <a:t>R7</a:t>
                      </a:r>
                      <a:r>
                        <a:rPr kumimoji="1" lang="ja-JP" altLang="en-US" sz="1600" dirty="0">
                          <a:solidFill>
                            <a:schemeClr val="bg1"/>
                          </a:solidFill>
                        </a:rPr>
                        <a:t>年度　　　　上半期件数</a:t>
                      </a:r>
                    </a:p>
                  </a:txBody>
                  <a:tcPr anchor="ctr"/>
                </a:tc>
                <a:tc>
                  <a:txBody>
                    <a:bodyPr/>
                    <a:lstStyle/>
                    <a:p>
                      <a:pPr algn="ctr"/>
                      <a:r>
                        <a:rPr kumimoji="1" lang="ja-JP" altLang="en-US" sz="1600" dirty="0">
                          <a:solidFill>
                            <a:schemeClr val="bg1"/>
                          </a:solidFill>
                        </a:rPr>
                        <a:t>措置内容</a:t>
                      </a:r>
                    </a:p>
                  </a:txBody>
                  <a:tcPr anchor="ctr"/>
                </a:tc>
                <a:extLst>
                  <a:ext uri="{0D108BD9-81ED-4DB2-BD59-A6C34878D82A}">
                    <a16:rowId xmlns:a16="http://schemas.microsoft.com/office/drawing/2014/main" val="2338681098"/>
                  </a:ext>
                </a:extLst>
              </a:tr>
              <a:tr h="616406">
                <a:tc>
                  <a:txBody>
                    <a:bodyPr/>
                    <a:lstStyle/>
                    <a:p>
                      <a:r>
                        <a:rPr kumimoji="1" lang="ja-JP" altLang="en-US" sz="1600" dirty="0"/>
                        <a:t>要求水準未達</a:t>
                      </a:r>
                    </a:p>
                  </a:txBody>
                  <a:tcPr/>
                </a:tc>
                <a:tc>
                  <a:txBody>
                    <a:bodyPr/>
                    <a:lstStyle/>
                    <a:p>
                      <a:pPr algn="ctr"/>
                      <a:r>
                        <a:rPr kumimoji="1" lang="ja-JP" altLang="en-US" sz="1600" dirty="0"/>
                        <a:t>大</a:t>
                      </a:r>
                    </a:p>
                  </a:txBody>
                  <a:tcPr anchor="ctr"/>
                </a:tc>
                <a:tc>
                  <a:txBody>
                    <a:bodyPr/>
                    <a:lstStyle/>
                    <a:p>
                      <a:pPr algn="ctr"/>
                      <a:r>
                        <a:rPr kumimoji="1" lang="ja-JP" altLang="en-US" sz="1600" dirty="0"/>
                        <a:t>０件</a:t>
                      </a:r>
                    </a:p>
                  </a:txBody>
                  <a:tcPr anchor="ctr"/>
                </a:tc>
                <a:tc>
                  <a:txBody>
                    <a:bodyPr/>
                    <a:lstStyle/>
                    <a:p>
                      <a:pPr algn="l"/>
                      <a:r>
                        <a:rPr kumimoji="1" lang="ja-JP" altLang="en-US" sz="1600" dirty="0"/>
                        <a:t>損害金・違約金の請求や、当該事象に対する是正を求める。</a:t>
                      </a:r>
                    </a:p>
                  </a:txBody>
                  <a:tcPr anchor="ctr"/>
                </a:tc>
                <a:extLst>
                  <a:ext uri="{0D108BD9-81ED-4DB2-BD59-A6C34878D82A}">
                    <a16:rowId xmlns:a16="http://schemas.microsoft.com/office/drawing/2014/main" val="1515162389"/>
                  </a:ext>
                </a:extLst>
              </a:tr>
              <a:tr h="875945">
                <a:tc>
                  <a:txBody>
                    <a:bodyPr/>
                    <a:lstStyle/>
                    <a:p>
                      <a:r>
                        <a:rPr kumimoji="1" lang="ja-JP" altLang="en-US" sz="1600" dirty="0"/>
                        <a:t>一般規定に抵触（ペナルティーポイント有）</a:t>
                      </a:r>
                      <a:endParaRPr kumimoji="1" lang="en-US" altLang="ja-JP" sz="1600" dirty="0"/>
                    </a:p>
                  </a:txBody>
                  <a:tcPr/>
                </a:tc>
                <a:tc>
                  <a:txBody>
                    <a:bodyPr/>
                    <a:lstStyle/>
                    <a:p>
                      <a:pPr algn="ctr"/>
                      <a:r>
                        <a:rPr kumimoji="1" lang="ja-JP" altLang="en-US" sz="1600" dirty="0"/>
                        <a:t>中</a:t>
                      </a:r>
                    </a:p>
                  </a:txBody>
                  <a:tcPr anchor="ctr"/>
                </a:tc>
                <a:tc>
                  <a:txBody>
                    <a:bodyPr/>
                    <a:lstStyle/>
                    <a:p>
                      <a:pPr algn="ctr"/>
                      <a:r>
                        <a:rPr kumimoji="1" lang="ja-JP" altLang="en-US" sz="1600" dirty="0"/>
                        <a:t>０件</a:t>
                      </a:r>
                    </a:p>
                  </a:txBody>
                  <a:tcPr anchor="ctr"/>
                </a:tc>
                <a:tc>
                  <a:txBody>
                    <a:bodyPr/>
                    <a:lstStyle/>
                    <a:p>
                      <a:pPr algn="l"/>
                      <a:r>
                        <a:rPr kumimoji="1" lang="ja-JP" altLang="en-US" sz="1600" b="0" kern="100" dirty="0">
                          <a:solidFill>
                            <a:schemeClr val="tx1"/>
                          </a:solidFill>
                          <a:effectLst/>
                          <a:latin typeface="+mn-lt"/>
                          <a:ea typeface="+mn-ea"/>
                          <a:cs typeface="+mn-cs"/>
                        </a:rPr>
                        <a:t>是正計画書の提出や、第三者委員会設置による調査・検討と外部講師等を招いた社内研修の実施を求める。</a:t>
                      </a:r>
                      <a:endParaRPr kumimoji="1" lang="en-US" altLang="ja-JP" sz="1600" b="0" kern="100" dirty="0">
                        <a:solidFill>
                          <a:schemeClr val="tx1"/>
                        </a:solidFill>
                        <a:effectLst/>
                        <a:latin typeface="+mn-lt"/>
                        <a:ea typeface="+mn-ea"/>
                        <a:cs typeface="+mn-cs"/>
                      </a:endParaRPr>
                    </a:p>
                  </a:txBody>
                  <a:tcPr anchor="ctr"/>
                </a:tc>
                <a:extLst>
                  <a:ext uri="{0D108BD9-81ED-4DB2-BD59-A6C34878D82A}">
                    <a16:rowId xmlns:a16="http://schemas.microsoft.com/office/drawing/2014/main" val="2620783881"/>
                  </a:ext>
                </a:extLst>
              </a:tr>
              <a:tr h="616406">
                <a:tc>
                  <a:txBody>
                    <a:bodyPr/>
                    <a:lstStyle/>
                    <a:p>
                      <a:r>
                        <a:rPr kumimoji="1" lang="ja-JP" altLang="en-US" sz="1600" dirty="0"/>
                        <a:t>一般規定に抵触（ペナルティーポイント無）</a:t>
                      </a:r>
                      <a:endParaRPr kumimoji="1" lang="en-US" altLang="ja-JP" sz="1600" dirty="0"/>
                    </a:p>
                    <a:p>
                      <a:r>
                        <a:rPr kumimoji="1" lang="ja-JP" altLang="en-US" sz="1600" dirty="0"/>
                        <a:t>一般規定に抵触なし</a:t>
                      </a:r>
                    </a:p>
                  </a:txBody>
                  <a:tcPr/>
                </a:tc>
                <a:tc>
                  <a:txBody>
                    <a:bodyPr/>
                    <a:lstStyle/>
                    <a:p>
                      <a:pPr algn="ctr"/>
                      <a:r>
                        <a:rPr kumimoji="1" lang="ja-JP" altLang="en-US" sz="1600" dirty="0"/>
                        <a:t>小</a:t>
                      </a:r>
                    </a:p>
                  </a:txBody>
                  <a:tcPr anchor="ctr"/>
                </a:tc>
                <a:tc>
                  <a:txBody>
                    <a:bodyPr/>
                    <a:lstStyle/>
                    <a:p>
                      <a:pPr algn="ctr"/>
                      <a:r>
                        <a:rPr kumimoji="1" lang="en-US" altLang="ja-JP" sz="1600" dirty="0">
                          <a:solidFill>
                            <a:srgbClr val="FF0000"/>
                          </a:solidFill>
                        </a:rPr>
                        <a:t>8</a:t>
                      </a:r>
                      <a:r>
                        <a:rPr kumimoji="1" lang="ja-JP" altLang="en-US" sz="1600" dirty="0">
                          <a:solidFill>
                            <a:srgbClr val="FF0000"/>
                          </a:solidFill>
                        </a:rPr>
                        <a:t>件 </a:t>
                      </a:r>
                      <a:r>
                        <a:rPr kumimoji="1" lang="en-US" altLang="ja-JP" sz="1600" dirty="0"/>
                        <a:t>※</a:t>
                      </a:r>
                    </a:p>
                    <a:p>
                      <a:pPr algn="ctr"/>
                      <a:r>
                        <a:rPr kumimoji="1" lang="ja-JP" altLang="en-US" sz="1600" dirty="0"/>
                        <a:t>（</a:t>
                      </a:r>
                      <a:r>
                        <a:rPr kumimoji="1" lang="en-US" altLang="ja-JP" sz="1600" dirty="0"/>
                        <a:t>R6</a:t>
                      </a:r>
                      <a:r>
                        <a:rPr kumimoji="1" lang="ja-JP" altLang="en-US" sz="1600" dirty="0"/>
                        <a:t>：</a:t>
                      </a:r>
                      <a:r>
                        <a:rPr kumimoji="1" lang="en-US" altLang="ja-JP" sz="1600" dirty="0"/>
                        <a:t>5</a:t>
                      </a:r>
                      <a:r>
                        <a:rPr kumimoji="1" lang="ja-JP" altLang="en-US" sz="1600" dirty="0"/>
                        <a:t>件）</a:t>
                      </a:r>
                    </a:p>
                  </a:txBody>
                  <a:tcPr anchor="ctr"/>
                </a:tc>
                <a:tc>
                  <a:txBody>
                    <a:bodyPr/>
                    <a:lstStyle/>
                    <a:p>
                      <a:pPr algn="l"/>
                      <a:r>
                        <a:rPr kumimoji="1" lang="ja-JP" altLang="en-US" sz="1600" dirty="0"/>
                        <a:t>必要に応じて自主改善する。</a:t>
                      </a:r>
                    </a:p>
                  </a:txBody>
                  <a:tcPr anchor="ctr"/>
                </a:tc>
                <a:extLst>
                  <a:ext uri="{0D108BD9-81ED-4DB2-BD59-A6C34878D82A}">
                    <a16:rowId xmlns:a16="http://schemas.microsoft.com/office/drawing/2014/main" val="3481660169"/>
                  </a:ext>
                </a:extLst>
              </a:tr>
            </a:tbl>
          </a:graphicData>
        </a:graphic>
      </p:graphicFrame>
      <p:sp>
        <p:nvSpPr>
          <p:cNvPr id="5"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marL="195263" marR="0" lvl="0" indent="-195263" algn="l" defTabSz="1366838" rtl="0" eaLnBrk="1" fontAlgn="auto" latinLnBrk="0" hangingPunct="1">
              <a:lnSpc>
                <a:spcPct val="100000"/>
              </a:lnSpc>
              <a:spcBef>
                <a:spcPct val="0"/>
              </a:spcBef>
              <a:spcAft>
                <a:spcPts val="0"/>
              </a:spcAft>
              <a:buClrTx/>
              <a:buSzTx/>
              <a:buFont typeface="Arial" panose="020B0604020202020204" pitchFamily="34" charset="0"/>
              <a:buNone/>
              <a:tabLst/>
              <a:defRPr/>
            </a:pPr>
            <a:r>
              <a:rPr kumimoji="1" lang="en-US" altLang="ja-JP" sz="1950" b="0" i="0" u="none" strike="noStrike" kern="1200" cap="none" spc="0" normalizeH="0" baseline="0" noProof="0" dirty="0">
                <a:ln>
                  <a:noFill/>
                </a:ln>
                <a:solidFill>
                  <a:prstClr val="white"/>
                </a:solidFill>
                <a:effectLst/>
                <a:uLnTx/>
                <a:uFillTx/>
                <a:latin typeface="HGP創英角ｺﾞｼｯｸUB" panose="020B0900000000000000" pitchFamily="50" charset="-128"/>
                <a:ea typeface="HGP創英角ｺﾞｼｯｸUB" panose="020B0900000000000000" pitchFamily="50" charset="-128"/>
                <a:cs typeface="+mn-cs"/>
              </a:rPr>
              <a:t>【</a:t>
            </a:r>
            <a:r>
              <a:rPr kumimoji="1" lang="ja-JP" altLang="en-US" sz="1950" b="0" i="0" u="none" strike="noStrike" kern="1200" cap="none" spc="0" normalizeH="0" baseline="0" noProof="0" dirty="0">
                <a:ln>
                  <a:noFill/>
                </a:ln>
                <a:solidFill>
                  <a:prstClr val="white"/>
                </a:solidFill>
                <a:effectLst/>
                <a:uLnTx/>
                <a:uFillTx/>
                <a:latin typeface="HGP創英角ｺﾞｼｯｸUB" panose="020B0900000000000000" pitchFamily="50" charset="-128"/>
                <a:ea typeface="HGP創英角ｺﾞｼｯｸUB" panose="020B0900000000000000" pitchFamily="50" charset="-128"/>
                <a:cs typeface="+mn-cs"/>
              </a:rPr>
              <a:t>事故の程度</a:t>
            </a:r>
            <a:r>
              <a:rPr kumimoji="1" lang="en-US" altLang="ja-JP" sz="1950" b="0" i="0" u="none" strike="noStrike" kern="1200" cap="none" spc="0" normalizeH="0" baseline="0" noProof="0" dirty="0">
                <a:ln>
                  <a:noFill/>
                </a:ln>
                <a:solidFill>
                  <a:prstClr val="white"/>
                </a:solidFill>
                <a:effectLst/>
                <a:uLnTx/>
                <a:uFillTx/>
                <a:latin typeface="HGP創英角ｺﾞｼｯｸUB" panose="020B0900000000000000" pitchFamily="50" charset="-128"/>
                <a:ea typeface="HGP創英角ｺﾞｼｯｸUB" panose="020B0900000000000000" pitchFamily="50" charset="-128"/>
                <a:cs typeface="+mn-cs"/>
              </a:rPr>
              <a:t>】</a:t>
            </a:r>
            <a:r>
              <a:rPr kumimoji="1" lang="ja-JP" altLang="en-US" sz="1950" b="0" i="0" u="none" strike="noStrike" kern="1200" cap="none" spc="0" normalizeH="0" baseline="0" noProof="0" dirty="0">
                <a:ln>
                  <a:noFill/>
                </a:ln>
                <a:solidFill>
                  <a:prstClr val="white"/>
                </a:solidFill>
                <a:effectLst/>
                <a:uLnTx/>
                <a:uFillTx/>
                <a:latin typeface="HGP創英角ｺﾞｼｯｸUB" panose="020B0900000000000000" pitchFamily="50" charset="-128"/>
                <a:ea typeface="HGP創英角ｺﾞｼｯｸUB" panose="020B0900000000000000" pitchFamily="50" charset="-128"/>
                <a:cs typeface="+mn-cs"/>
              </a:rPr>
              <a:t>の考え方</a:t>
            </a:r>
            <a:endParaRPr kumimoji="1" lang="ja-JP" altLang="en-US" sz="2275" b="0" i="0" u="none" strike="noStrike" kern="1200" cap="none" spc="0" normalizeH="0" baseline="0" noProof="0" dirty="0">
              <a:ln>
                <a:noFill/>
              </a:ln>
              <a:solidFill>
                <a:prstClr val="white"/>
              </a:solidFill>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3" name="スライド番号プレースホルダー 2"/>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6EC18DB-A5DF-4E0E-B815-FCD04A2C4B2C}" type="slidenum">
              <a:rPr kumimoji="1" lang="ja-JP" altLang="en-US" sz="1600" b="0" i="0" u="none" strike="noStrike" kern="1200" cap="none" spc="0" normalizeH="0" baseline="0" noProof="0" smtClean="0">
                <a:ln>
                  <a:noFill/>
                </a:ln>
                <a:solidFill>
                  <a:prstClr val="black"/>
                </a:solidFill>
                <a:effectLst/>
                <a:uLnTx/>
                <a:uFillTx/>
                <a:latin typeface="Segoe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0</a:t>
            </a:fld>
            <a:endParaRPr kumimoji="1" lang="ja-JP" altLang="en-US" sz="1600" b="0" i="0" u="none" strike="noStrike" kern="1200" cap="none" spc="0" normalizeH="0" baseline="0" noProof="0">
              <a:ln>
                <a:noFill/>
              </a:ln>
              <a:solidFill>
                <a:prstClr val="black"/>
              </a:solidFill>
              <a:effectLst/>
              <a:uLnTx/>
              <a:uFillTx/>
              <a:latin typeface="Segoe UI"/>
              <a:ea typeface="Meiryo UI"/>
              <a:cs typeface="+mn-cs"/>
            </a:endParaRPr>
          </a:p>
        </p:txBody>
      </p:sp>
      <p:sp>
        <p:nvSpPr>
          <p:cNvPr id="7" name="角丸四角形 6"/>
          <p:cNvSpPr/>
          <p:nvPr/>
        </p:nvSpPr>
        <p:spPr>
          <a:xfrm>
            <a:off x="134301" y="116832"/>
            <a:ext cx="9632795"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marL="0" marR="0" lvl="0" indent="0" algn="l" defTabSz="457200" rtl="0" eaLnBrk="1" fontAlgn="auto" latinLnBrk="0" hangingPunct="1">
              <a:lnSpc>
                <a:spcPts val="2194"/>
              </a:lnSpc>
              <a:spcBef>
                <a:spcPts val="0"/>
              </a:spcBef>
              <a:spcAft>
                <a:spcPts val="0"/>
              </a:spcAft>
              <a:buClrTx/>
              <a:buSzTx/>
              <a:buFontTx/>
              <a:buNone/>
              <a:tabLst/>
              <a:defRPr/>
            </a:pPr>
            <a:r>
              <a:rPr kumimoji="0" lang="ja-JP" altLang="en-US" sz="2275"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３</a:t>
            </a:r>
            <a:r>
              <a:rPr kumimoji="0" lang="en-US" altLang="ja-JP" sz="2275"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a:t>
            </a:r>
            <a:r>
              <a:rPr kumimoji="0" lang="ja-JP" altLang="en-US" sz="2275"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２．包括委託に関連する第三者事故発生状況（令和７年度上半期）</a:t>
            </a:r>
            <a:endParaRPr kumimoji="0" lang="en-US" altLang="ja-JP" sz="2275"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endParaRPr>
          </a:p>
        </p:txBody>
      </p:sp>
      <p:graphicFrame>
        <p:nvGraphicFramePr>
          <p:cNvPr id="2" name="表 1"/>
          <p:cNvGraphicFramePr>
            <a:graphicFrameLocks noGrp="1"/>
          </p:cNvGraphicFramePr>
          <p:nvPr/>
        </p:nvGraphicFramePr>
        <p:xfrm>
          <a:off x="134301" y="1227979"/>
          <a:ext cx="9632795" cy="703021"/>
        </p:xfrm>
        <a:graphic>
          <a:graphicData uri="http://schemas.openxmlformats.org/drawingml/2006/table">
            <a:tbl>
              <a:tblPr firstRow="1" firstCol="1" bandRow="1">
                <a:tableStyleId>{5C22544A-7EE6-4342-B048-85BDC9FD1C3A}</a:tableStyleId>
              </a:tblPr>
              <a:tblGrid>
                <a:gridCol w="9632795">
                  <a:extLst>
                    <a:ext uri="{9D8B030D-6E8A-4147-A177-3AD203B41FA5}">
                      <a16:colId xmlns:a16="http://schemas.microsoft.com/office/drawing/2014/main" val="1856965544"/>
                    </a:ext>
                  </a:extLst>
                </a:gridCol>
              </a:tblGrid>
              <a:tr h="703021">
                <a:tc>
                  <a:txBody>
                    <a:bodyPr/>
                    <a:lstStyle/>
                    <a:p>
                      <a:pPr algn="just">
                        <a:spcAft>
                          <a:spcPts val="0"/>
                        </a:spcAft>
                      </a:pPr>
                      <a:r>
                        <a:rPr lang="ja-JP" altLang="en-US" sz="2000" kern="100" dirty="0">
                          <a:solidFill>
                            <a:schemeClr val="tx1"/>
                          </a:solidFill>
                          <a:effectLst/>
                        </a:rPr>
                        <a:t>業務委託契約書（第</a:t>
                      </a:r>
                      <a:r>
                        <a:rPr lang="en-US" altLang="ja-JP" sz="2000" kern="100" dirty="0">
                          <a:solidFill>
                            <a:schemeClr val="tx1"/>
                          </a:solidFill>
                          <a:effectLst/>
                        </a:rPr>
                        <a:t>39</a:t>
                      </a:r>
                      <a:r>
                        <a:rPr lang="ja-JP" altLang="en-US" sz="2000" kern="100" dirty="0">
                          <a:solidFill>
                            <a:schemeClr val="tx1"/>
                          </a:solidFill>
                          <a:effectLst/>
                        </a:rPr>
                        <a:t>条の４、第</a:t>
                      </a:r>
                      <a:r>
                        <a:rPr lang="en-US" altLang="ja-JP" sz="2000" kern="100" dirty="0">
                          <a:solidFill>
                            <a:schemeClr val="tx1"/>
                          </a:solidFill>
                          <a:effectLst/>
                        </a:rPr>
                        <a:t>41</a:t>
                      </a:r>
                      <a:r>
                        <a:rPr lang="ja-JP" altLang="en-US" sz="2000" kern="100" dirty="0">
                          <a:solidFill>
                            <a:schemeClr val="tx1"/>
                          </a:solidFill>
                          <a:effectLst/>
                        </a:rPr>
                        <a:t>条の２第</a:t>
                      </a:r>
                      <a:r>
                        <a:rPr lang="en-US" altLang="ja-JP" sz="2000" kern="100" dirty="0">
                          <a:solidFill>
                            <a:schemeClr val="tx1"/>
                          </a:solidFill>
                          <a:effectLst/>
                        </a:rPr>
                        <a:t>5</a:t>
                      </a:r>
                      <a:r>
                        <a:rPr lang="ja-JP" altLang="en-US" sz="2000" kern="100" dirty="0">
                          <a:solidFill>
                            <a:schemeClr val="tx1"/>
                          </a:solidFill>
                          <a:effectLst/>
                        </a:rPr>
                        <a:t>項）に定める別紙１に準じ、事故の程度の判定を行う</a:t>
                      </a:r>
                      <a:r>
                        <a:rPr kumimoji="1" lang="ja-JP" altLang="en-US" sz="2000" b="1" kern="1200" dirty="0">
                          <a:solidFill>
                            <a:schemeClr val="tx1"/>
                          </a:solidFill>
                          <a:effectLst/>
                          <a:latin typeface="+mn-lt"/>
                          <a:ea typeface="+mn-ea"/>
                          <a:cs typeface="+mn-cs"/>
                        </a:rPr>
                        <a:t>　　　　　　　　</a:t>
                      </a:r>
                      <a:endParaRPr lang="ja-JP" sz="2000" kern="100" dirty="0">
                        <a:solidFill>
                          <a:schemeClr val="tx1"/>
                        </a:solidFill>
                        <a:effectLst/>
                        <a:latin typeface="游明朝" panose="02020400000000000000" pitchFamily="18" charset="-128"/>
                        <a:ea typeface="游明朝" panose="02020400000000000000" pitchFamily="18" charset="-128"/>
                        <a:cs typeface="Times New Roman" panose="02020603050405020304" pitchFamily="18" charset="0"/>
                      </a:endParaRPr>
                    </a:p>
                  </a:txBody>
                  <a:tcPr marL="68580" marR="68580" marT="0" marB="0">
                    <a:noFill/>
                  </a:tcPr>
                </a:tc>
                <a:extLst>
                  <a:ext uri="{0D108BD9-81ED-4DB2-BD59-A6C34878D82A}">
                    <a16:rowId xmlns:a16="http://schemas.microsoft.com/office/drawing/2014/main" val="2746907367"/>
                  </a:ext>
                </a:extLst>
              </a:tr>
            </a:tbl>
          </a:graphicData>
        </a:graphic>
      </p:graphicFrame>
      <p:graphicFrame>
        <p:nvGraphicFramePr>
          <p:cNvPr id="8" name="表 7"/>
          <p:cNvGraphicFramePr>
            <a:graphicFrameLocks noGrp="1"/>
          </p:cNvGraphicFramePr>
          <p:nvPr/>
        </p:nvGraphicFramePr>
        <p:xfrm>
          <a:off x="182902" y="1877605"/>
          <a:ext cx="9528947" cy="1902863"/>
        </p:xfrm>
        <a:graphic>
          <a:graphicData uri="http://schemas.openxmlformats.org/drawingml/2006/table">
            <a:tbl>
              <a:tblPr firstRow="1" firstCol="1" bandRow="1">
                <a:tableStyleId>{5C22544A-7EE6-4342-B048-85BDC9FD1C3A}</a:tableStyleId>
              </a:tblPr>
              <a:tblGrid>
                <a:gridCol w="9528947">
                  <a:extLst>
                    <a:ext uri="{9D8B030D-6E8A-4147-A177-3AD203B41FA5}">
                      <a16:colId xmlns:a16="http://schemas.microsoft.com/office/drawing/2014/main" val="1856965544"/>
                    </a:ext>
                  </a:extLst>
                </a:gridCol>
              </a:tblGrid>
              <a:tr h="1902863">
                <a:tc>
                  <a:txBody>
                    <a:bodyPr/>
                    <a:lstStyle/>
                    <a:p>
                      <a:r>
                        <a:rPr kumimoji="1" lang="ja-JP" altLang="en-US" sz="1600" b="1" kern="1200" dirty="0">
                          <a:solidFill>
                            <a:schemeClr val="tx1"/>
                          </a:solidFill>
                          <a:effectLst/>
                          <a:latin typeface="ＭＳ 明朝" panose="02020609040205080304" pitchFamily="17" charset="-128"/>
                          <a:ea typeface="ＭＳ 明朝" panose="02020609040205080304" pitchFamily="17" charset="-128"/>
                          <a:cs typeface="+mn-cs"/>
                        </a:rPr>
                        <a:t>●</a:t>
                      </a:r>
                      <a:r>
                        <a:rPr kumimoji="1" lang="ja-JP" altLang="ja-JP" sz="1600" b="1" kern="1200" dirty="0">
                          <a:solidFill>
                            <a:schemeClr val="tx1"/>
                          </a:solidFill>
                          <a:effectLst/>
                          <a:latin typeface="ＭＳ 明朝" panose="02020609040205080304" pitchFamily="17" charset="-128"/>
                          <a:ea typeface="ＭＳ 明朝" panose="02020609040205080304" pitchFamily="17" charset="-128"/>
                          <a:cs typeface="+mn-cs"/>
                        </a:rPr>
                        <a:t>要求水準未達の事項の定義</a:t>
                      </a:r>
                      <a:r>
                        <a:rPr kumimoji="1" lang="ja-JP" altLang="en-US" sz="1600" b="1" kern="1200" dirty="0">
                          <a:solidFill>
                            <a:schemeClr val="tx1"/>
                          </a:solidFill>
                          <a:effectLst/>
                          <a:latin typeface="ＭＳ 明朝" panose="02020609040205080304" pitchFamily="17" charset="-128"/>
                          <a:ea typeface="ＭＳ 明朝" panose="02020609040205080304" pitchFamily="17" charset="-128"/>
                          <a:cs typeface="+mn-cs"/>
                        </a:rPr>
                        <a:t>（業務委託契約書第</a:t>
                      </a:r>
                      <a:r>
                        <a:rPr kumimoji="1" lang="en-US" altLang="ja-JP" sz="1600" b="1" kern="1200" dirty="0">
                          <a:solidFill>
                            <a:schemeClr val="tx1"/>
                          </a:solidFill>
                          <a:effectLst/>
                          <a:latin typeface="ＭＳ 明朝" panose="02020609040205080304" pitchFamily="17" charset="-128"/>
                          <a:ea typeface="ＭＳ 明朝" panose="02020609040205080304" pitchFamily="17" charset="-128"/>
                          <a:cs typeface="+mn-cs"/>
                        </a:rPr>
                        <a:t>39</a:t>
                      </a:r>
                      <a:r>
                        <a:rPr kumimoji="1" lang="ja-JP" altLang="en-US" sz="1600" b="1" kern="1200" dirty="0">
                          <a:solidFill>
                            <a:schemeClr val="tx1"/>
                          </a:solidFill>
                          <a:effectLst/>
                          <a:latin typeface="ＭＳ 明朝" panose="02020609040205080304" pitchFamily="17" charset="-128"/>
                          <a:ea typeface="ＭＳ 明朝" panose="02020609040205080304" pitchFamily="17" charset="-128"/>
                          <a:cs typeface="+mn-cs"/>
                        </a:rPr>
                        <a:t>条の</a:t>
                      </a:r>
                      <a:r>
                        <a:rPr kumimoji="1" lang="en-US" altLang="ja-JP" sz="1600" b="1" kern="1200" dirty="0">
                          <a:solidFill>
                            <a:schemeClr val="tx1"/>
                          </a:solidFill>
                          <a:effectLst/>
                          <a:latin typeface="ＭＳ 明朝" panose="02020609040205080304" pitchFamily="17" charset="-128"/>
                          <a:ea typeface="ＭＳ 明朝" panose="02020609040205080304" pitchFamily="17" charset="-128"/>
                          <a:cs typeface="+mn-cs"/>
                        </a:rPr>
                        <a:t>4</a:t>
                      </a:r>
                      <a:r>
                        <a:rPr kumimoji="1" lang="ja-JP" altLang="en-US" sz="1600" b="1" kern="1200" dirty="0">
                          <a:solidFill>
                            <a:schemeClr val="tx1"/>
                          </a:solidFill>
                          <a:effectLst/>
                          <a:latin typeface="ＭＳ 明朝" panose="02020609040205080304" pitchFamily="17" charset="-128"/>
                          <a:ea typeface="ＭＳ 明朝" panose="02020609040205080304" pitchFamily="17" charset="-128"/>
                          <a:cs typeface="+mn-cs"/>
                        </a:rPr>
                        <a:t>）</a:t>
                      </a:r>
                      <a:endParaRPr kumimoji="1" lang="ja-JP" altLang="ja-JP" sz="1600" b="1" kern="1200" dirty="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ja-JP" sz="1600" b="0" kern="1200" dirty="0">
                          <a:solidFill>
                            <a:schemeClr val="tx1"/>
                          </a:solidFill>
                          <a:effectLst/>
                          <a:latin typeface="ＭＳ 明朝" panose="02020609040205080304" pitchFamily="17" charset="-128"/>
                          <a:ea typeface="ＭＳ 明朝" panose="02020609040205080304" pitchFamily="17" charset="-128"/>
                          <a:cs typeface="+mn-cs"/>
                        </a:rPr>
                        <a:t>設計図書に定める要求水準に満たない事項とは、受注者の業務の履行によって、特記仕様書共通編第</a:t>
                      </a:r>
                      <a:r>
                        <a:rPr kumimoji="1" lang="en-US" altLang="ja-JP" sz="1600" b="0" kern="1200" dirty="0">
                          <a:solidFill>
                            <a:schemeClr val="tx1"/>
                          </a:solidFill>
                          <a:effectLst/>
                          <a:latin typeface="ＭＳ 明朝" panose="02020609040205080304" pitchFamily="17" charset="-128"/>
                          <a:ea typeface="ＭＳ 明朝" panose="02020609040205080304" pitchFamily="17" charset="-128"/>
                          <a:cs typeface="+mn-cs"/>
                        </a:rPr>
                        <a:t>49</a:t>
                      </a:r>
                      <a:r>
                        <a:rPr kumimoji="1" lang="ja-JP" altLang="ja-JP" sz="1600" b="0" kern="1200" dirty="0">
                          <a:solidFill>
                            <a:schemeClr val="tx1"/>
                          </a:solidFill>
                          <a:effectLst/>
                          <a:latin typeface="ＭＳ 明朝" panose="02020609040205080304" pitchFamily="17" charset="-128"/>
                          <a:ea typeface="ＭＳ 明朝" panose="02020609040205080304" pitchFamily="17" charset="-128"/>
                          <a:cs typeface="+mn-cs"/>
                        </a:rPr>
                        <a:t>条に定める要求水準を満たしていない事象が生じた場合において、</a:t>
                      </a:r>
                      <a:r>
                        <a:rPr kumimoji="1" lang="ja-JP" altLang="ja-JP" sz="1600" b="0" u="sng" kern="1200" dirty="0">
                          <a:solidFill>
                            <a:schemeClr val="tx1"/>
                          </a:solidFill>
                          <a:effectLst/>
                          <a:latin typeface="ＭＳ 明朝" panose="02020609040205080304" pitchFamily="17" charset="-128"/>
                          <a:ea typeface="ＭＳ 明朝" panose="02020609040205080304" pitchFamily="17" charset="-128"/>
                          <a:cs typeface="+mn-cs"/>
                        </a:rPr>
                        <a:t>受注者に過失があり生じたものと発注者が認める場合</a:t>
                      </a:r>
                      <a:r>
                        <a:rPr kumimoji="1" lang="ja-JP" altLang="ja-JP" sz="1600" b="0" kern="1200" dirty="0">
                          <a:solidFill>
                            <a:schemeClr val="tx1"/>
                          </a:solidFill>
                          <a:effectLst/>
                          <a:latin typeface="ＭＳ 明朝" panose="02020609040205080304" pitchFamily="17" charset="-128"/>
                          <a:ea typeface="ＭＳ 明朝" panose="02020609040205080304" pitchFamily="17" charset="-128"/>
                          <a:cs typeface="+mn-cs"/>
                        </a:rPr>
                        <a:t>を示すものとする。</a:t>
                      </a:r>
                    </a:p>
                    <a:p>
                      <a:r>
                        <a:rPr kumimoji="1" lang="en-US" altLang="ja-JP" sz="1100" b="1" kern="1200" dirty="0">
                          <a:solidFill>
                            <a:schemeClr val="tx1"/>
                          </a:solidFill>
                          <a:effectLst/>
                          <a:latin typeface="ＭＳ 明朝" panose="02020609040205080304" pitchFamily="17" charset="-128"/>
                          <a:ea typeface="ＭＳ 明朝" panose="02020609040205080304" pitchFamily="17" charset="-128"/>
                          <a:cs typeface="+mn-cs"/>
                        </a:rPr>
                        <a:t> </a:t>
                      </a:r>
                      <a:endParaRPr kumimoji="1" lang="ja-JP" altLang="ja-JP" sz="1100" b="1" kern="1200" dirty="0">
                        <a:solidFill>
                          <a:schemeClr val="tx1"/>
                        </a:solidFill>
                        <a:effectLst/>
                        <a:latin typeface="ＭＳ 明朝" panose="02020609040205080304" pitchFamily="17" charset="-128"/>
                        <a:ea typeface="ＭＳ 明朝" panose="02020609040205080304" pitchFamily="17"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kern="1200" dirty="0">
                          <a:solidFill>
                            <a:schemeClr val="tx1"/>
                          </a:solidFill>
                          <a:effectLst/>
                          <a:latin typeface="ＭＳ 明朝" panose="02020609040205080304" pitchFamily="17" charset="-128"/>
                          <a:ea typeface="ＭＳ 明朝" panose="02020609040205080304" pitchFamily="17" charset="-128"/>
                          <a:cs typeface="+mn-cs"/>
                        </a:rPr>
                        <a:t>●</a:t>
                      </a:r>
                      <a:r>
                        <a:rPr kumimoji="1" lang="ja-JP" altLang="ja-JP" sz="1600" b="1" kern="1200" dirty="0">
                          <a:solidFill>
                            <a:schemeClr val="tx1"/>
                          </a:solidFill>
                          <a:effectLst/>
                          <a:latin typeface="ＭＳ 明朝" panose="02020609040205080304" pitchFamily="17" charset="-128"/>
                          <a:ea typeface="ＭＳ 明朝" panose="02020609040205080304" pitchFamily="17" charset="-128"/>
                          <a:cs typeface="+mn-cs"/>
                        </a:rPr>
                        <a:t>一般規定に抵触する事項の定義</a:t>
                      </a:r>
                      <a:r>
                        <a:rPr kumimoji="1" lang="ja-JP" altLang="en-US" sz="1600" b="1" kern="1200" dirty="0">
                          <a:solidFill>
                            <a:schemeClr val="tx1"/>
                          </a:solidFill>
                          <a:effectLst/>
                          <a:latin typeface="ＭＳ 明朝" panose="02020609040205080304" pitchFamily="17" charset="-128"/>
                          <a:ea typeface="ＭＳ 明朝" panose="02020609040205080304" pitchFamily="17" charset="-128"/>
                          <a:cs typeface="+mn-cs"/>
                        </a:rPr>
                        <a:t>（業務委託契約書第</a:t>
                      </a:r>
                      <a:r>
                        <a:rPr kumimoji="1" lang="en-US" altLang="ja-JP" sz="1600" b="1" kern="1200" dirty="0">
                          <a:solidFill>
                            <a:schemeClr val="tx1"/>
                          </a:solidFill>
                          <a:effectLst/>
                          <a:latin typeface="ＭＳ 明朝" panose="02020609040205080304" pitchFamily="17" charset="-128"/>
                          <a:ea typeface="ＭＳ 明朝" panose="02020609040205080304" pitchFamily="17" charset="-128"/>
                          <a:cs typeface="+mn-cs"/>
                        </a:rPr>
                        <a:t>41</a:t>
                      </a:r>
                      <a:r>
                        <a:rPr kumimoji="1" lang="ja-JP" altLang="en-US" sz="1600" b="1" kern="1200" dirty="0">
                          <a:solidFill>
                            <a:schemeClr val="tx1"/>
                          </a:solidFill>
                          <a:effectLst/>
                          <a:latin typeface="ＭＳ 明朝" panose="02020609040205080304" pitchFamily="17" charset="-128"/>
                          <a:ea typeface="ＭＳ 明朝" panose="02020609040205080304" pitchFamily="17" charset="-128"/>
                          <a:cs typeface="+mn-cs"/>
                        </a:rPr>
                        <a:t>条</a:t>
                      </a:r>
                      <a:r>
                        <a:rPr kumimoji="1" lang="en-US" altLang="ja-JP" sz="1600" b="1" kern="1200" dirty="0">
                          <a:solidFill>
                            <a:schemeClr val="tx1"/>
                          </a:solidFill>
                          <a:effectLst/>
                          <a:latin typeface="ＭＳ 明朝" panose="02020609040205080304" pitchFamily="17" charset="-128"/>
                          <a:ea typeface="ＭＳ 明朝" panose="02020609040205080304" pitchFamily="17" charset="-128"/>
                          <a:cs typeface="+mn-cs"/>
                        </a:rPr>
                        <a:t>2</a:t>
                      </a:r>
                      <a:r>
                        <a:rPr kumimoji="1" lang="ja-JP" altLang="en-US" sz="1600" b="1" kern="1200" dirty="0">
                          <a:solidFill>
                            <a:schemeClr val="tx1"/>
                          </a:solidFill>
                          <a:effectLst/>
                          <a:latin typeface="ＭＳ 明朝" panose="02020609040205080304" pitchFamily="17" charset="-128"/>
                          <a:ea typeface="ＭＳ 明朝" panose="02020609040205080304" pitchFamily="17" charset="-128"/>
                          <a:cs typeface="+mn-cs"/>
                        </a:rPr>
                        <a:t>第</a:t>
                      </a:r>
                      <a:r>
                        <a:rPr kumimoji="1" lang="en-US" altLang="ja-JP" sz="1600" b="1" kern="1200" dirty="0">
                          <a:solidFill>
                            <a:schemeClr val="tx1"/>
                          </a:solidFill>
                          <a:effectLst/>
                          <a:latin typeface="ＭＳ 明朝" panose="02020609040205080304" pitchFamily="17" charset="-128"/>
                          <a:ea typeface="ＭＳ 明朝" panose="02020609040205080304" pitchFamily="17" charset="-128"/>
                          <a:cs typeface="+mn-cs"/>
                        </a:rPr>
                        <a:t>5</a:t>
                      </a:r>
                      <a:r>
                        <a:rPr kumimoji="1" lang="ja-JP" altLang="en-US" sz="1600" b="1" kern="1200" dirty="0">
                          <a:solidFill>
                            <a:schemeClr val="tx1"/>
                          </a:solidFill>
                          <a:effectLst/>
                          <a:latin typeface="ＭＳ 明朝" panose="02020609040205080304" pitchFamily="17" charset="-128"/>
                          <a:ea typeface="ＭＳ 明朝" panose="02020609040205080304" pitchFamily="17" charset="-128"/>
                          <a:cs typeface="+mn-cs"/>
                        </a:rPr>
                        <a:t>項）</a:t>
                      </a:r>
                      <a:endParaRPr kumimoji="1" lang="ja-JP" altLang="ja-JP" sz="1600" b="1" kern="1200" dirty="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ja-JP" sz="1600" b="0" kern="1200" dirty="0">
                          <a:solidFill>
                            <a:schemeClr val="tx1"/>
                          </a:solidFill>
                          <a:effectLst/>
                          <a:latin typeface="ＭＳ 明朝" panose="02020609040205080304" pitchFamily="17" charset="-128"/>
                          <a:ea typeface="ＭＳ 明朝" panose="02020609040205080304" pitchFamily="17" charset="-128"/>
                          <a:cs typeface="+mn-cs"/>
                        </a:rPr>
                        <a:t>設計図書に定める一般規定に抵触する事項とは、受注者が</a:t>
                      </a:r>
                      <a:r>
                        <a:rPr kumimoji="1" lang="ja-JP" altLang="ja-JP" sz="1600" b="0" u="sng" kern="1200" dirty="0">
                          <a:solidFill>
                            <a:schemeClr val="tx1"/>
                          </a:solidFill>
                          <a:effectLst/>
                          <a:latin typeface="ＭＳ 明朝" panose="02020609040205080304" pitchFamily="17" charset="-128"/>
                          <a:ea typeface="ＭＳ 明朝" panose="02020609040205080304" pitchFamily="17" charset="-128"/>
                          <a:cs typeface="+mn-cs"/>
                        </a:rPr>
                        <a:t>大阪市競争入札参加停止措置要綱の別表</a:t>
                      </a:r>
                      <a:r>
                        <a:rPr kumimoji="1" lang="ja-JP" altLang="ja-JP" sz="1600" b="0" kern="1200" dirty="0">
                          <a:solidFill>
                            <a:schemeClr val="tx1"/>
                          </a:solidFill>
                          <a:effectLst/>
                          <a:latin typeface="ＭＳ 明朝" panose="02020609040205080304" pitchFamily="17" charset="-128"/>
                          <a:ea typeface="ＭＳ 明朝" panose="02020609040205080304" pitchFamily="17" charset="-128"/>
                          <a:cs typeface="+mn-cs"/>
                        </a:rPr>
                        <a:t>の各項に掲げる措置要件のいずれかに該当すると発注者が認める場合を示すものとする。</a:t>
                      </a:r>
                      <a:endParaRPr kumimoji="1" lang="en-US" altLang="ja-JP" sz="1600" b="0" kern="1200" dirty="0">
                        <a:solidFill>
                          <a:schemeClr val="tx1"/>
                        </a:solidFill>
                        <a:effectLst/>
                        <a:latin typeface="ＭＳ 明朝" panose="02020609040205080304" pitchFamily="17" charset="-128"/>
                        <a:ea typeface="ＭＳ 明朝" panose="02020609040205080304" pitchFamily="17" charset="-128"/>
                        <a:cs typeface="+mn-cs"/>
                      </a:endParaRPr>
                    </a:p>
                  </a:txBody>
                  <a:tcPr marL="68580" marR="68580" marT="0" marB="0" anchor="ctr">
                    <a:noFill/>
                  </a:tcPr>
                </a:tc>
                <a:extLst>
                  <a:ext uri="{0D108BD9-81ED-4DB2-BD59-A6C34878D82A}">
                    <a16:rowId xmlns:a16="http://schemas.microsoft.com/office/drawing/2014/main" val="2746907367"/>
                  </a:ext>
                </a:extLst>
              </a:tr>
            </a:tbl>
          </a:graphicData>
        </a:graphic>
      </p:graphicFrame>
      <p:sp>
        <p:nvSpPr>
          <p:cNvPr id="6" name="テキスト ボックス 5">
            <a:extLst>
              <a:ext uri="{FF2B5EF4-FFF2-40B4-BE49-F238E27FC236}">
                <a16:creationId xmlns:a16="http://schemas.microsoft.com/office/drawing/2014/main" id="{9422AE2F-3A16-E47C-0456-2B4C076AB066}"/>
              </a:ext>
            </a:extLst>
          </p:cNvPr>
          <p:cNvSpPr txBox="1"/>
          <p:nvPr/>
        </p:nvSpPr>
        <p:spPr>
          <a:xfrm>
            <a:off x="5924992" y="6492870"/>
            <a:ext cx="2249334"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Segoe UI"/>
                <a:ea typeface="Meiryo UI"/>
                <a:cs typeface="+mn-cs"/>
              </a:rPr>
              <a:t>※</a:t>
            </a:r>
            <a:r>
              <a:rPr kumimoji="1" lang="ja-JP" altLang="en-US" sz="1400" b="0" i="0" u="none" strike="noStrike" kern="1200" cap="none" spc="0" normalizeH="0" baseline="0" noProof="0" dirty="0">
                <a:ln>
                  <a:noFill/>
                </a:ln>
                <a:solidFill>
                  <a:prstClr val="black"/>
                </a:solidFill>
                <a:effectLst/>
                <a:uLnTx/>
                <a:uFillTx/>
                <a:latin typeface="Segoe UI"/>
                <a:ea typeface="Meiryo UI"/>
                <a:cs typeface="+mn-cs"/>
              </a:rPr>
              <a:t>内、審議中案件６件あり</a:t>
            </a:r>
          </a:p>
        </p:txBody>
      </p:sp>
    </p:spTree>
    <p:extLst>
      <p:ext uri="{BB962C8B-B14F-4D97-AF65-F5344CB8AC3E}">
        <p14:creationId xmlns:p14="http://schemas.microsoft.com/office/powerpoint/2010/main" val="4173099465"/>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図 6">
            <a:extLst>
              <a:ext uri="{FF2B5EF4-FFF2-40B4-BE49-F238E27FC236}">
                <a16:creationId xmlns:a16="http://schemas.microsoft.com/office/drawing/2014/main" id="{129BA838-A24F-BDAC-E8B2-7D9751657076}"/>
              </a:ext>
            </a:extLst>
          </p:cNvPr>
          <p:cNvPicPr>
            <a:picLocks noChangeAspect="1"/>
          </p:cNvPicPr>
          <p:nvPr/>
        </p:nvPicPr>
        <p:blipFill>
          <a:blip r:embed="rId3"/>
          <a:stretch>
            <a:fillRect/>
          </a:stretch>
        </p:blipFill>
        <p:spPr>
          <a:xfrm>
            <a:off x="4428436" y="1723840"/>
            <a:ext cx="5117356" cy="5020575"/>
          </a:xfrm>
          <a:prstGeom prst="rect">
            <a:avLst/>
          </a:prstGeom>
          <a:solidFill>
            <a:schemeClr val="bg1"/>
          </a:solidFill>
        </p:spPr>
      </p:pic>
      <p:sp>
        <p:nvSpPr>
          <p:cNvPr id="5"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事故の程度</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の考え方</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3" name="スライド番号プレースホルダー 2"/>
          <p:cNvSpPr>
            <a:spLocks noGrp="1"/>
          </p:cNvSpPr>
          <p:nvPr>
            <p:ph type="sldNum" sz="quarter" idx="12"/>
          </p:nvPr>
        </p:nvSpPr>
        <p:spPr/>
        <p:txBody>
          <a:bodyPr/>
          <a:lstStyle/>
          <a:p>
            <a:fld id="{36EC18DB-A5DF-4E0E-B815-FCD04A2C4B2C}" type="slidenum">
              <a:rPr kumimoji="1" lang="ja-JP" altLang="en-US" smtClean="0"/>
              <a:t>31</a:t>
            </a:fld>
            <a:endParaRPr kumimoji="1" lang="ja-JP" altLang="en-US"/>
          </a:p>
        </p:txBody>
      </p:sp>
      <p:graphicFrame>
        <p:nvGraphicFramePr>
          <p:cNvPr id="2" name="表 1"/>
          <p:cNvGraphicFramePr>
            <a:graphicFrameLocks noGrp="1"/>
          </p:cNvGraphicFramePr>
          <p:nvPr/>
        </p:nvGraphicFramePr>
        <p:xfrm>
          <a:off x="147835" y="1712159"/>
          <a:ext cx="4185857" cy="5020575"/>
        </p:xfrm>
        <a:graphic>
          <a:graphicData uri="http://schemas.openxmlformats.org/drawingml/2006/table">
            <a:tbl>
              <a:tblPr firstRow="1" firstCol="1" bandRow="1">
                <a:tableStyleId>{5C22544A-7EE6-4342-B048-85BDC9FD1C3A}</a:tableStyleId>
              </a:tblPr>
              <a:tblGrid>
                <a:gridCol w="4185857">
                  <a:extLst>
                    <a:ext uri="{9D8B030D-6E8A-4147-A177-3AD203B41FA5}">
                      <a16:colId xmlns:a16="http://schemas.microsoft.com/office/drawing/2014/main" val="1856965544"/>
                    </a:ext>
                  </a:extLst>
                </a:gridCol>
              </a:tblGrid>
              <a:tr h="5020575">
                <a:tc>
                  <a:txBody>
                    <a:bodyPr/>
                    <a:lstStyle/>
                    <a:p>
                      <a:pPr algn="just">
                        <a:spcAft>
                          <a:spcPts val="0"/>
                        </a:spcAft>
                      </a:pPr>
                      <a:endParaRPr lang="en-US" altLang="ja-JP" sz="1600" kern="100" dirty="0">
                        <a:solidFill>
                          <a:schemeClr val="bg1"/>
                        </a:solidFill>
                        <a:effectLst/>
                      </a:endParaRPr>
                    </a:p>
                    <a:p>
                      <a:pPr algn="l">
                        <a:spcAft>
                          <a:spcPts val="0"/>
                        </a:spcAft>
                      </a:pPr>
                      <a:r>
                        <a:rPr lang="ja-JP" sz="1600" kern="100" dirty="0">
                          <a:solidFill>
                            <a:schemeClr val="bg1"/>
                          </a:solidFill>
                          <a:effectLst/>
                        </a:rPr>
                        <a:t>【一般規定に抵触する事項の定義</a:t>
                      </a:r>
                      <a:r>
                        <a:rPr lang="en-US" altLang="ja-JP" sz="1600" kern="100" dirty="0">
                          <a:solidFill>
                            <a:schemeClr val="bg1"/>
                          </a:solidFill>
                          <a:effectLst/>
                        </a:rPr>
                        <a:t>】</a:t>
                      </a:r>
                    </a:p>
                    <a:p>
                      <a:pPr algn="r">
                        <a:spcAft>
                          <a:spcPts val="0"/>
                        </a:spcAft>
                      </a:pPr>
                      <a:r>
                        <a:rPr lang="ja-JP" sz="1600" kern="100" dirty="0">
                          <a:solidFill>
                            <a:schemeClr val="bg1"/>
                          </a:solidFill>
                          <a:effectLst/>
                        </a:rPr>
                        <a:t>（包括業務委託　契約書　別紙</a:t>
                      </a:r>
                      <a:r>
                        <a:rPr lang="en-US" sz="1600" kern="100" dirty="0">
                          <a:solidFill>
                            <a:schemeClr val="bg1"/>
                          </a:solidFill>
                          <a:effectLst/>
                        </a:rPr>
                        <a:t>1</a:t>
                      </a:r>
                      <a:r>
                        <a:rPr lang="ja-JP" sz="1600" kern="100" dirty="0">
                          <a:solidFill>
                            <a:schemeClr val="bg1"/>
                          </a:solidFill>
                          <a:effectLst/>
                        </a:rPr>
                        <a:t>）</a:t>
                      </a:r>
                      <a:endParaRPr lang="en-US" altLang="ja-JP" sz="1600" kern="100" dirty="0">
                        <a:solidFill>
                          <a:schemeClr val="bg1"/>
                        </a:solidFill>
                        <a:effectLst/>
                      </a:endParaRPr>
                    </a:p>
                    <a:p>
                      <a:pPr algn="l">
                        <a:spcAft>
                          <a:spcPts val="0"/>
                        </a:spcAft>
                      </a:pPr>
                      <a:r>
                        <a:rPr lang="ja-JP" altLang="en-US" sz="1600" kern="100" dirty="0">
                          <a:solidFill>
                            <a:schemeClr val="bg1"/>
                          </a:solidFill>
                          <a:effectLst/>
                        </a:rPr>
                        <a:t>　　　　　　　　　</a:t>
                      </a:r>
                      <a:endParaRPr lang="en-US" altLang="ja-JP" sz="1600" kern="100" dirty="0">
                        <a:solidFill>
                          <a:schemeClr val="bg1"/>
                        </a:solidFill>
                        <a:effectLst/>
                      </a:endParaRPr>
                    </a:p>
                    <a:p>
                      <a:pPr algn="ctr">
                        <a:spcAft>
                          <a:spcPts val="0"/>
                        </a:spcAft>
                      </a:pPr>
                      <a:r>
                        <a:rPr lang="en-US" sz="1600" kern="100" dirty="0">
                          <a:solidFill>
                            <a:srgbClr val="FFFF00"/>
                          </a:solidFill>
                          <a:effectLst/>
                        </a:rPr>
                        <a:t>&lt;</a:t>
                      </a:r>
                      <a:r>
                        <a:rPr lang="ja-JP" sz="1600" kern="100" dirty="0">
                          <a:solidFill>
                            <a:srgbClr val="FFFF00"/>
                          </a:solidFill>
                          <a:effectLst/>
                        </a:rPr>
                        <a:t>大阪市競争入札参加停止措置要綱　別表</a:t>
                      </a:r>
                      <a:r>
                        <a:rPr lang="en-US" altLang="ja-JP" sz="1600" kern="100" dirty="0">
                          <a:solidFill>
                            <a:srgbClr val="FFFF00"/>
                          </a:solidFill>
                          <a:effectLst/>
                        </a:rPr>
                        <a:t>&gt;</a:t>
                      </a:r>
                      <a:endParaRPr lang="en-US" altLang="ja-JP" sz="1600" kern="100" dirty="0">
                        <a:solidFill>
                          <a:schemeClr val="bg1"/>
                        </a:solidFill>
                        <a:effectLst/>
                      </a:endParaRPr>
                    </a:p>
                    <a:p>
                      <a:r>
                        <a:rPr kumimoji="1" lang="ja-JP" altLang="en-US" sz="1400" b="1" kern="1200" dirty="0">
                          <a:solidFill>
                            <a:schemeClr val="bg1"/>
                          </a:solidFill>
                          <a:effectLst/>
                          <a:latin typeface="+mn-lt"/>
                          <a:ea typeface="+mn-ea"/>
                          <a:cs typeface="+mn-cs"/>
                        </a:rPr>
                        <a:t>　　</a:t>
                      </a:r>
                      <a:r>
                        <a:rPr kumimoji="1" lang="ja-JP" altLang="ja-JP" sz="1400" b="1" u="sng" kern="1200" dirty="0">
                          <a:solidFill>
                            <a:schemeClr val="bg1"/>
                          </a:solidFill>
                          <a:effectLst/>
                          <a:latin typeface="+mn-lt"/>
                          <a:ea typeface="+mn-ea"/>
                          <a:cs typeface="+mn-cs"/>
                        </a:rPr>
                        <a:t>１．粗雑な契約の履行</a:t>
                      </a:r>
                      <a:r>
                        <a:rPr kumimoji="1" lang="ja-JP" altLang="ja-JP" sz="1400" b="1" kern="1200" dirty="0">
                          <a:solidFill>
                            <a:schemeClr val="bg1"/>
                          </a:solidFill>
                          <a:effectLst/>
                          <a:latin typeface="+mn-lt"/>
                          <a:ea typeface="+mn-ea"/>
                          <a:cs typeface="+mn-cs"/>
                        </a:rPr>
                        <a:t>　　　　　　　</a:t>
                      </a:r>
                    </a:p>
                    <a:p>
                      <a:r>
                        <a:rPr kumimoji="1" lang="ja-JP" altLang="en-US" sz="1400" b="1" kern="1200" dirty="0">
                          <a:solidFill>
                            <a:schemeClr val="bg1"/>
                          </a:solidFill>
                          <a:effectLst/>
                          <a:latin typeface="+mn-lt"/>
                          <a:ea typeface="+mn-ea"/>
                          <a:cs typeface="+mn-cs"/>
                        </a:rPr>
                        <a:t>　　</a:t>
                      </a:r>
                      <a:r>
                        <a:rPr kumimoji="1" lang="ja-JP" altLang="ja-JP" sz="1400" b="1" kern="1200" dirty="0">
                          <a:solidFill>
                            <a:schemeClr val="bg1"/>
                          </a:solidFill>
                          <a:effectLst/>
                          <a:latin typeface="+mn-lt"/>
                          <a:ea typeface="+mn-ea"/>
                          <a:cs typeface="+mn-cs"/>
                        </a:rPr>
                        <a:t>２．契約違反等　　　　　　　　</a:t>
                      </a:r>
                      <a:r>
                        <a:rPr kumimoji="1" lang="ja-JP" altLang="en-US" sz="1400" b="1" kern="1200" dirty="0">
                          <a:solidFill>
                            <a:schemeClr val="bg1"/>
                          </a:solidFill>
                          <a:effectLst/>
                          <a:latin typeface="+mn-lt"/>
                          <a:ea typeface="+mn-ea"/>
                          <a:cs typeface="+mn-cs"/>
                        </a:rPr>
                        <a:t>　 </a:t>
                      </a:r>
                      <a:r>
                        <a:rPr kumimoji="1" lang="ja-JP" altLang="ja-JP" sz="1400" b="1" kern="1200" dirty="0">
                          <a:solidFill>
                            <a:schemeClr val="bg1"/>
                          </a:solidFill>
                          <a:effectLst/>
                          <a:latin typeface="+mn-lt"/>
                          <a:ea typeface="+mn-ea"/>
                          <a:cs typeface="+mn-cs"/>
                        </a:rPr>
                        <a:t>　　</a:t>
                      </a:r>
                    </a:p>
                    <a:p>
                      <a:r>
                        <a:rPr kumimoji="1" lang="en-US" altLang="ja-JP" sz="1400" b="1" kern="1200" dirty="0">
                          <a:solidFill>
                            <a:schemeClr val="bg1"/>
                          </a:solidFill>
                          <a:effectLst/>
                          <a:latin typeface="+mn-lt"/>
                          <a:ea typeface="+mn-ea"/>
                          <a:cs typeface="+mn-cs"/>
                        </a:rPr>
                        <a:t> </a:t>
                      </a:r>
                      <a:r>
                        <a:rPr kumimoji="1" lang="ja-JP" altLang="en-US" sz="1400" b="1" kern="1200" dirty="0">
                          <a:solidFill>
                            <a:schemeClr val="bg1"/>
                          </a:solidFill>
                          <a:effectLst/>
                          <a:latin typeface="+mn-lt"/>
                          <a:ea typeface="+mn-ea"/>
                          <a:cs typeface="+mn-cs"/>
                        </a:rPr>
                        <a:t>　</a:t>
                      </a:r>
                      <a:r>
                        <a:rPr kumimoji="1" lang="en-US" altLang="ja-JP" sz="1400" b="1" kern="1200" dirty="0">
                          <a:solidFill>
                            <a:schemeClr val="bg1"/>
                          </a:solidFill>
                          <a:effectLst/>
                          <a:latin typeface="+mn-lt"/>
                          <a:ea typeface="+mn-ea"/>
                          <a:cs typeface="+mn-cs"/>
                        </a:rPr>
                        <a:t> </a:t>
                      </a:r>
                      <a:r>
                        <a:rPr kumimoji="1" lang="ja-JP" altLang="ja-JP" sz="1400" b="1" u="sng" kern="1200" dirty="0">
                          <a:solidFill>
                            <a:schemeClr val="bg1"/>
                          </a:solidFill>
                          <a:effectLst/>
                          <a:latin typeface="+mn-lt"/>
                          <a:ea typeface="+mn-ea"/>
                          <a:cs typeface="+mn-cs"/>
                        </a:rPr>
                        <a:t>３．公衆災害事故</a:t>
                      </a:r>
                      <a:r>
                        <a:rPr kumimoji="1" lang="ja-JP" altLang="ja-JP" sz="1400" b="1" kern="1200" dirty="0">
                          <a:solidFill>
                            <a:schemeClr val="bg1"/>
                          </a:solidFill>
                          <a:effectLst/>
                          <a:latin typeface="+mn-lt"/>
                          <a:ea typeface="+mn-ea"/>
                          <a:cs typeface="+mn-cs"/>
                        </a:rPr>
                        <a:t>　　　　　　　　</a:t>
                      </a:r>
                      <a:r>
                        <a:rPr kumimoji="1" lang="ja-JP" altLang="en-US" sz="1400" b="1" kern="1200" dirty="0">
                          <a:solidFill>
                            <a:schemeClr val="bg1"/>
                          </a:solidFill>
                          <a:effectLst/>
                          <a:latin typeface="+mn-lt"/>
                          <a:ea typeface="+mn-ea"/>
                          <a:cs typeface="+mn-cs"/>
                        </a:rPr>
                        <a:t>　</a:t>
                      </a:r>
                      <a:r>
                        <a:rPr kumimoji="1" lang="en-US" altLang="ja-JP" sz="1400" b="1" kern="1200" dirty="0">
                          <a:solidFill>
                            <a:schemeClr val="bg1"/>
                          </a:solidFill>
                          <a:effectLst/>
                          <a:latin typeface="+mn-lt"/>
                          <a:ea typeface="+mn-ea"/>
                          <a:cs typeface="+mn-cs"/>
                        </a:rPr>
                        <a:t> </a:t>
                      </a:r>
                    </a:p>
                    <a:p>
                      <a:r>
                        <a:rPr kumimoji="1" lang="ja-JP" altLang="en-US" sz="1400" b="1" kern="1200" dirty="0">
                          <a:solidFill>
                            <a:schemeClr val="bg1"/>
                          </a:solidFill>
                          <a:effectLst/>
                          <a:latin typeface="+mn-lt"/>
                          <a:ea typeface="+mn-ea"/>
                          <a:cs typeface="+mn-cs"/>
                        </a:rPr>
                        <a:t>　　</a:t>
                      </a:r>
                      <a:r>
                        <a:rPr kumimoji="1" lang="ja-JP" altLang="ja-JP" sz="1400" b="1" kern="1200" dirty="0">
                          <a:solidFill>
                            <a:schemeClr val="bg1"/>
                          </a:solidFill>
                          <a:effectLst/>
                          <a:latin typeface="+mn-lt"/>
                          <a:ea typeface="+mn-ea"/>
                          <a:cs typeface="+mn-cs"/>
                        </a:rPr>
                        <a:t>４．工事等関係者事故</a:t>
                      </a:r>
                      <a:r>
                        <a:rPr kumimoji="1" lang="en-US" altLang="ja-JP" sz="1400" b="1" kern="1200" dirty="0">
                          <a:solidFill>
                            <a:schemeClr val="bg1"/>
                          </a:solidFill>
                          <a:effectLst/>
                          <a:latin typeface="+mn-lt"/>
                          <a:ea typeface="+mn-ea"/>
                          <a:cs typeface="+mn-cs"/>
                        </a:rPr>
                        <a:t>            </a:t>
                      </a:r>
                    </a:p>
                    <a:p>
                      <a:r>
                        <a:rPr kumimoji="1" lang="ja-JP" altLang="en-US" sz="1400" b="1" kern="1200" dirty="0">
                          <a:solidFill>
                            <a:schemeClr val="bg1"/>
                          </a:solidFill>
                          <a:effectLst/>
                          <a:latin typeface="+mn-lt"/>
                          <a:ea typeface="+mn-ea"/>
                          <a:cs typeface="+mn-cs"/>
                        </a:rPr>
                        <a:t>　　</a:t>
                      </a:r>
                      <a:r>
                        <a:rPr kumimoji="1" lang="ja-JP" altLang="ja-JP" sz="1400" b="1" kern="1200" dirty="0">
                          <a:solidFill>
                            <a:schemeClr val="bg1"/>
                          </a:solidFill>
                          <a:effectLst/>
                          <a:latin typeface="+mn-lt"/>
                          <a:ea typeface="+mn-ea"/>
                          <a:cs typeface="+mn-cs"/>
                        </a:rPr>
                        <a:t>５．贈賄</a:t>
                      </a:r>
                      <a:r>
                        <a:rPr kumimoji="1" lang="en-US" altLang="ja-JP" sz="1400" b="1" kern="1200" dirty="0">
                          <a:solidFill>
                            <a:schemeClr val="bg1"/>
                          </a:solidFill>
                          <a:effectLst/>
                          <a:latin typeface="+mn-lt"/>
                          <a:ea typeface="+mn-ea"/>
                          <a:cs typeface="+mn-cs"/>
                        </a:rPr>
                        <a:t>                         </a:t>
                      </a:r>
                      <a:r>
                        <a:rPr kumimoji="1" lang="ja-JP" altLang="en-US" sz="1400" b="1" kern="1200" dirty="0">
                          <a:solidFill>
                            <a:schemeClr val="bg1"/>
                          </a:solidFill>
                          <a:effectLst/>
                          <a:latin typeface="+mn-lt"/>
                          <a:ea typeface="+mn-ea"/>
                          <a:cs typeface="+mn-cs"/>
                        </a:rPr>
                        <a:t>　　　　</a:t>
                      </a:r>
                      <a:endParaRPr kumimoji="1" lang="en-US" altLang="ja-JP" sz="1400" b="1" kern="1200" dirty="0">
                        <a:solidFill>
                          <a:schemeClr val="bg1"/>
                        </a:solidFill>
                        <a:effectLst/>
                        <a:latin typeface="+mn-lt"/>
                        <a:ea typeface="+mn-ea"/>
                        <a:cs typeface="+mn-cs"/>
                      </a:endParaRPr>
                    </a:p>
                    <a:p>
                      <a:r>
                        <a:rPr kumimoji="1" lang="ja-JP" altLang="en-US" sz="1400" b="1" kern="1200" dirty="0">
                          <a:solidFill>
                            <a:schemeClr val="bg1"/>
                          </a:solidFill>
                          <a:effectLst/>
                          <a:latin typeface="+mn-lt"/>
                          <a:ea typeface="+mn-ea"/>
                          <a:cs typeface="+mn-cs"/>
                        </a:rPr>
                        <a:t>　　</a:t>
                      </a:r>
                      <a:r>
                        <a:rPr kumimoji="1" lang="ja-JP" altLang="ja-JP" sz="1400" b="1" kern="1200" dirty="0">
                          <a:solidFill>
                            <a:schemeClr val="bg1"/>
                          </a:solidFill>
                          <a:effectLst/>
                          <a:latin typeface="+mn-lt"/>
                          <a:ea typeface="+mn-ea"/>
                          <a:cs typeface="+mn-cs"/>
                        </a:rPr>
                        <a:t>６．独占禁止法違反行為　　　　</a:t>
                      </a:r>
                      <a:endParaRPr kumimoji="1" lang="en-US" altLang="ja-JP" sz="1400" b="1" kern="1200" dirty="0">
                        <a:solidFill>
                          <a:schemeClr val="bg1"/>
                        </a:solidFill>
                        <a:effectLst/>
                        <a:latin typeface="+mn-lt"/>
                        <a:ea typeface="+mn-ea"/>
                        <a:cs typeface="+mn-cs"/>
                      </a:endParaRPr>
                    </a:p>
                    <a:p>
                      <a:r>
                        <a:rPr kumimoji="1" lang="ja-JP" altLang="ja-JP" sz="1400" b="1" kern="1200" dirty="0">
                          <a:solidFill>
                            <a:schemeClr val="bg1"/>
                          </a:solidFill>
                          <a:effectLst/>
                          <a:latin typeface="+mn-lt"/>
                          <a:ea typeface="+mn-ea"/>
                          <a:cs typeface="+mn-cs"/>
                        </a:rPr>
                        <a:t>　</a:t>
                      </a:r>
                      <a:r>
                        <a:rPr kumimoji="1" lang="ja-JP" altLang="en-US" sz="1400" b="1" kern="1200" dirty="0">
                          <a:solidFill>
                            <a:schemeClr val="bg1"/>
                          </a:solidFill>
                          <a:effectLst/>
                          <a:latin typeface="+mn-lt"/>
                          <a:ea typeface="+mn-ea"/>
                          <a:cs typeface="+mn-cs"/>
                        </a:rPr>
                        <a:t>　</a:t>
                      </a:r>
                      <a:r>
                        <a:rPr kumimoji="1" lang="ja-JP" altLang="ja-JP" sz="1400" b="1" kern="1200" dirty="0">
                          <a:solidFill>
                            <a:schemeClr val="bg1"/>
                          </a:solidFill>
                          <a:effectLst/>
                          <a:latin typeface="+mn-lt"/>
                          <a:ea typeface="+mn-ea"/>
                          <a:cs typeface="+mn-cs"/>
                        </a:rPr>
                        <a:t>７．刑法上の談合等　　　　　　　</a:t>
                      </a:r>
                      <a:r>
                        <a:rPr kumimoji="1" lang="en-US" altLang="ja-JP" sz="1400" b="1" kern="1200" dirty="0">
                          <a:solidFill>
                            <a:schemeClr val="bg1"/>
                          </a:solidFill>
                          <a:effectLst/>
                          <a:latin typeface="+mn-lt"/>
                          <a:ea typeface="+mn-ea"/>
                          <a:cs typeface="+mn-cs"/>
                        </a:rPr>
                        <a:t> </a:t>
                      </a:r>
                    </a:p>
                    <a:p>
                      <a:r>
                        <a:rPr kumimoji="1" lang="ja-JP" altLang="en-US" sz="1400" b="1" kern="1200" dirty="0">
                          <a:solidFill>
                            <a:schemeClr val="bg1"/>
                          </a:solidFill>
                          <a:effectLst/>
                          <a:latin typeface="+mn-lt"/>
                          <a:ea typeface="+mn-ea"/>
                          <a:cs typeface="+mn-cs"/>
                        </a:rPr>
                        <a:t>　　８．あっせん利得処罰法違反行為</a:t>
                      </a:r>
                      <a:endParaRPr kumimoji="1" lang="en-US" altLang="ja-JP" sz="1400" b="1" kern="1200" dirty="0">
                        <a:solidFill>
                          <a:schemeClr val="bg1"/>
                        </a:solidFill>
                        <a:effectLst/>
                        <a:latin typeface="+mn-lt"/>
                        <a:ea typeface="+mn-ea"/>
                        <a:cs typeface="+mn-cs"/>
                      </a:endParaRPr>
                    </a:p>
                    <a:p>
                      <a:r>
                        <a:rPr kumimoji="1" lang="ja-JP" altLang="en-US" sz="1400" b="1" kern="1200" dirty="0">
                          <a:solidFill>
                            <a:schemeClr val="bg1"/>
                          </a:solidFill>
                          <a:effectLst/>
                          <a:latin typeface="+mn-lt"/>
                          <a:ea typeface="+mn-ea"/>
                          <a:cs typeface="+mn-cs"/>
                        </a:rPr>
                        <a:t>　　９．虚偽記載</a:t>
                      </a:r>
                      <a:endParaRPr kumimoji="1" lang="en-US" altLang="ja-JP" sz="1400" b="1" kern="1200" dirty="0">
                        <a:solidFill>
                          <a:schemeClr val="bg1"/>
                        </a:solidFill>
                        <a:effectLst/>
                        <a:latin typeface="+mn-lt"/>
                        <a:ea typeface="+mn-ea"/>
                        <a:cs typeface="+mn-cs"/>
                      </a:endParaRPr>
                    </a:p>
                    <a:p>
                      <a:r>
                        <a:rPr kumimoji="1" lang="ja-JP" altLang="en-US" sz="1400" b="1" kern="1200" dirty="0">
                          <a:solidFill>
                            <a:schemeClr val="bg1"/>
                          </a:solidFill>
                          <a:effectLst/>
                          <a:latin typeface="+mn-lt"/>
                          <a:ea typeface="+mn-ea"/>
                          <a:cs typeface="+mn-cs"/>
                        </a:rPr>
                        <a:t>　　</a:t>
                      </a:r>
                      <a:r>
                        <a:rPr kumimoji="1" lang="en-US" altLang="ja-JP" sz="1400" b="1" kern="1200" dirty="0">
                          <a:solidFill>
                            <a:schemeClr val="bg1"/>
                          </a:solidFill>
                          <a:effectLst/>
                          <a:latin typeface="+mn-lt"/>
                          <a:ea typeface="+mn-ea"/>
                          <a:cs typeface="+mn-cs"/>
                        </a:rPr>
                        <a:t>10. </a:t>
                      </a:r>
                      <a:r>
                        <a:rPr kumimoji="1" lang="ja-JP" altLang="en-US" sz="1400" b="1" kern="1200" dirty="0">
                          <a:solidFill>
                            <a:schemeClr val="bg1"/>
                          </a:solidFill>
                          <a:effectLst/>
                          <a:latin typeface="+mn-lt"/>
                          <a:ea typeface="+mn-ea"/>
                          <a:cs typeface="+mn-cs"/>
                        </a:rPr>
                        <a:t>暴力行為等</a:t>
                      </a:r>
                    </a:p>
                    <a:p>
                      <a:r>
                        <a:rPr kumimoji="1" lang="zh-TW" altLang="en-US" sz="1400" b="1" kern="1200" dirty="0">
                          <a:solidFill>
                            <a:schemeClr val="bg1"/>
                          </a:solidFill>
                          <a:effectLst/>
                          <a:latin typeface="+mn-lt"/>
                          <a:ea typeface="+mn-ea"/>
                          <a:cs typeface="+mn-cs"/>
                        </a:rPr>
                        <a:t>　</a:t>
                      </a:r>
                      <a:r>
                        <a:rPr kumimoji="1" lang="ja-JP" altLang="en-US" sz="1400" b="1" kern="1200" dirty="0">
                          <a:solidFill>
                            <a:schemeClr val="bg1"/>
                          </a:solidFill>
                          <a:effectLst/>
                          <a:latin typeface="+mn-lt"/>
                          <a:ea typeface="+mn-ea"/>
                          <a:cs typeface="+mn-cs"/>
                        </a:rPr>
                        <a:t>　</a:t>
                      </a:r>
                      <a:r>
                        <a:rPr kumimoji="1" lang="en-US" altLang="zh-TW" sz="1400" b="1" kern="1200" dirty="0">
                          <a:solidFill>
                            <a:schemeClr val="bg1"/>
                          </a:solidFill>
                          <a:effectLst/>
                          <a:latin typeface="+mn-lt"/>
                          <a:ea typeface="+mn-ea"/>
                          <a:cs typeface="+mn-cs"/>
                        </a:rPr>
                        <a:t>11. </a:t>
                      </a:r>
                      <a:r>
                        <a:rPr kumimoji="1" lang="zh-TW" altLang="en-US" sz="1400" b="1" kern="1200" dirty="0">
                          <a:solidFill>
                            <a:schemeClr val="bg1"/>
                          </a:solidFill>
                          <a:effectLst/>
                          <a:latin typeface="+mn-lt"/>
                          <a:ea typeface="+mn-ea"/>
                          <a:cs typeface="+mn-cs"/>
                        </a:rPr>
                        <a:t>建設業法違反</a:t>
                      </a:r>
                    </a:p>
                    <a:p>
                      <a:r>
                        <a:rPr kumimoji="1" lang="ja-JP" altLang="en-US" sz="1400" b="1" kern="1200" dirty="0">
                          <a:solidFill>
                            <a:schemeClr val="bg1"/>
                          </a:solidFill>
                          <a:effectLst/>
                          <a:latin typeface="+mn-lt"/>
                          <a:ea typeface="+mn-ea"/>
                          <a:cs typeface="+mn-cs"/>
                        </a:rPr>
                        <a:t>　　</a:t>
                      </a:r>
                      <a:r>
                        <a:rPr kumimoji="1" lang="en-US" altLang="ja-JP" sz="1400" b="1" kern="1200" dirty="0">
                          <a:solidFill>
                            <a:schemeClr val="bg1"/>
                          </a:solidFill>
                          <a:effectLst/>
                          <a:latin typeface="+mn-lt"/>
                          <a:ea typeface="+mn-ea"/>
                          <a:cs typeface="+mn-cs"/>
                        </a:rPr>
                        <a:t>12. </a:t>
                      </a:r>
                      <a:r>
                        <a:rPr kumimoji="1" lang="ja-JP" altLang="en-US" sz="1400" b="1" kern="1200" dirty="0">
                          <a:solidFill>
                            <a:schemeClr val="bg1"/>
                          </a:solidFill>
                          <a:effectLst/>
                          <a:latin typeface="+mn-lt"/>
                          <a:ea typeface="+mn-ea"/>
                          <a:cs typeface="+mn-cs"/>
                        </a:rPr>
                        <a:t>その他の法令違反</a:t>
                      </a:r>
                    </a:p>
                    <a:p>
                      <a:r>
                        <a:rPr kumimoji="1" lang="ja-JP" altLang="en-US" sz="1400" b="1" kern="1200" dirty="0">
                          <a:solidFill>
                            <a:schemeClr val="bg1"/>
                          </a:solidFill>
                          <a:effectLst/>
                          <a:latin typeface="+mn-lt"/>
                          <a:ea typeface="+mn-ea"/>
                          <a:cs typeface="+mn-cs"/>
                        </a:rPr>
                        <a:t>　　</a:t>
                      </a:r>
                      <a:r>
                        <a:rPr kumimoji="1" lang="en-US" altLang="ja-JP" sz="1400" b="1" kern="1200" dirty="0">
                          <a:solidFill>
                            <a:schemeClr val="bg1"/>
                          </a:solidFill>
                          <a:effectLst/>
                          <a:latin typeface="+mn-lt"/>
                          <a:ea typeface="+mn-ea"/>
                          <a:cs typeface="+mn-cs"/>
                        </a:rPr>
                        <a:t>13. </a:t>
                      </a:r>
                      <a:r>
                        <a:rPr kumimoji="1" lang="ja-JP" altLang="en-US" sz="1400" b="1" kern="1200" dirty="0">
                          <a:solidFill>
                            <a:schemeClr val="bg1"/>
                          </a:solidFill>
                          <a:effectLst/>
                          <a:latin typeface="+mn-lt"/>
                          <a:ea typeface="+mn-ea"/>
                          <a:cs typeface="+mn-cs"/>
                        </a:rPr>
                        <a:t>不正又は不誠実な行為</a:t>
                      </a:r>
                    </a:p>
                    <a:p>
                      <a:r>
                        <a:rPr kumimoji="1" lang="ja-JP" altLang="en-US" sz="1400" b="1" kern="1200" dirty="0">
                          <a:solidFill>
                            <a:schemeClr val="bg1"/>
                          </a:solidFill>
                          <a:effectLst/>
                          <a:latin typeface="+mn-lt"/>
                          <a:ea typeface="+mn-ea"/>
                          <a:cs typeface="+mn-cs"/>
                        </a:rPr>
                        <a:t>　　</a:t>
                      </a:r>
                      <a:r>
                        <a:rPr kumimoji="1" lang="en-US" altLang="ja-JP" sz="1400" b="1" kern="1200" dirty="0">
                          <a:solidFill>
                            <a:schemeClr val="bg1"/>
                          </a:solidFill>
                          <a:effectLst/>
                          <a:latin typeface="+mn-lt"/>
                          <a:ea typeface="+mn-ea"/>
                          <a:cs typeface="+mn-cs"/>
                        </a:rPr>
                        <a:t>14. </a:t>
                      </a:r>
                      <a:r>
                        <a:rPr kumimoji="1" lang="ja-JP" altLang="en-US" sz="1400" b="1" kern="1200" dirty="0">
                          <a:solidFill>
                            <a:schemeClr val="bg1"/>
                          </a:solidFill>
                          <a:effectLst/>
                          <a:latin typeface="+mn-lt"/>
                          <a:ea typeface="+mn-ea"/>
                          <a:cs typeface="+mn-cs"/>
                        </a:rPr>
                        <a:t>その他</a:t>
                      </a:r>
                      <a:endParaRPr kumimoji="1" lang="en-US" altLang="ja-JP" sz="1400" b="1" kern="1200" dirty="0">
                        <a:solidFill>
                          <a:schemeClr val="bg1"/>
                        </a:solidFill>
                        <a:effectLst/>
                        <a:latin typeface="+mn-lt"/>
                        <a:ea typeface="+mn-ea"/>
                        <a:cs typeface="+mn-cs"/>
                      </a:endParaRPr>
                    </a:p>
                    <a:p>
                      <a:r>
                        <a:rPr kumimoji="1" lang="ja-JP" altLang="en-US" sz="1400" b="1" kern="1200" dirty="0">
                          <a:solidFill>
                            <a:schemeClr val="bg1"/>
                          </a:solidFill>
                          <a:effectLst/>
                          <a:latin typeface="+mn-lt"/>
                          <a:ea typeface="+mn-ea"/>
                          <a:cs typeface="+mn-cs"/>
                        </a:rPr>
                        <a:t>　</a:t>
                      </a:r>
                      <a:endParaRPr kumimoji="1" lang="en-US" altLang="ja-JP" sz="1400" b="1" kern="1200" dirty="0">
                        <a:solidFill>
                          <a:schemeClr val="bg1"/>
                        </a:solidFill>
                        <a:effectLst/>
                        <a:latin typeface="+mn-lt"/>
                        <a:ea typeface="+mn-ea"/>
                        <a:cs typeface="+mn-cs"/>
                      </a:endParaRPr>
                    </a:p>
                    <a:p>
                      <a:pPr algn="r"/>
                      <a:r>
                        <a:rPr kumimoji="1" lang="en-US" altLang="ja-JP" sz="1400" b="1" kern="1200" dirty="0">
                          <a:solidFill>
                            <a:schemeClr val="bg1"/>
                          </a:solidFill>
                          <a:effectLst/>
                          <a:latin typeface="+mn-lt"/>
                          <a:ea typeface="+mn-ea"/>
                          <a:cs typeface="+mn-cs"/>
                        </a:rPr>
                        <a:t>※</a:t>
                      </a:r>
                      <a:r>
                        <a:rPr kumimoji="1" lang="ja-JP" altLang="en-US" sz="1400" b="1" kern="1200" dirty="0">
                          <a:solidFill>
                            <a:schemeClr val="bg1"/>
                          </a:solidFill>
                          <a:effectLst/>
                          <a:latin typeface="+mn-lt"/>
                          <a:ea typeface="+mn-ea"/>
                          <a:cs typeface="+mn-cs"/>
                        </a:rPr>
                        <a:t>本契約にて主な対象となる項目は</a:t>
                      </a:r>
                      <a:r>
                        <a:rPr kumimoji="1" lang="ja-JP" altLang="en-US" sz="1400" b="1" u="none" kern="1200" dirty="0">
                          <a:solidFill>
                            <a:schemeClr val="bg1"/>
                          </a:solidFill>
                          <a:effectLst/>
                          <a:latin typeface="+mn-lt"/>
                          <a:ea typeface="+mn-ea"/>
                          <a:cs typeface="+mn-cs"/>
                        </a:rPr>
                        <a:t>１．３．</a:t>
                      </a:r>
                      <a:r>
                        <a:rPr kumimoji="1" lang="ja-JP" altLang="en-US" sz="1400" b="1" kern="1200" dirty="0">
                          <a:solidFill>
                            <a:schemeClr val="bg1"/>
                          </a:solidFill>
                          <a:effectLst/>
                          <a:latin typeface="+mn-lt"/>
                          <a:ea typeface="+mn-ea"/>
                          <a:cs typeface="+mn-cs"/>
                        </a:rPr>
                        <a:t>となる。</a:t>
                      </a:r>
                      <a:endParaRPr kumimoji="1" lang="ja-JP" altLang="ja-JP" sz="1400" b="1" kern="1200" dirty="0">
                        <a:solidFill>
                          <a:schemeClr val="bg1"/>
                        </a:solidFill>
                        <a:effectLst/>
                        <a:latin typeface="+mn-lt"/>
                        <a:ea typeface="+mn-ea"/>
                        <a:cs typeface="+mn-cs"/>
                      </a:endParaRPr>
                    </a:p>
                    <a:p>
                      <a:pPr algn="just">
                        <a:spcAft>
                          <a:spcPts val="0"/>
                        </a:spcAft>
                      </a:pPr>
                      <a:endParaRPr lang="ja-JP" sz="1400" kern="100" dirty="0">
                        <a:effectLst/>
                        <a:latin typeface="游明朝" panose="02020400000000000000" pitchFamily="18" charset="-128"/>
                        <a:ea typeface="游明朝" panose="02020400000000000000" pitchFamily="18" charset="-128"/>
                        <a:cs typeface="Times New Roman" panose="02020603050405020304" pitchFamily="18" charset="0"/>
                      </a:endParaRPr>
                    </a:p>
                  </a:txBody>
                  <a:tcPr marL="68580" marR="68580" marT="0" marB="0"/>
                </a:tc>
                <a:extLst>
                  <a:ext uri="{0D108BD9-81ED-4DB2-BD59-A6C34878D82A}">
                    <a16:rowId xmlns:a16="http://schemas.microsoft.com/office/drawing/2014/main" val="2746907367"/>
                  </a:ext>
                </a:extLst>
              </a:tr>
            </a:tbl>
          </a:graphicData>
        </a:graphic>
      </p:graphicFrame>
      <p:graphicFrame>
        <p:nvGraphicFramePr>
          <p:cNvPr id="8" name="表 7">
            <a:extLst>
              <a:ext uri="{FF2B5EF4-FFF2-40B4-BE49-F238E27FC236}">
                <a16:creationId xmlns:a16="http://schemas.microsoft.com/office/drawing/2014/main" id="{84798A89-F804-B1A5-AF86-B92D00EA0414}"/>
              </a:ext>
            </a:extLst>
          </p:cNvPr>
          <p:cNvGraphicFramePr>
            <a:graphicFrameLocks noGrp="1"/>
          </p:cNvGraphicFramePr>
          <p:nvPr/>
        </p:nvGraphicFramePr>
        <p:xfrm>
          <a:off x="134301" y="1227980"/>
          <a:ext cx="9632795" cy="365126"/>
        </p:xfrm>
        <a:graphic>
          <a:graphicData uri="http://schemas.openxmlformats.org/drawingml/2006/table">
            <a:tbl>
              <a:tblPr firstRow="1" firstCol="1" bandRow="1">
                <a:tableStyleId>{5C22544A-7EE6-4342-B048-85BDC9FD1C3A}</a:tableStyleId>
              </a:tblPr>
              <a:tblGrid>
                <a:gridCol w="9632795">
                  <a:extLst>
                    <a:ext uri="{9D8B030D-6E8A-4147-A177-3AD203B41FA5}">
                      <a16:colId xmlns:a16="http://schemas.microsoft.com/office/drawing/2014/main" val="1856965544"/>
                    </a:ext>
                  </a:extLst>
                </a:gridCol>
              </a:tblGrid>
              <a:tr h="365126">
                <a:tc>
                  <a:txBody>
                    <a:bodyPr/>
                    <a:lstStyle/>
                    <a:p>
                      <a:pPr algn="just">
                        <a:spcAft>
                          <a:spcPts val="0"/>
                        </a:spcAft>
                      </a:pPr>
                      <a:r>
                        <a:rPr lang="ja-JP" altLang="en-US" sz="1800" b="0" kern="100" dirty="0">
                          <a:solidFill>
                            <a:schemeClr val="tx1"/>
                          </a:solidFill>
                          <a:effectLst/>
                        </a:rPr>
                        <a:t>一般規定に抵触する事項については、事故の程度によりペナルティポイントを付している</a:t>
                      </a:r>
                      <a:r>
                        <a:rPr kumimoji="1" lang="ja-JP" altLang="en-US" sz="1800" b="0" kern="1200" dirty="0">
                          <a:solidFill>
                            <a:schemeClr val="tx1"/>
                          </a:solidFill>
                          <a:effectLst/>
                          <a:latin typeface="+mn-lt"/>
                          <a:ea typeface="+mn-ea"/>
                          <a:cs typeface="+mn-cs"/>
                        </a:rPr>
                        <a:t>　　　　　　　</a:t>
                      </a:r>
                      <a:endParaRPr lang="ja-JP" sz="1800" b="0" kern="100" dirty="0">
                        <a:solidFill>
                          <a:schemeClr val="tx1"/>
                        </a:solidFill>
                        <a:effectLst/>
                        <a:latin typeface="游明朝" panose="02020400000000000000" pitchFamily="18" charset="-128"/>
                        <a:ea typeface="游明朝" panose="02020400000000000000" pitchFamily="18" charset="-128"/>
                        <a:cs typeface="Times New Roman" panose="02020603050405020304" pitchFamily="18" charset="0"/>
                      </a:endParaRPr>
                    </a:p>
                  </a:txBody>
                  <a:tcPr marL="68580" marR="68580" marT="0" marB="0">
                    <a:noFill/>
                  </a:tcPr>
                </a:tc>
                <a:extLst>
                  <a:ext uri="{0D108BD9-81ED-4DB2-BD59-A6C34878D82A}">
                    <a16:rowId xmlns:a16="http://schemas.microsoft.com/office/drawing/2014/main" val="2746907367"/>
                  </a:ext>
                </a:extLst>
              </a:tr>
            </a:tbl>
          </a:graphicData>
        </a:graphic>
      </p:graphicFrame>
      <p:sp>
        <p:nvSpPr>
          <p:cNvPr id="4" name="角丸四角形 6">
            <a:extLst>
              <a:ext uri="{FF2B5EF4-FFF2-40B4-BE49-F238E27FC236}">
                <a16:creationId xmlns:a16="http://schemas.microsoft.com/office/drawing/2014/main" id="{EEC62AD1-E9AF-3283-2D6F-4704302A15E2}"/>
              </a:ext>
            </a:extLst>
          </p:cNvPr>
          <p:cNvSpPr/>
          <p:nvPr/>
        </p:nvSpPr>
        <p:spPr>
          <a:xfrm>
            <a:off x="134301" y="116832"/>
            <a:ext cx="9632795"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２．包括委託に関連する第三者事故発生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9" name="テキスト ボックス 8">
            <a:extLst>
              <a:ext uri="{FF2B5EF4-FFF2-40B4-BE49-F238E27FC236}">
                <a16:creationId xmlns:a16="http://schemas.microsoft.com/office/drawing/2014/main" id="{E91A99AE-E174-AE59-F448-BAC23CE1306D}"/>
              </a:ext>
            </a:extLst>
          </p:cNvPr>
          <p:cNvSpPr txBox="1"/>
          <p:nvPr/>
        </p:nvSpPr>
        <p:spPr>
          <a:xfrm>
            <a:off x="8448931" y="60810"/>
            <a:ext cx="1407549" cy="461665"/>
          </a:xfrm>
          <a:prstGeom prst="rect">
            <a:avLst/>
          </a:prstGeom>
          <a:noFill/>
          <a:ln>
            <a:solidFill>
              <a:schemeClr val="tx1"/>
            </a:solidFill>
          </a:ln>
        </p:spPr>
        <p:txBody>
          <a:bodyPr wrap="square" rtlCol="0" anchor="ctr">
            <a:spAutoFit/>
          </a:bodyPr>
          <a:lstStyle/>
          <a:p>
            <a:pPr algn="ctr"/>
            <a:r>
              <a:rPr kumimoji="1" lang="ja-JP" altLang="en-US" sz="1200" dirty="0"/>
              <a:t>第１回審議会資料</a:t>
            </a:r>
            <a:endParaRPr kumimoji="1" lang="en-US" altLang="ja-JP" sz="1200" dirty="0"/>
          </a:p>
          <a:p>
            <a:pPr algn="ctr"/>
            <a:r>
              <a:rPr kumimoji="1" lang="ja-JP" altLang="en-US" sz="1200" dirty="0"/>
              <a:t>（再掲）</a:t>
            </a:r>
          </a:p>
        </p:txBody>
      </p:sp>
    </p:spTree>
    <p:extLst>
      <p:ext uri="{BB962C8B-B14F-4D97-AF65-F5344CB8AC3E}">
        <p14:creationId xmlns:p14="http://schemas.microsoft.com/office/powerpoint/2010/main" val="274638275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275" dirty="0">
                <a:solidFill>
                  <a:schemeClr val="bg1"/>
                </a:solidFill>
                <a:latin typeface="HGP創英角ｺﾞｼｯｸUB" panose="020B0900000000000000" pitchFamily="50" charset="-128"/>
                <a:ea typeface="HGP創英角ｺﾞｼｯｸUB" panose="020B0900000000000000" pitchFamily="50" charset="-128"/>
              </a:rPr>
              <a:t>　　</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発生事故まとめ</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5" name="スライド番号プレースホルダー 4"/>
          <p:cNvSpPr>
            <a:spLocks noGrp="1"/>
          </p:cNvSpPr>
          <p:nvPr>
            <p:ph type="sldNum" sz="quarter" idx="12"/>
          </p:nvPr>
        </p:nvSpPr>
        <p:spPr/>
        <p:txBody>
          <a:bodyPr/>
          <a:lstStyle/>
          <a:p>
            <a:fld id="{36EC18DB-A5DF-4E0E-B815-FCD04A2C4B2C}" type="slidenum">
              <a:rPr kumimoji="1" lang="ja-JP" altLang="en-US" smtClean="0"/>
              <a:t>32</a:t>
            </a:fld>
            <a:endParaRPr kumimoji="1" lang="ja-JP" altLang="en-US"/>
          </a:p>
        </p:txBody>
      </p:sp>
      <p:sp>
        <p:nvSpPr>
          <p:cNvPr id="8" name="テキスト ボックス 7">
            <a:extLst>
              <a:ext uri="{FF2B5EF4-FFF2-40B4-BE49-F238E27FC236}">
                <a16:creationId xmlns:a16="http://schemas.microsoft.com/office/drawing/2014/main" id="{A53F2EFC-87E6-0417-B514-8AE689788160}"/>
              </a:ext>
            </a:extLst>
          </p:cNvPr>
          <p:cNvSpPr txBox="1"/>
          <p:nvPr/>
        </p:nvSpPr>
        <p:spPr>
          <a:xfrm>
            <a:off x="303109" y="6204798"/>
            <a:ext cx="9288532" cy="400110"/>
          </a:xfrm>
          <a:prstGeom prst="rect">
            <a:avLst/>
          </a:prstGeom>
          <a:noFill/>
        </p:spPr>
        <p:txBody>
          <a:bodyPr wrap="square" rtlCol="0">
            <a:spAutoFit/>
          </a:bodyPr>
          <a:lstStyle/>
          <a:p>
            <a:r>
              <a:rPr kumimoji="1" lang="en-US" altLang="ja-JP" sz="2000" dirty="0"/>
              <a:t>※</a:t>
            </a:r>
            <a:r>
              <a:rPr kumimoji="1" lang="ja-JP" altLang="en-US" sz="2000" dirty="0"/>
              <a:t>次ページに１件別の事故発生状況詳細を記載</a:t>
            </a:r>
          </a:p>
        </p:txBody>
      </p:sp>
      <p:sp>
        <p:nvSpPr>
          <p:cNvPr id="4" name="角丸四角形 6">
            <a:extLst>
              <a:ext uri="{FF2B5EF4-FFF2-40B4-BE49-F238E27FC236}">
                <a16:creationId xmlns:a16="http://schemas.microsoft.com/office/drawing/2014/main" id="{B2B6D90B-7125-6367-F5E3-FA349F38CCB2}"/>
              </a:ext>
            </a:extLst>
          </p:cNvPr>
          <p:cNvSpPr/>
          <p:nvPr/>
        </p:nvSpPr>
        <p:spPr>
          <a:xfrm>
            <a:off x="134301" y="116832"/>
            <a:ext cx="9632795"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２．包括委託に関連する第三者事故発生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pic>
        <p:nvPicPr>
          <p:cNvPr id="9" name="図 8">
            <a:extLst>
              <a:ext uri="{FF2B5EF4-FFF2-40B4-BE49-F238E27FC236}">
                <a16:creationId xmlns:a16="http://schemas.microsoft.com/office/drawing/2014/main" id="{230B5476-07D2-0524-110A-D71F2344EFAE}"/>
              </a:ext>
            </a:extLst>
          </p:cNvPr>
          <p:cNvPicPr>
            <a:picLocks noChangeAspect="1"/>
          </p:cNvPicPr>
          <p:nvPr/>
        </p:nvPicPr>
        <p:blipFill>
          <a:blip r:embed="rId3"/>
          <a:stretch>
            <a:fillRect/>
          </a:stretch>
        </p:blipFill>
        <p:spPr>
          <a:xfrm>
            <a:off x="118534" y="1271819"/>
            <a:ext cx="9608789" cy="4850591"/>
          </a:xfrm>
          <a:prstGeom prst="rect">
            <a:avLst/>
          </a:prstGeom>
        </p:spPr>
      </p:pic>
      <p:sp>
        <p:nvSpPr>
          <p:cNvPr id="10" name="正方形/長方形 9">
            <a:extLst>
              <a:ext uri="{FF2B5EF4-FFF2-40B4-BE49-F238E27FC236}">
                <a16:creationId xmlns:a16="http://schemas.microsoft.com/office/drawing/2014/main" id="{B7B73AFB-1DB2-964D-6419-1CDB64C5A8B2}"/>
              </a:ext>
            </a:extLst>
          </p:cNvPr>
          <p:cNvSpPr/>
          <p:nvPr/>
        </p:nvSpPr>
        <p:spPr>
          <a:xfrm>
            <a:off x="2910177" y="1271819"/>
            <a:ext cx="834887" cy="4850591"/>
          </a:xfrm>
          <a:prstGeom prst="rect">
            <a:avLst/>
          </a:prstGeom>
          <a:noFill/>
          <a:ln w="57150">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11794757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D2EEE78-CA6F-9BF3-5F4A-ACD845C5A56F}"/>
            </a:ext>
          </a:extLst>
        </p:cNvPr>
        <p:cNvGrpSpPr/>
        <p:nvPr/>
      </p:nvGrpSpPr>
      <p:grpSpPr>
        <a:xfrm>
          <a:off x="0" y="0"/>
          <a:ext cx="0" cy="0"/>
          <a:chOff x="0" y="0"/>
          <a:chExt cx="0" cy="0"/>
        </a:xfrm>
      </p:grpSpPr>
      <p:graphicFrame>
        <p:nvGraphicFramePr>
          <p:cNvPr id="4" name="表 6">
            <a:extLst>
              <a:ext uri="{FF2B5EF4-FFF2-40B4-BE49-F238E27FC236}">
                <a16:creationId xmlns:a16="http://schemas.microsoft.com/office/drawing/2014/main" id="{FAEC52F0-256B-904A-0F23-894D627EC769}"/>
              </a:ext>
            </a:extLst>
          </p:cNvPr>
          <p:cNvGraphicFramePr>
            <a:graphicFrameLocks noGrp="1"/>
          </p:cNvGraphicFramePr>
          <p:nvPr/>
        </p:nvGraphicFramePr>
        <p:xfrm>
          <a:off x="134300" y="1227666"/>
          <a:ext cx="9487682" cy="2076643"/>
        </p:xfrm>
        <a:graphic>
          <a:graphicData uri="http://schemas.openxmlformats.org/drawingml/2006/table">
            <a:tbl>
              <a:tblPr firstRow="1" bandRow="1">
                <a:tableStyleId>{5C22544A-7EE6-4342-B048-85BDC9FD1C3A}</a:tableStyleId>
              </a:tblPr>
              <a:tblGrid>
                <a:gridCol w="1042493">
                  <a:extLst>
                    <a:ext uri="{9D8B030D-6E8A-4147-A177-3AD203B41FA5}">
                      <a16:colId xmlns:a16="http://schemas.microsoft.com/office/drawing/2014/main" val="133840368"/>
                    </a:ext>
                  </a:extLst>
                </a:gridCol>
                <a:gridCol w="1247093">
                  <a:extLst>
                    <a:ext uri="{9D8B030D-6E8A-4147-A177-3AD203B41FA5}">
                      <a16:colId xmlns:a16="http://schemas.microsoft.com/office/drawing/2014/main" val="3065394941"/>
                    </a:ext>
                  </a:extLst>
                </a:gridCol>
                <a:gridCol w="1103085">
                  <a:extLst>
                    <a:ext uri="{9D8B030D-6E8A-4147-A177-3AD203B41FA5}">
                      <a16:colId xmlns:a16="http://schemas.microsoft.com/office/drawing/2014/main" val="4233643009"/>
                    </a:ext>
                  </a:extLst>
                </a:gridCol>
                <a:gridCol w="2162629">
                  <a:extLst>
                    <a:ext uri="{9D8B030D-6E8A-4147-A177-3AD203B41FA5}">
                      <a16:colId xmlns:a16="http://schemas.microsoft.com/office/drawing/2014/main" val="2213254914"/>
                    </a:ext>
                  </a:extLst>
                </a:gridCol>
                <a:gridCol w="3038764">
                  <a:extLst>
                    <a:ext uri="{9D8B030D-6E8A-4147-A177-3AD203B41FA5}">
                      <a16:colId xmlns:a16="http://schemas.microsoft.com/office/drawing/2014/main" val="3773627977"/>
                    </a:ext>
                  </a:extLst>
                </a:gridCol>
                <a:gridCol w="893618">
                  <a:extLst>
                    <a:ext uri="{9D8B030D-6E8A-4147-A177-3AD203B41FA5}">
                      <a16:colId xmlns:a16="http://schemas.microsoft.com/office/drawing/2014/main" val="4022312560"/>
                    </a:ext>
                  </a:extLst>
                </a:gridCol>
              </a:tblGrid>
              <a:tr h="652114">
                <a:tc>
                  <a:txBody>
                    <a:bodyPr/>
                    <a:lstStyle/>
                    <a:p>
                      <a:pPr algn="ctr"/>
                      <a:r>
                        <a:rPr kumimoji="1" lang="ja-JP" altLang="en-US" sz="1600" dirty="0"/>
                        <a:t>発生日</a:t>
                      </a:r>
                    </a:p>
                  </a:txBody>
                  <a:tcPr anchor="ctr"/>
                </a:tc>
                <a:tc>
                  <a:txBody>
                    <a:bodyPr/>
                    <a:lstStyle/>
                    <a:p>
                      <a:pPr algn="ctr"/>
                      <a:r>
                        <a:rPr kumimoji="1" lang="ja-JP" altLang="en-US" sz="1600" dirty="0"/>
                        <a:t>概要</a:t>
                      </a:r>
                    </a:p>
                  </a:txBody>
                  <a:tcPr anchor="ctr"/>
                </a:tc>
                <a:tc>
                  <a:txBody>
                    <a:bodyPr/>
                    <a:lstStyle/>
                    <a:p>
                      <a:pPr algn="ctr"/>
                      <a:r>
                        <a:rPr kumimoji="1" lang="ja-JP" altLang="en-US" sz="1600" dirty="0"/>
                        <a:t>原因</a:t>
                      </a:r>
                    </a:p>
                  </a:txBody>
                  <a:tcPr anchor="ctr"/>
                </a:tc>
                <a:tc>
                  <a:txBody>
                    <a:bodyPr/>
                    <a:lstStyle/>
                    <a:p>
                      <a:pPr algn="ctr"/>
                      <a:r>
                        <a:rPr kumimoji="1" lang="ja-JP" altLang="en-US" sz="1600" dirty="0"/>
                        <a:t>これまでの維持管理</a:t>
                      </a:r>
                    </a:p>
                  </a:txBody>
                  <a:tcPr anchor="ctr"/>
                </a:tc>
                <a:tc>
                  <a:txBody>
                    <a:bodyPr/>
                    <a:lstStyle/>
                    <a:p>
                      <a:pPr algn="ctr"/>
                      <a:r>
                        <a:rPr kumimoji="1" lang="ja-JP" altLang="en-US" sz="1600" dirty="0"/>
                        <a:t>再発防止策</a:t>
                      </a:r>
                    </a:p>
                  </a:txBody>
                  <a:tcPr anchor="ctr"/>
                </a:tc>
                <a:tc>
                  <a:txBody>
                    <a:bodyPr/>
                    <a:lstStyle/>
                    <a:p>
                      <a:pPr algn="ctr"/>
                      <a:r>
                        <a:rPr kumimoji="1" lang="ja-JP" altLang="en-US" dirty="0"/>
                        <a:t>事故の程度</a:t>
                      </a:r>
                    </a:p>
                  </a:txBody>
                  <a:tcPr anchor="ctr"/>
                </a:tc>
                <a:extLst>
                  <a:ext uri="{0D108BD9-81ED-4DB2-BD59-A6C34878D82A}">
                    <a16:rowId xmlns:a16="http://schemas.microsoft.com/office/drawing/2014/main" val="2218233948"/>
                  </a:ext>
                </a:extLst>
              </a:tr>
              <a:tr h="1424529">
                <a:tc>
                  <a:txBody>
                    <a:bodyPr/>
                    <a:lstStyle/>
                    <a:p>
                      <a:pPr algn="ctr"/>
                      <a:r>
                        <a:rPr kumimoji="1" lang="en-US" altLang="ja-JP" sz="1600" dirty="0"/>
                        <a:t>5</a:t>
                      </a:r>
                      <a:r>
                        <a:rPr kumimoji="1" lang="ja-JP" altLang="en-US" sz="1600" dirty="0"/>
                        <a:t>月</a:t>
                      </a:r>
                      <a:r>
                        <a:rPr kumimoji="1" lang="en-US" altLang="ja-JP" sz="1600" dirty="0"/>
                        <a:t>27</a:t>
                      </a:r>
                      <a:r>
                        <a:rPr kumimoji="1" lang="ja-JP" altLang="en-US" sz="1600" dirty="0"/>
                        <a:t>日</a:t>
                      </a:r>
                    </a:p>
                  </a:txBody>
                  <a:tcPr anchor="ctr"/>
                </a:tc>
                <a:tc>
                  <a:txBody>
                    <a:bodyPr/>
                    <a:lstStyle/>
                    <a:p>
                      <a:r>
                        <a:rPr kumimoji="1" lang="ja-JP" altLang="en-US" sz="1600" dirty="0"/>
                        <a:t>陥没による車両落輪</a:t>
                      </a:r>
                    </a:p>
                  </a:txBody>
                  <a:tcPr anchor="ctr"/>
                </a:tc>
                <a:tc>
                  <a:txBody>
                    <a:bodyPr/>
                    <a:lstStyle/>
                    <a:p>
                      <a:pPr algn="ctr"/>
                      <a:r>
                        <a:rPr kumimoji="1" lang="ja-JP" altLang="en-US" sz="1600" dirty="0"/>
                        <a:t>取付管の劣化</a:t>
                      </a:r>
                      <a:endParaRPr kumimoji="1" lang="en-US" altLang="ja-JP" sz="1100" dirty="0"/>
                    </a:p>
                    <a:p>
                      <a:pPr algn="ctr"/>
                      <a:r>
                        <a:rPr kumimoji="1" lang="ja-JP" altLang="en-US" sz="1200" dirty="0"/>
                        <a:t>（老朽化）</a:t>
                      </a:r>
                      <a:endParaRPr kumimoji="1" lang="ja-JP" altLang="en-US" sz="1800" dirty="0"/>
                    </a:p>
                  </a:txBody>
                  <a:tcPr anchor="ctr"/>
                </a:tc>
                <a:tc>
                  <a:txBody>
                    <a:bodyPr/>
                    <a:lstStyle/>
                    <a:p>
                      <a:r>
                        <a:rPr kumimoji="1" lang="ja-JP" altLang="en-US" sz="1600" dirty="0"/>
                        <a:t>計画に基づいた巡視</a:t>
                      </a:r>
                    </a:p>
                  </a:txBody>
                  <a:tcPr anchor="ctr"/>
                </a:tc>
                <a:tc>
                  <a:txBody>
                    <a:bodyPr/>
                    <a:lstStyle/>
                    <a:p>
                      <a:pPr algn="l"/>
                      <a:r>
                        <a:rPr kumimoji="1" lang="ja-JP" altLang="en-US" sz="1600" dirty="0"/>
                        <a:t>同一区間において取付管について点検。</a:t>
                      </a:r>
                    </a:p>
                  </a:txBody>
                  <a:tcPr anchor="ctr"/>
                </a:tc>
                <a:tc>
                  <a:txBody>
                    <a:bodyPr/>
                    <a:lstStyle/>
                    <a:p>
                      <a:pPr algn="ctr"/>
                      <a:r>
                        <a:rPr kumimoji="1" lang="ja-JP" altLang="en-US" dirty="0"/>
                        <a:t>小</a:t>
                      </a:r>
                    </a:p>
                  </a:txBody>
                  <a:tcPr anchor="ctr"/>
                </a:tc>
                <a:extLst>
                  <a:ext uri="{0D108BD9-81ED-4DB2-BD59-A6C34878D82A}">
                    <a16:rowId xmlns:a16="http://schemas.microsoft.com/office/drawing/2014/main" val="1386955638"/>
                  </a:ext>
                </a:extLst>
              </a:tr>
            </a:tbl>
          </a:graphicData>
        </a:graphic>
      </p:graphicFrame>
      <p:sp>
        <p:nvSpPr>
          <p:cNvPr id="2" name="Text Box 64">
            <a:extLst>
              <a:ext uri="{FF2B5EF4-FFF2-40B4-BE49-F238E27FC236}">
                <a16:creationId xmlns:a16="http://schemas.microsoft.com/office/drawing/2014/main" id="{9969A790-609C-B009-CFB5-79F03FB7FB9E}"/>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275" dirty="0">
                <a:solidFill>
                  <a:schemeClr val="bg1"/>
                </a:solidFill>
                <a:latin typeface="HGP創英角ｺﾞｼｯｸUB" panose="020B0900000000000000" pitchFamily="50" charset="-128"/>
                <a:ea typeface="HGP創英角ｺﾞｼｯｸUB" panose="020B0900000000000000" pitchFamily="50" charset="-128"/>
              </a:rPr>
              <a:t>　　</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管路（道路陥没：</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1</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件）</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5" name="スライド番号プレースホルダー 4">
            <a:extLst>
              <a:ext uri="{FF2B5EF4-FFF2-40B4-BE49-F238E27FC236}">
                <a16:creationId xmlns:a16="http://schemas.microsoft.com/office/drawing/2014/main" id="{3A8A1D6B-1A02-0A62-783C-A530D6CF9A1E}"/>
              </a:ext>
            </a:extLst>
          </p:cNvPr>
          <p:cNvSpPr>
            <a:spLocks noGrp="1"/>
          </p:cNvSpPr>
          <p:nvPr>
            <p:ph type="sldNum" sz="quarter" idx="12"/>
          </p:nvPr>
        </p:nvSpPr>
        <p:spPr/>
        <p:txBody>
          <a:bodyPr/>
          <a:lstStyle/>
          <a:p>
            <a:fld id="{36EC18DB-A5DF-4E0E-B815-FCD04A2C4B2C}" type="slidenum">
              <a:rPr kumimoji="1" lang="ja-JP" altLang="en-US" smtClean="0"/>
              <a:t>33</a:t>
            </a:fld>
            <a:endParaRPr kumimoji="1" lang="ja-JP" altLang="en-US" dirty="0"/>
          </a:p>
        </p:txBody>
      </p:sp>
      <p:sp>
        <p:nvSpPr>
          <p:cNvPr id="6" name="角丸四角形 6">
            <a:extLst>
              <a:ext uri="{FF2B5EF4-FFF2-40B4-BE49-F238E27FC236}">
                <a16:creationId xmlns:a16="http://schemas.microsoft.com/office/drawing/2014/main" id="{B0D72F0A-E223-4566-D018-D06A78740FD9}"/>
              </a:ext>
            </a:extLst>
          </p:cNvPr>
          <p:cNvSpPr/>
          <p:nvPr/>
        </p:nvSpPr>
        <p:spPr>
          <a:xfrm>
            <a:off x="134301" y="116832"/>
            <a:ext cx="9632795"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２．包括委託に関連する第三者事故発生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pic>
        <p:nvPicPr>
          <p:cNvPr id="22" name="図 21">
            <a:extLst>
              <a:ext uri="{FF2B5EF4-FFF2-40B4-BE49-F238E27FC236}">
                <a16:creationId xmlns:a16="http://schemas.microsoft.com/office/drawing/2014/main" id="{72EC8582-CE9E-40E3-9E03-46CAAC905520}"/>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6710532" y="3930790"/>
            <a:ext cx="2442001" cy="1848287"/>
          </a:xfrm>
          <a:prstGeom prst="rect">
            <a:avLst/>
          </a:prstGeom>
        </p:spPr>
      </p:pic>
      <p:pic>
        <p:nvPicPr>
          <p:cNvPr id="23" name="図 22">
            <a:extLst>
              <a:ext uri="{FF2B5EF4-FFF2-40B4-BE49-F238E27FC236}">
                <a16:creationId xmlns:a16="http://schemas.microsoft.com/office/drawing/2014/main" id="{1A55E0A3-B62C-2E9D-B62F-B6CD92912CB8}"/>
              </a:ext>
            </a:extLst>
          </p:cNvPr>
          <p:cNvPicPr>
            <a:picLocks noChangeAspect="1"/>
          </p:cNvPicPr>
          <p:nvPr/>
        </p:nvPicPr>
        <p:blipFill>
          <a:blip r:embed="rId4"/>
          <a:srcRect t="14542" r="9386" b="36813"/>
          <a:stretch/>
        </p:blipFill>
        <p:spPr>
          <a:xfrm>
            <a:off x="310571" y="3930790"/>
            <a:ext cx="2660632" cy="1856805"/>
          </a:xfrm>
          <a:prstGeom prst="rect">
            <a:avLst/>
          </a:prstGeom>
          <a:ln>
            <a:solidFill>
              <a:sysClr val="windowText" lastClr="000000"/>
            </a:solidFill>
          </a:ln>
        </p:spPr>
      </p:pic>
      <p:pic>
        <p:nvPicPr>
          <p:cNvPr id="25" name="図 24">
            <a:extLst>
              <a:ext uri="{FF2B5EF4-FFF2-40B4-BE49-F238E27FC236}">
                <a16:creationId xmlns:a16="http://schemas.microsoft.com/office/drawing/2014/main" id="{3BD9B51F-A8EE-6785-5825-BA920E1B93BE}"/>
              </a:ext>
            </a:extLst>
          </p:cNvPr>
          <p:cNvPicPr>
            <a:picLocks noChangeAspect="1"/>
          </p:cNvPicPr>
          <p:nvPr/>
        </p:nvPicPr>
        <p:blipFill>
          <a:blip r:embed="rId5"/>
          <a:srcRect l="14292" r="9079"/>
          <a:stretch/>
        </p:blipFill>
        <p:spPr>
          <a:xfrm rot="16200000">
            <a:off x="3949739" y="3528877"/>
            <a:ext cx="1856805" cy="2660632"/>
          </a:xfrm>
          <a:prstGeom prst="rect">
            <a:avLst/>
          </a:prstGeom>
          <a:ln>
            <a:solidFill>
              <a:sysClr val="windowText" lastClr="000000"/>
            </a:solidFill>
          </a:ln>
        </p:spPr>
      </p:pic>
      <p:sp>
        <p:nvSpPr>
          <p:cNvPr id="26" name="テキスト ボックス 25">
            <a:extLst>
              <a:ext uri="{FF2B5EF4-FFF2-40B4-BE49-F238E27FC236}">
                <a16:creationId xmlns:a16="http://schemas.microsoft.com/office/drawing/2014/main" id="{491F0EC8-4358-33BC-B7BF-29D40495F1F1}"/>
              </a:ext>
            </a:extLst>
          </p:cNvPr>
          <p:cNvSpPr txBox="1"/>
          <p:nvPr/>
        </p:nvSpPr>
        <p:spPr>
          <a:xfrm>
            <a:off x="7122432" y="5812403"/>
            <a:ext cx="1669143" cy="369332"/>
          </a:xfrm>
          <a:prstGeom prst="rect">
            <a:avLst/>
          </a:prstGeom>
          <a:noFill/>
        </p:spPr>
        <p:txBody>
          <a:bodyPr wrap="square" rtlCol="0">
            <a:spAutoFit/>
          </a:bodyPr>
          <a:lstStyle/>
          <a:p>
            <a:r>
              <a:rPr kumimoji="1" lang="ja-JP" altLang="en-US" u="sng" dirty="0"/>
              <a:t>応急処置完了</a:t>
            </a:r>
          </a:p>
        </p:txBody>
      </p:sp>
      <p:sp>
        <p:nvSpPr>
          <p:cNvPr id="27" name="テキスト ボックス 26">
            <a:extLst>
              <a:ext uri="{FF2B5EF4-FFF2-40B4-BE49-F238E27FC236}">
                <a16:creationId xmlns:a16="http://schemas.microsoft.com/office/drawing/2014/main" id="{BB7C237C-A49B-657F-6483-CC67E9F919A9}"/>
              </a:ext>
            </a:extLst>
          </p:cNvPr>
          <p:cNvSpPr txBox="1"/>
          <p:nvPr/>
        </p:nvSpPr>
        <p:spPr>
          <a:xfrm>
            <a:off x="6824845" y="6103771"/>
            <a:ext cx="2942251" cy="307777"/>
          </a:xfrm>
          <a:prstGeom prst="rect">
            <a:avLst/>
          </a:prstGeom>
          <a:noFill/>
        </p:spPr>
        <p:txBody>
          <a:bodyPr wrap="square" rtlCol="0">
            <a:spAutoFit/>
          </a:bodyPr>
          <a:lstStyle/>
          <a:p>
            <a:pPr algn="ctr"/>
            <a:r>
              <a:rPr kumimoji="1" lang="en-US" altLang="ja-JP" sz="1400" dirty="0"/>
              <a:t>※</a:t>
            </a:r>
            <a:r>
              <a:rPr kumimoji="1" lang="ja-JP" altLang="en-US" sz="1400" dirty="0"/>
              <a:t>後日、取付管を取替え済</a:t>
            </a:r>
          </a:p>
        </p:txBody>
      </p:sp>
      <p:sp>
        <p:nvSpPr>
          <p:cNvPr id="30" name="テキスト ボックス 29">
            <a:extLst>
              <a:ext uri="{FF2B5EF4-FFF2-40B4-BE49-F238E27FC236}">
                <a16:creationId xmlns:a16="http://schemas.microsoft.com/office/drawing/2014/main" id="{BF35F77B-0F33-2B2B-80A8-5D71A28B39D5}"/>
              </a:ext>
            </a:extLst>
          </p:cNvPr>
          <p:cNvSpPr txBox="1"/>
          <p:nvPr/>
        </p:nvSpPr>
        <p:spPr>
          <a:xfrm>
            <a:off x="942858" y="5812403"/>
            <a:ext cx="1669143" cy="369332"/>
          </a:xfrm>
          <a:prstGeom prst="rect">
            <a:avLst/>
          </a:prstGeom>
          <a:noFill/>
        </p:spPr>
        <p:txBody>
          <a:bodyPr wrap="square" rtlCol="0">
            <a:spAutoFit/>
          </a:bodyPr>
          <a:lstStyle/>
          <a:p>
            <a:r>
              <a:rPr kumimoji="1" lang="ja-JP" altLang="en-US" u="sng" dirty="0"/>
              <a:t>車両落輪状況</a:t>
            </a:r>
          </a:p>
        </p:txBody>
      </p:sp>
      <p:sp>
        <p:nvSpPr>
          <p:cNvPr id="31" name="テキスト ボックス 30">
            <a:extLst>
              <a:ext uri="{FF2B5EF4-FFF2-40B4-BE49-F238E27FC236}">
                <a16:creationId xmlns:a16="http://schemas.microsoft.com/office/drawing/2014/main" id="{A5C63311-2A7C-09AB-D9CF-B04BDFEE71A0}"/>
              </a:ext>
            </a:extLst>
          </p:cNvPr>
          <p:cNvSpPr txBox="1"/>
          <p:nvPr/>
        </p:nvSpPr>
        <p:spPr>
          <a:xfrm>
            <a:off x="4469924" y="5812403"/>
            <a:ext cx="1669143" cy="369332"/>
          </a:xfrm>
          <a:prstGeom prst="rect">
            <a:avLst/>
          </a:prstGeom>
          <a:noFill/>
        </p:spPr>
        <p:txBody>
          <a:bodyPr wrap="square" rtlCol="0">
            <a:spAutoFit/>
          </a:bodyPr>
          <a:lstStyle/>
          <a:p>
            <a:r>
              <a:rPr kumimoji="1" lang="ja-JP" altLang="en-US" u="sng" dirty="0"/>
              <a:t>陥没状況</a:t>
            </a:r>
          </a:p>
        </p:txBody>
      </p:sp>
    </p:spTree>
    <p:extLst>
      <p:ext uri="{BB962C8B-B14F-4D97-AF65-F5344CB8AC3E}">
        <p14:creationId xmlns:p14="http://schemas.microsoft.com/office/powerpoint/2010/main" val="310283573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98CE1A8-A476-B3C0-E07A-67BFBABCE84C}"/>
            </a:ext>
          </a:extLst>
        </p:cNvPr>
        <p:cNvGrpSpPr/>
        <p:nvPr/>
      </p:nvGrpSpPr>
      <p:grpSpPr>
        <a:xfrm>
          <a:off x="0" y="0"/>
          <a:ext cx="0" cy="0"/>
          <a:chOff x="0" y="0"/>
          <a:chExt cx="0" cy="0"/>
        </a:xfrm>
      </p:grpSpPr>
      <p:sp>
        <p:nvSpPr>
          <p:cNvPr id="12" name="正方形/長方形 11">
            <a:extLst>
              <a:ext uri="{FF2B5EF4-FFF2-40B4-BE49-F238E27FC236}">
                <a16:creationId xmlns:a16="http://schemas.microsoft.com/office/drawing/2014/main" id="{5F2948EA-8912-68CE-EECA-0E5612255866}"/>
              </a:ext>
            </a:extLst>
          </p:cNvPr>
          <p:cNvSpPr/>
          <p:nvPr/>
        </p:nvSpPr>
        <p:spPr>
          <a:xfrm>
            <a:off x="8587740" y="4008119"/>
            <a:ext cx="403860" cy="1826530"/>
          </a:xfrm>
          <a:prstGeom prst="rect">
            <a:avLst/>
          </a:prstGeom>
          <a:noFill/>
          <a:ln w="12700">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スライド番号プレースホルダー 4">
            <a:extLst>
              <a:ext uri="{FF2B5EF4-FFF2-40B4-BE49-F238E27FC236}">
                <a16:creationId xmlns:a16="http://schemas.microsoft.com/office/drawing/2014/main" id="{11A4DEFF-81D8-B323-84E2-5874D1682137}"/>
              </a:ext>
            </a:extLst>
          </p:cNvPr>
          <p:cNvSpPr>
            <a:spLocks noGrp="1"/>
          </p:cNvSpPr>
          <p:nvPr>
            <p:ph type="sldNum" sz="quarter" idx="12"/>
          </p:nvPr>
        </p:nvSpPr>
        <p:spPr/>
        <p:txBody>
          <a:bodyPr/>
          <a:lstStyle/>
          <a:p>
            <a:fld id="{36EC18DB-A5DF-4E0E-B815-FCD04A2C4B2C}" type="slidenum">
              <a:rPr kumimoji="1" lang="ja-JP" altLang="en-US" smtClean="0"/>
              <a:t>34</a:t>
            </a:fld>
            <a:endParaRPr kumimoji="1" lang="ja-JP" altLang="en-US" dirty="0"/>
          </a:p>
        </p:txBody>
      </p:sp>
      <p:sp>
        <p:nvSpPr>
          <p:cNvPr id="6" name="角丸四角形 6">
            <a:extLst>
              <a:ext uri="{FF2B5EF4-FFF2-40B4-BE49-F238E27FC236}">
                <a16:creationId xmlns:a16="http://schemas.microsoft.com/office/drawing/2014/main" id="{60E273A3-CA16-50A7-B9F6-CA0B88CDA2DE}"/>
              </a:ext>
            </a:extLst>
          </p:cNvPr>
          <p:cNvSpPr/>
          <p:nvPr/>
        </p:nvSpPr>
        <p:spPr>
          <a:xfrm>
            <a:off x="134301" y="116832"/>
            <a:ext cx="9632795"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２．包括委託に関連する第三者事故発生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19" name="Text Box 64">
            <a:extLst>
              <a:ext uri="{FF2B5EF4-FFF2-40B4-BE49-F238E27FC236}">
                <a16:creationId xmlns:a16="http://schemas.microsoft.com/office/drawing/2014/main" id="{ED024C71-368B-D259-1BE9-859554CEB191}"/>
              </a:ext>
            </a:extLst>
          </p:cNvPr>
          <p:cNvSpPr txBox="1">
            <a:spLocks noChangeArrowheads="1"/>
          </p:cNvSpPr>
          <p:nvPr/>
        </p:nvSpPr>
        <p:spPr bwMode="auto">
          <a:xfrm>
            <a:off x="11250" y="689707"/>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275" dirty="0">
                <a:solidFill>
                  <a:schemeClr val="bg1"/>
                </a:solidFill>
                <a:latin typeface="HGP創英角ｺﾞｼｯｸUB" panose="020B0900000000000000" pitchFamily="50" charset="-128"/>
                <a:ea typeface="HGP創英角ｺﾞｼｯｸUB" panose="020B0900000000000000" pitchFamily="50" charset="-128"/>
              </a:rPr>
              <a:t>　　</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管路（下水管詰まり：</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1</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件）</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graphicFrame>
        <p:nvGraphicFramePr>
          <p:cNvPr id="20" name="表 19">
            <a:extLst>
              <a:ext uri="{FF2B5EF4-FFF2-40B4-BE49-F238E27FC236}">
                <a16:creationId xmlns:a16="http://schemas.microsoft.com/office/drawing/2014/main" id="{B7A3EC9A-F572-580B-FBAB-F44BFB7B0E1E}"/>
              </a:ext>
            </a:extLst>
          </p:cNvPr>
          <p:cNvGraphicFramePr>
            <a:graphicFrameLocks noGrp="1"/>
          </p:cNvGraphicFramePr>
          <p:nvPr>
            <p:extLst>
              <p:ext uri="{D42A27DB-BD31-4B8C-83A1-F6EECF244321}">
                <p14:modId xmlns:p14="http://schemas.microsoft.com/office/powerpoint/2010/main" val="3951475368"/>
              </p:ext>
            </p:extLst>
          </p:nvPr>
        </p:nvGraphicFramePr>
        <p:xfrm>
          <a:off x="134300" y="1299298"/>
          <a:ext cx="9496854" cy="2243463"/>
        </p:xfrm>
        <a:graphic>
          <a:graphicData uri="http://schemas.openxmlformats.org/drawingml/2006/table">
            <a:tbl>
              <a:tblPr firstRow="1" bandRow="1">
                <a:tableStyleId>{5C22544A-7EE6-4342-B048-85BDC9FD1C3A}</a:tableStyleId>
              </a:tblPr>
              <a:tblGrid>
                <a:gridCol w="1040450">
                  <a:extLst>
                    <a:ext uri="{9D8B030D-6E8A-4147-A177-3AD203B41FA5}">
                      <a16:colId xmlns:a16="http://schemas.microsoft.com/office/drawing/2014/main" val="2358387421"/>
                    </a:ext>
                  </a:extLst>
                </a:gridCol>
                <a:gridCol w="1250950">
                  <a:extLst>
                    <a:ext uri="{9D8B030D-6E8A-4147-A177-3AD203B41FA5}">
                      <a16:colId xmlns:a16="http://schemas.microsoft.com/office/drawing/2014/main" val="2462215476"/>
                    </a:ext>
                  </a:extLst>
                </a:gridCol>
                <a:gridCol w="1092200">
                  <a:extLst>
                    <a:ext uri="{9D8B030D-6E8A-4147-A177-3AD203B41FA5}">
                      <a16:colId xmlns:a16="http://schemas.microsoft.com/office/drawing/2014/main" val="1247259057"/>
                    </a:ext>
                  </a:extLst>
                </a:gridCol>
                <a:gridCol w="2171700">
                  <a:extLst>
                    <a:ext uri="{9D8B030D-6E8A-4147-A177-3AD203B41FA5}">
                      <a16:colId xmlns:a16="http://schemas.microsoft.com/office/drawing/2014/main" val="3842215305"/>
                    </a:ext>
                  </a:extLst>
                </a:gridCol>
                <a:gridCol w="3022600">
                  <a:extLst>
                    <a:ext uri="{9D8B030D-6E8A-4147-A177-3AD203B41FA5}">
                      <a16:colId xmlns:a16="http://schemas.microsoft.com/office/drawing/2014/main" val="2459705149"/>
                    </a:ext>
                  </a:extLst>
                </a:gridCol>
                <a:gridCol w="918954">
                  <a:extLst>
                    <a:ext uri="{9D8B030D-6E8A-4147-A177-3AD203B41FA5}">
                      <a16:colId xmlns:a16="http://schemas.microsoft.com/office/drawing/2014/main" val="1159439398"/>
                    </a:ext>
                  </a:extLst>
                </a:gridCol>
              </a:tblGrid>
              <a:tr h="560804">
                <a:tc>
                  <a:txBody>
                    <a:bodyPr/>
                    <a:lstStyle/>
                    <a:p>
                      <a:pPr algn="ctr"/>
                      <a:r>
                        <a:rPr kumimoji="1" lang="ja-JP" altLang="en-US" sz="1600" dirty="0"/>
                        <a:t>発生日</a:t>
                      </a:r>
                    </a:p>
                  </a:txBody>
                  <a:tcPr anchor="ctr"/>
                </a:tc>
                <a:tc>
                  <a:txBody>
                    <a:bodyPr/>
                    <a:lstStyle/>
                    <a:p>
                      <a:pPr algn="ctr"/>
                      <a:r>
                        <a:rPr kumimoji="1" lang="ja-JP" altLang="en-US" sz="1600" dirty="0"/>
                        <a:t>概要</a:t>
                      </a:r>
                    </a:p>
                  </a:txBody>
                  <a:tcPr anchor="ctr"/>
                </a:tc>
                <a:tc>
                  <a:txBody>
                    <a:bodyPr/>
                    <a:lstStyle/>
                    <a:p>
                      <a:pPr algn="ctr"/>
                      <a:r>
                        <a:rPr kumimoji="1" lang="ja-JP" altLang="en-US" sz="1600" dirty="0"/>
                        <a:t>原因</a:t>
                      </a:r>
                    </a:p>
                  </a:txBody>
                  <a:tcPr anchor="ctr"/>
                </a:tc>
                <a:tc>
                  <a:txBody>
                    <a:bodyPr/>
                    <a:lstStyle/>
                    <a:p>
                      <a:pPr algn="ctr"/>
                      <a:r>
                        <a:rPr kumimoji="1" lang="ja-JP" altLang="en-US" sz="1600" dirty="0"/>
                        <a:t>これまでの維持管理</a:t>
                      </a:r>
                    </a:p>
                  </a:txBody>
                  <a:tcPr anchor="ctr"/>
                </a:tc>
                <a:tc>
                  <a:txBody>
                    <a:bodyPr/>
                    <a:lstStyle/>
                    <a:p>
                      <a:pPr algn="ctr"/>
                      <a:r>
                        <a:rPr kumimoji="1" lang="ja-JP" altLang="en-US" sz="1600" dirty="0"/>
                        <a:t>再発防止策</a:t>
                      </a:r>
                    </a:p>
                  </a:txBody>
                  <a:tcPr anchor="ctr"/>
                </a:tc>
                <a:tc>
                  <a:txBody>
                    <a:bodyPr/>
                    <a:lstStyle/>
                    <a:p>
                      <a:pPr algn="ctr"/>
                      <a:r>
                        <a:rPr kumimoji="1" lang="ja-JP" altLang="en-US" dirty="0"/>
                        <a:t>事故の程度</a:t>
                      </a:r>
                    </a:p>
                  </a:txBody>
                  <a:tcPr anchor="ctr"/>
                </a:tc>
                <a:extLst>
                  <a:ext uri="{0D108BD9-81ED-4DB2-BD59-A6C34878D82A}">
                    <a16:rowId xmlns:a16="http://schemas.microsoft.com/office/drawing/2014/main" val="3936140674"/>
                  </a:ext>
                </a:extLst>
              </a:tr>
              <a:tr h="1603383">
                <a:tc>
                  <a:txBody>
                    <a:bodyPr/>
                    <a:lstStyle/>
                    <a:p>
                      <a:pPr algn="ctr"/>
                      <a:r>
                        <a:rPr kumimoji="1" lang="en-US" altLang="ja-JP" sz="1600" dirty="0"/>
                        <a:t>6</a:t>
                      </a:r>
                      <a:r>
                        <a:rPr kumimoji="1" lang="ja-JP" altLang="en-US" sz="1600" dirty="0"/>
                        <a:t>月</a:t>
                      </a:r>
                      <a:r>
                        <a:rPr kumimoji="1" lang="en-US" altLang="ja-JP" sz="1600" dirty="0"/>
                        <a:t>2</a:t>
                      </a:r>
                      <a:r>
                        <a:rPr kumimoji="1" lang="ja-JP" altLang="en-US" sz="1600" dirty="0"/>
                        <a:t>日</a:t>
                      </a:r>
                    </a:p>
                  </a:txBody>
                  <a:tcPr anchor="ctr"/>
                </a:tc>
                <a:tc>
                  <a:txBody>
                    <a:bodyPr/>
                    <a:lstStyle/>
                    <a:p>
                      <a:r>
                        <a:rPr kumimoji="1" lang="ja-JP" altLang="en-US" sz="1600" dirty="0"/>
                        <a:t>取付管詰まりによる敷地内汚損</a:t>
                      </a:r>
                    </a:p>
                  </a:txBody>
                  <a:tcPr anchor="ctr"/>
                </a:tc>
                <a:tc>
                  <a:txBody>
                    <a:bodyPr/>
                    <a:lstStyle/>
                    <a:p>
                      <a:pPr algn="ctr"/>
                      <a:r>
                        <a:rPr kumimoji="1" lang="ja-JP" altLang="en-US" sz="1600" dirty="0"/>
                        <a:t>油脂類付着による排水阻害</a:t>
                      </a:r>
                      <a:endParaRPr kumimoji="1" lang="en-US" altLang="ja-JP" sz="1600" dirty="0"/>
                    </a:p>
                    <a:p>
                      <a:pPr algn="ctr"/>
                      <a:r>
                        <a:rPr kumimoji="1" lang="ja-JP" altLang="en-US" sz="1000" dirty="0"/>
                        <a:t>（構造的問題）</a:t>
                      </a:r>
                    </a:p>
                  </a:txBody>
                  <a:tcPr anchor="ctr"/>
                </a:tc>
                <a:tc>
                  <a:txBody>
                    <a:bodyPr/>
                    <a:lstStyle/>
                    <a:p>
                      <a:r>
                        <a:rPr kumimoji="1" lang="ja-JP" altLang="en-US" sz="1600" dirty="0"/>
                        <a:t>計画に基づいた点検</a:t>
                      </a:r>
                    </a:p>
                  </a:txBody>
                  <a:tcPr anchor="ctr"/>
                </a:tc>
                <a:tc>
                  <a:txBody>
                    <a:bodyPr/>
                    <a:lstStyle/>
                    <a:p>
                      <a:pPr algn="l"/>
                      <a:r>
                        <a:rPr kumimoji="1" lang="ja-JP" altLang="en-US" sz="1600" dirty="0"/>
                        <a:t>同一区間において取付管について点検。</a:t>
                      </a:r>
                      <a:endParaRPr kumimoji="1" lang="en-US" altLang="ja-JP" sz="1600" dirty="0"/>
                    </a:p>
                    <a:p>
                      <a:pPr algn="l"/>
                      <a:r>
                        <a:rPr kumimoji="1" lang="ja-JP" altLang="en-US" sz="1600" b="1" u="sng" dirty="0"/>
                        <a:t>定期清掃路線への指定を検討中</a:t>
                      </a:r>
                    </a:p>
                  </a:txBody>
                  <a:tcPr anchor="ctr"/>
                </a:tc>
                <a:tc>
                  <a:txBody>
                    <a:bodyPr/>
                    <a:lstStyle/>
                    <a:p>
                      <a:pPr algn="ctr"/>
                      <a:r>
                        <a:rPr kumimoji="1" lang="ja-JP" altLang="en-US" dirty="0"/>
                        <a:t>小</a:t>
                      </a:r>
                    </a:p>
                  </a:txBody>
                  <a:tcPr anchor="ctr"/>
                </a:tc>
                <a:extLst>
                  <a:ext uri="{0D108BD9-81ED-4DB2-BD59-A6C34878D82A}">
                    <a16:rowId xmlns:a16="http://schemas.microsoft.com/office/drawing/2014/main" val="2328556252"/>
                  </a:ext>
                </a:extLst>
              </a:tr>
            </a:tbl>
          </a:graphicData>
        </a:graphic>
      </p:graphicFrame>
      <p:sp>
        <p:nvSpPr>
          <p:cNvPr id="8" name="テキスト ボックス 7">
            <a:extLst>
              <a:ext uri="{FF2B5EF4-FFF2-40B4-BE49-F238E27FC236}">
                <a16:creationId xmlns:a16="http://schemas.microsoft.com/office/drawing/2014/main" id="{9A458576-0D43-1EC5-3807-1FEC3163C3E8}"/>
              </a:ext>
            </a:extLst>
          </p:cNvPr>
          <p:cNvSpPr txBox="1"/>
          <p:nvPr/>
        </p:nvSpPr>
        <p:spPr>
          <a:xfrm>
            <a:off x="809854" y="6168293"/>
            <a:ext cx="3654542" cy="369332"/>
          </a:xfrm>
          <a:prstGeom prst="rect">
            <a:avLst/>
          </a:prstGeom>
          <a:noFill/>
        </p:spPr>
        <p:txBody>
          <a:bodyPr wrap="square" rtlCol="0">
            <a:spAutoFit/>
          </a:bodyPr>
          <a:lstStyle/>
          <a:p>
            <a:r>
              <a:rPr kumimoji="1" lang="ja-JP" altLang="en-US" u="sng" dirty="0"/>
              <a:t>標準的な取付管と本管の接続状況</a:t>
            </a:r>
          </a:p>
        </p:txBody>
      </p:sp>
      <p:sp>
        <p:nvSpPr>
          <p:cNvPr id="10" name="テキスト ボックス 9">
            <a:extLst>
              <a:ext uri="{FF2B5EF4-FFF2-40B4-BE49-F238E27FC236}">
                <a16:creationId xmlns:a16="http://schemas.microsoft.com/office/drawing/2014/main" id="{D67D853E-1B43-A84D-CC3B-7A259109193A}"/>
              </a:ext>
            </a:extLst>
          </p:cNvPr>
          <p:cNvSpPr txBox="1"/>
          <p:nvPr/>
        </p:nvSpPr>
        <p:spPr>
          <a:xfrm>
            <a:off x="5447228" y="6168293"/>
            <a:ext cx="3925372" cy="369332"/>
          </a:xfrm>
          <a:prstGeom prst="rect">
            <a:avLst/>
          </a:prstGeom>
          <a:noFill/>
        </p:spPr>
        <p:txBody>
          <a:bodyPr wrap="square" rtlCol="0">
            <a:spAutoFit/>
          </a:bodyPr>
          <a:lstStyle/>
          <a:p>
            <a:r>
              <a:rPr kumimoji="1" lang="ja-JP" altLang="en-US" u="sng" dirty="0"/>
              <a:t>当該現場の取付管と本管の接続状況</a:t>
            </a:r>
          </a:p>
        </p:txBody>
      </p:sp>
      <p:cxnSp>
        <p:nvCxnSpPr>
          <p:cNvPr id="15" name="直線コネクタ 14">
            <a:extLst>
              <a:ext uri="{FF2B5EF4-FFF2-40B4-BE49-F238E27FC236}">
                <a16:creationId xmlns:a16="http://schemas.microsoft.com/office/drawing/2014/main" id="{04B4EE11-9BA2-7710-C8EA-4243FA9DFB56}"/>
              </a:ext>
            </a:extLst>
          </p:cNvPr>
          <p:cNvCxnSpPr>
            <a:cxnSpLocks/>
          </p:cNvCxnSpPr>
          <p:nvPr/>
        </p:nvCxnSpPr>
        <p:spPr>
          <a:xfrm flipH="1">
            <a:off x="6827520" y="5737684"/>
            <a:ext cx="176022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直線コネクタ 15">
            <a:extLst>
              <a:ext uri="{FF2B5EF4-FFF2-40B4-BE49-F238E27FC236}">
                <a16:creationId xmlns:a16="http://schemas.microsoft.com/office/drawing/2014/main" id="{DCF4F8B0-A331-F8D7-79BC-3F43DD8F6E7F}"/>
              </a:ext>
            </a:extLst>
          </p:cNvPr>
          <p:cNvCxnSpPr>
            <a:cxnSpLocks/>
          </p:cNvCxnSpPr>
          <p:nvPr/>
        </p:nvCxnSpPr>
        <p:spPr>
          <a:xfrm flipH="1">
            <a:off x="6827520" y="5592904"/>
            <a:ext cx="176022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 name="直線コネクタ 24">
            <a:extLst>
              <a:ext uri="{FF2B5EF4-FFF2-40B4-BE49-F238E27FC236}">
                <a16:creationId xmlns:a16="http://schemas.microsoft.com/office/drawing/2014/main" id="{7CCBFD00-D716-96E2-9DB0-5A52E690F223}"/>
              </a:ext>
            </a:extLst>
          </p:cNvPr>
          <p:cNvCxnSpPr>
            <a:cxnSpLocks/>
          </p:cNvCxnSpPr>
          <p:nvPr/>
        </p:nvCxnSpPr>
        <p:spPr>
          <a:xfrm flipH="1">
            <a:off x="6215063" y="5735473"/>
            <a:ext cx="612457" cy="68498"/>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8" name="直線コネクタ 27">
            <a:extLst>
              <a:ext uri="{FF2B5EF4-FFF2-40B4-BE49-F238E27FC236}">
                <a16:creationId xmlns:a16="http://schemas.microsoft.com/office/drawing/2014/main" id="{42968CC4-6D7F-FA6B-EBE9-1F31DE9E04F1}"/>
              </a:ext>
            </a:extLst>
          </p:cNvPr>
          <p:cNvCxnSpPr>
            <a:cxnSpLocks/>
          </p:cNvCxnSpPr>
          <p:nvPr/>
        </p:nvCxnSpPr>
        <p:spPr>
          <a:xfrm flipH="1">
            <a:off x="6248400" y="5592904"/>
            <a:ext cx="579120" cy="6477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87" name="グループ化 86">
            <a:extLst>
              <a:ext uri="{FF2B5EF4-FFF2-40B4-BE49-F238E27FC236}">
                <a16:creationId xmlns:a16="http://schemas.microsoft.com/office/drawing/2014/main" id="{109D62FD-D450-B5FC-B167-FFD12433D201}"/>
              </a:ext>
            </a:extLst>
          </p:cNvPr>
          <p:cNvGrpSpPr/>
          <p:nvPr/>
        </p:nvGrpSpPr>
        <p:grpSpPr>
          <a:xfrm>
            <a:off x="7436107" y="4018358"/>
            <a:ext cx="251192" cy="106529"/>
            <a:chOff x="7436107" y="3874125"/>
            <a:chExt cx="251192" cy="106529"/>
          </a:xfrm>
        </p:grpSpPr>
        <p:cxnSp>
          <p:nvCxnSpPr>
            <p:cNvPr id="33" name="直線コネクタ 32">
              <a:extLst>
                <a:ext uri="{FF2B5EF4-FFF2-40B4-BE49-F238E27FC236}">
                  <a16:creationId xmlns:a16="http://schemas.microsoft.com/office/drawing/2014/main" id="{58707A55-856A-51CE-E9AE-50A29B568AA1}"/>
                </a:ext>
              </a:extLst>
            </p:cNvPr>
            <p:cNvCxnSpPr>
              <a:cxnSpLocks/>
            </p:cNvCxnSpPr>
            <p:nvPr/>
          </p:nvCxnSpPr>
          <p:spPr>
            <a:xfrm flipH="1">
              <a:off x="7436107" y="3874125"/>
              <a:ext cx="84356" cy="8989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5" name="直線コネクタ 34">
              <a:extLst>
                <a:ext uri="{FF2B5EF4-FFF2-40B4-BE49-F238E27FC236}">
                  <a16:creationId xmlns:a16="http://schemas.microsoft.com/office/drawing/2014/main" id="{706F635D-939F-6801-13EA-A0DEC20664E0}"/>
                </a:ext>
              </a:extLst>
            </p:cNvPr>
            <p:cNvCxnSpPr>
              <a:cxnSpLocks/>
            </p:cNvCxnSpPr>
            <p:nvPr/>
          </p:nvCxnSpPr>
          <p:spPr>
            <a:xfrm flipH="1">
              <a:off x="7482036" y="3874125"/>
              <a:ext cx="84356" cy="8989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6" name="直線コネクタ 35">
              <a:extLst>
                <a:ext uri="{FF2B5EF4-FFF2-40B4-BE49-F238E27FC236}">
                  <a16:creationId xmlns:a16="http://schemas.microsoft.com/office/drawing/2014/main" id="{0BF30662-FAFB-B915-3EEB-3CC7148DE5FD}"/>
                </a:ext>
              </a:extLst>
            </p:cNvPr>
            <p:cNvCxnSpPr>
              <a:cxnSpLocks/>
            </p:cNvCxnSpPr>
            <p:nvPr/>
          </p:nvCxnSpPr>
          <p:spPr>
            <a:xfrm flipH="1">
              <a:off x="7531089" y="3874125"/>
              <a:ext cx="84356" cy="8989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7" name="直線コネクタ 36">
              <a:extLst>
                <a:ext uri="{FF2B5EF4-FFF2-40B4-BE49-F238E27FC236}">
                  <a16:creationId xmlns:a16="http://schemas.microsoft.com/office/drawing/2014/main" id="{169D7F1A-6B76-5BD7-F96C-0449C746D9B4}"/>
                </a:ext>
              </a:extLst>
            </p:cNvPr>
            <p:cNvCxnSpPr>
              <a:cxnSpLocks/>
            </p:cNvCxnSpPr>
            <p:nvPr/>
          </p:nvCxnSpPr>
          <p:spPr>
            <a:xfrm flipH="1" flipV="1">
              <a:off x="7589252" y="3906268"/>
              <a:ext cx="98047" cy="5303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9" name="直線コネクタ 38">
              <a:extLst>
                <a:ext uri="{FF2B5EF4-FFF2-40B4-BE49-F238E27FC236}">
                  <a16:creationId xmlns:a16="http://schemas.microsoft.com/office/drawing/2014/main" id="{EE54E274-A1D1-F9F3-DEF6-3C084CA55D0E}"/>
                </a:ext>
              </a:extLst>
            </p:cNvPr>
            <p:cNvCxnSpPr>
              <a:cxnSpLocks/>
            </p:cNvCxnSpPr>
            <p:nvPr/>
          </p:nvCxnSpPr>
          <p:spPr>
            <a:xfrm flipH="1" flipV="1">
              <a:off x="7565378" y="3927617"/>
              <a:ext cx="98047" cy="5303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42" name="直線コネクタ 41">
            <a:extLst>
              <a:ext uri="{FF2B5EF4-FFF2-40B4-BE49-F238E27FC236}">
                <a16:creationId xmlns:a16="http://schemas.microsoft.com/office/drawing/2014/main" id="{41FD3D32-1105-04CA-D3E4-865F8A79B30C}"/>
              </a:ext>
            </a:extLst>
          </p:cNvPr>
          <p:cNvCxnSpPr>
            <a:cxnSpLocks/>
          </p:cNvCxnSpPr>
          <p:nvPr/>
        </p:nvCxnSpPr>
        <p:spPr>
          <a:xfrm flipH="1">
            <a:off x="3836767" y="4008119"/>
            <a:ext cx="104596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8" name="直線矢印コネクタ 47">
            <a:extLst>
              <a:ext uri="{FF2B5EF4-FFF2-40B4-BE49-F238E27FC236}">
                <a16:creationId xmlns:a16="http://schemas.microsoft.com/office/drawing/2014/main" id="{1BEC6860-AB7C-AF64-B371-FD7ED054494C}"/>
              </a:ext>
            </a:extLst>
          </p:cNvPr>
          <p:cNvCxnSpPr>
            <a:cxnSpLocks/>
          </p:cNvCxnSpPr>
          <p:nvPr/>
        </p:nvCxnSpPr>
        <p:spPr>
          <a:xfrm>
            <a:off x="4771849" y="4018358"/>
            <a:ext cx="0" cy="129659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直線コネクタ 49">
            <a:extLst>
              <a:ext uri="{FF2B5EF4-FFF2-40B4-BE49-F238E27FC236}">
                <a16:creationId xmlns:a16="http://schemas.microsoft.com/office/drawing/2014/main" id="{FCEAC9EA-CE61-1755-76FC-5458149462A8}"/>
              </a:ext>
            </a:extLst>
          </p:cNvPr>
          <p:cNvCxnSpPr>
            <a:cxnSpLocks/>
          </p:cNvCxnSpPr>
          <p:nvPr/>
        </p:nvCxnSpPr>
        <p:spPr>
          <a:xfrm flipH="1">
            <a:off x="8789670" y="5834649"/>
            <a:ext cx="691727"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直線矢印コネクタ 50">
            <a:extLst>
              <a:ext uri="{FF2B5EF4-FFF2-40B4-BE49-F238E27FC236}">
                <a16:creationId xmlns:a16="http://schemas.microsoft.com/office/drawing/2014/main" id="{5AE8EAC8-9107-CFF0-49B6-15ADD51E863E}"/>
              </a:ext>
            </a:extLst>
          </p:cNvPr>
          <p:cNvCxnSpPr>
            <a:cxnSpLocks/>
          </p:cNvCxnSpPr>
          <p:nvPr/>
        </p:nvCxnSpPr>
        <p:spPr>
          <a:xfrm>
            <a:off x="9372600" y="4018358"/>
            <a:ext cx="0" cy="1785613"/>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7" name="楕円 56">
            <a:extLst>
              <a:ext uri="{FF2B5EF4-FFF2-40B4-BE49-F238E27FC236}">
                <a16:creationId xmlns:a16="http://schemas.microsoft.com/office/drawing/2014/main" id="{4D5A6441-F026-4233-6CB0-96D01B44AA4C}"/>
              </a:ext>
            </a:extLst>
          </p:cNvPr>
          <p:cNvSpPr/>
          <p:nvPr/>
        </p:nvSpPr>
        <p:spPr>
          <a:xfrm>
            <a:off x="315692" y="5314950"/>
            <a:ext cx="685800" cy="671513"/>
          </a:xfrm>
          <a:prstGeom prst="ellipse">
            <a:avLst/>
          </a:prstGeom>
          <a:noFill/>
          <a:ln w="12700">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正方形/長方形 57">
            <a:extLst>
              <a:ext uri="{FF2B5EF4-FFF2-40B4-BE49-F238E27FC236}">
                <a16:creationId xmlns:a16="http://schemas.microsoft.com/office/drawing/2014/main" id="{3D55D8C3-AD91-E1BD-48F9-0FD5C96DB988}"/>
              </a:ext>
            </a:extLst>
          </p:cNvPr>
          <p:cNvSpPr/>
          <p:nvPr/>
        </p:nvSpPr>
        <p:spPr>
          <a:xfrm>
            <a:off x="3340832" y="4008119"/>
            <a:ext cx="403860" cy="1306829"/>
          </a:xfrm>
          <a:prstGeom prst="rect">
            <a:avLst/>
          </a:prstGeom>
          <a:noFill/>
          <a:ln w="12700">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9" name="直線コネクタ 58">
            <a:extLst>
              <a:ext uri="{FF2B5EF4-FFF2-40B4-BE49-F238E27FC236}">
                <a16:creationId xmlns:a16="http://schemas.microsoft.com/office/drawing/2014/main" id="{602200BD-32DD-5A41-2C00-6B781AFEE2CC}"/>
              </a:ext>
            </a:extLst>
          </p:cNvPr>
          <p:cNvCxnSpPr>
            <a:cxnSpLocks/>
          </p:cNvCxnSpPr>
          <p:nvPr/>
        </p:nvCxnSpPr>
        <p:spPr>
          <a:xfrm flipH="1">
            <a:off x="1729673" y="5200655"/>
            <a:ext cx="1611159"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0" name="直線コネクタ 59">
            <a:extLst>
              <a:ext uri="{FF2B5EF4-FFF2-40B4-BE49-F238E27FC236}">
                <a16:creationId xmlns:a16="http://schemas.microsoft.com/office/drawing/2014/main" id="{61EEABB3-3DD3-EFA1-BABC-AF7845C6F09A}"/>
              </a:ext>
            </a:extLst>
          </p:cNvPr>
          <p:cNvCxnSpPr>
            <a:cxnSpLocks/>
          </p:cNvCxnSpPr>
          <p:nvPr/>
        </p:nvCxnSpPr>
        <p:spPr>
          <a:xfrm flipH="1">
            <a:off x="1703167" y="5055875"/>
            <a:ext cx="1637665"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2" name="直線コネクタ 61">
            <a:extLst>
              <a:ext uri="{FF2B5EF4-FFF2-40B4-BE49-F238E27FC236}">
                <a16:creationId xmlns:a16="http://schemas.microsoft.com/office/drawing/2014/main" id="{4D7C6EA6-D050-9E13-479C-D535A2C3B0CB}"/>
              </a:ext>
            </a:extLst>
          </p:cNvPr>
          <p:cNvCxnSpPr>
            <a:cxnSpLocks/>
          </p:cNvCxnSpPr>
          <p:nvPr/>
        </p:nvCxnSpPr>
        <p:spPr>
          <a:xfrm flipH="1">
            <a:off x="3836767" y="5314948"/>
            <a:ext cx="104596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65" name="テキスト ボックス 64">
            <a:extLst>
              <a:ext uri="{FF2B5EF4-FFF2-40B4-BE49-F238E27FC236}">
                <a16:creationId xmlns:a16="http://schemas.microsoft.com/office/drawing/2014/main" id="{75A8BB34-9C97-46A3-3F09-163982F4597A}"/>
              </a:ext>
            </a:extLst>
          </p:cNvPr>
          <p:cNvSpPr txBox="1"/>
          <p:nvPr/>
        </p:nvSpPr>
        <p:spPr>
          <a:xfrm rot="16200000">
            <a:off x="4416057" y="4345117"/>
            <a:ext cx="971321" cy="276999"/>
          </a:xfrm>
          <a:prstGeom prst="rect">
            <a:avLst/>
          </a:prstGeom>
          <a:noFill/>
        </p:spPr>
        <p:txBody>
          <a:bodyPr wrap="square" rtlCol="0">
            <a:spAutoFit/>
          </a:bodyPr>
          <a:lstStyle/>
          <a:p>
            <a:r>
              <a:rPr kumimoji="1" lang="en-US" altLang="ja-JP" sz="1200" dirty="0"/>
              <a:t>75cm</a:t>
            </a:r>
            <a:endParaRPr kumimoji="1" lang="ja-JP" altLang="en-US" sz="1200" dirty="0"/>
          </a:p>
        </p:txBody>
      </p:sp>
      <p:cxnSp>
        <p:nvCxnSpPr>
          <p:cNvPr id="72" name="直線コネクタ 71">
            <a:extLst>
              <a:ext uri="{FF2B5EF4-FFF2-40B4-BE49-F238E27FC236}">
                <a16:creationId xmlns:a16="http://schemas.microsoft.com/office/drawing/2014/main" id="{9B3964FE-268E-F5D1-FC63-AA899F22927D}"/>
              </a:ext>
            </a:extLst>
          </p:cNvPr>
          <p:cNvCxnSpPr>
            <a:cxnSpLocks/>
          </p:cNvCxnSpPr>
          <p:nvPr/>
        </p:nvCxnSpPr>
        <p:spPr>
          <a:xfrm flipH="1">
            <a:off x="849890" y="5058522"/>
            <a:ext cx="853277" cy="319829"/>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7" name="直線コネクタ 76">
            <a:extLst>
              <a:ext uri="{FF2B5EF4-FFF2-40B4-BE49-F238E27FC236}">
                <a16:creationId xmlns:a16="http://schemas.microsoft.com/office/drawing/2014/main" id="{C35EB3EE-81B4-9682-37BA-A06AB2AFBB30}"/>
              </a:ext>
            </a:extLst>
          </p:cNvPr>
          <p:cNvCxnSpPr>
            <a:cxnSpLocks/>
          </p:cNvCxnSpPr>
          <p:nvPr/>
        </p:nvCxnSpPr>
        <p:spPr>
          <a:xfrm flipH="1">
            <a:off x="951276" y="5203508"/>
            <a:ext cx="778397" cy="291762"/>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5" name="直線コネクタ 84">
            <a:extLst>
              <a:ext uri="{FF2B5EF4-FFF2-40B4-BE49-F238E27FC236}">
                <a16:creationId xmlns:a16="http://schemas.microsoft.com/office/drawing/2014/main" id="{108AB44A-24C2-1682-0B78-A1A11134C292}"/>
              </a:ext>
            </a:extLst>
          </p:cNvPr>
          <p:cNvCxnSpPr>
            <a:cxnSpLocks/>
          </p:cNvCxnSpPr>
          <p:nvPr/>
        </p:nvCxnSpPr>
        <p:spPr>
          <a:xfrm flipH="1">
            <a:off x="2049242" y="4008119"/>
            <a:ext cx="129159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88" name="グループ化 87">
            <a:extLst>
              <a:ext uri="{FF2B5EF4-FFF2-40B4-BE49-F238E27FC236}">
                <a16:creationId xmlns:a16="http://schemas.microsoft.com/office/drawing/2014/main" id="{28CA5825-F9D4-C0D8-2EF5-A7C09736D5EB}"/>
              </a:ext>
            </a:extLst>
          </p:cNvPr>
          <p:cNvGrpSpPr/>
          <p:nvPr/>
        </p:nvGrpSpPr>
        <p:grpSpPr>
          <a:xfrm>
            <a:off x="2264200" y="4018358"/>
            <a:ext cx="251192" cy="106529"/>
            <a:chOff x="7436107" y="3874125"/>
            <a:chExt cx="251192" cy="106529"/>
          </a:xfrm>
        </p:grpSpPr>
        <p:cxnSp>
          <p:nvCxnSpPr>
            <p:cNvPr id="89" name="直線コネクタ 88">
              <a:extLst>
                <a:ext uri="{FF2B5EF4-FFF2-40B4-BE49-F238E27FC236}">
                  <a16:creationId xmlns:a16="http://schemas.microsoft.com/office/drawing/2014/main" id="{FD46765C-F5C0-1248-04C1-16F529984DC7}"/>
                </a:ext>
              </a:extLst>
            </p:cNvPr>
            <p:cNvCxnSpPr>
              <a:cxnSpLocks/>
            </p:cNvCxnSpPr>
            <p:nvPr/>
          </p:nvCxnSpPr>
          <p:spPr>
            <a:xfrm flipH="1">
              <a:off x="7436107" y="3874125"/>
              <a:ext cx="84356" cy="8989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0" name="直線コネクタ 89">
              <a:extLst>
                <a:ext uri="{FF2B5EF4-FFF2-40B4-BE49-F238E27FC236}">
                  <a16:creationId xmlns:a16="http://schemas.microsoft.com/office/drawing/2014/main" id="{5A31C392-FB00-4FC9-29AE-B8A679F7A5B0}"/>
                </a:ext>
              </a:extLst>
            </p:cNvPr>
            <p:cNvCxnSpPr>
              <a:cxnSpLocks/>
            </p:cNvCxnSpPr>
            <p:nvPr/>
          </p:nvCxnSpPr>
          <p:spPr>
            <a:xfrm flipH="1">
              <a:off x="7482036" y="3874125"/>
              <a:ext cx="84356" cy="8989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1" name="直線コネクタ 90">
              <a:extLst>
                <a:ext uri="{FF2B5EF4-FFF2-40B4-BE49-F238E27FC236}">
                  <a16:creationId xmlns:a16="http://schemas.microsoft.com/office/drawing/2014/main" id="{088EEB8B-9794-330F-EF86-12723F6F6541}"/>
                </a:ext>
              </a:extLst>
            </p:cNvPr>
            <p:cNvCxnSpPr>
              <a:cxnSpLocks/>
            </p:cNvCxnSpPr>
            <p:nvPr/>
          </p:nvCxnSpPr>
          <p:spPr>
            <a:xfrm flipH="1">
              <a:off x="7531089" y="3874125"/>
              <a:ext cx="84356" cy="8989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2" name="直線コネクタ 91">
              <a:extLst>
                <a:ext uri="{FF2B5EF4-FFF2-40B4-BE49-F238E27FC236}">
                  <a16:creationId xmlns:a16="http://schemas.microsoft.com/office/drawing/2014/main" id="{B7EF8DBF-EB5A-227C-EB10-BD52F801C2D7}"/>
                </a:ext>
              </a:extLst>
            </p:cNvPr>
            <p:cNvCxnSpPr>
              <a:cxnSpLocks/>
            </p:cNvCxnSpPr>
            <p:nvPr/>
          </p:nvCxnSpPr>
          <p:spPr>
            <a:xfrm flipH="1" flipV="1">
              <a:off x="7589252" y="3906268"/>
              <a:ext cx="98047" cy="5303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3" name="直線コネクタ 92">
              <a:extLst>
                <a:ext uri="{FF2B5EF4-FFF2-40B4-BE49-F238E27FC236}">
                  <a16:creationId xmlns:a16="http://schemas.microsoft.com/office/drawing/2014/main" id="{4F484892-CDFE-7F5F-1DCA-B16EB16717B6}"/>
                </a:ext>
              </a:extLst>
            </p:cNvPr>
            <p:cNvCxnSpPr>
              <a:cxnSpLocks/>
            </p:cNvCxnSpPr>
            <p:nvPr/>
          </p:nvCxnSpPr>
          <p:spPr>
            <a:xfrm flipH="1" flipV="1">
              <a:off x="7565378" y="3927617"/>
              <a:ext cx="98047" cy="5303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95" name="直線コネクタ 94">
            <a:extLst>
              <a:ext uri="{FF2B5EF4-FFF2-40B4-BE49-F238E27FC236}">
                <a16:creationId xmlns:a16="http://schemas.microsoft.com/office/drawing/2014/main" id="{E522B2A8-6949-C616-42E2-C1F7B3C3B6CC}"/>
              </a:ext>
            </a:extLst>
          </p:cNvPr>
          <p:cNvCxnSpPr>
            <a:cxnSpLocks/>
          </p:cNvCxnSpPr>
          <p:nvPr/>
        </p:nvCxnSpPr>
        <p:spPr>
          <a:xfrm flipH="1">
            <a:off x="9135533" y="4018358"/>
            <a:ext cx="345864"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98" name="テキスト ボックス 97">
            <a:extLst>
              <a:ext uri="{FF2B5EF4-FFF2-40B4-BE49-F238E27FC236}">
                <a16:creationId xmlns:a16="http://schemas.microsoft.com/office/drawing/2014/main" id="{A0368B47-6C05-7E52-A2D4-E32EC37A413A}"/>
              </a:ext>
            </a:extLst>
          </p:cNvPr>
          <p:cNvSpPr txBox="1"/>
          <p:nvPr/>
        </p:nvSpPr>
        <p:spPr>
          <a:xfrm rot="16200000">
            <a:off x="9025439" y="4678295"/>
            <a:ext cx="971321" cy="276999"/>
          </a:xfrm>
          <a:prstGeom prst="rect">
            <a:avLst/>
          </a:prstGeom>
          <a:noFill/>
        </p:spPr>
        <p:txBody>
          <a:bodyPr wrap="square" rtlCol="0">
            <a:spAutoFit/>
          </a:bodyPr>
          <a:lstStyle/>
          <a:p>
            <a:r>
              <a:rPr kumimoji="1" lang="ja-JP" altLang="en-US" sz="1200" dirty="0"/>
              <a:t>約</a:t>
            </a:r>
            <a:r>
              <a:rPr kumimoji="1" lang="en-US" altLang="ja-JP" sz="1200" dirty="0"/>
              <a:t>110cm</a:t>
            </a:r>
            <a:endParaRPr kumimoji="1" lang="ja-JP" altLang="en-US" sz="1200" dirty="0"/>
          </a:p>
        </p:txBody>
      </p:sp>
      <p:sp>
        <p:nvSpPr>
          <p:cNvPr id="103" name="テキスト ボックス 102">
            <a:extLst>
              <a:ext uri="{FF2B5EF4-FFF2-40B4-BE49-F238E27FC236}">
                <a16:creationId xmlns:a16="http://schemas.microsoft.com/office/drawing/2014/main" id="{64112ADE-64A2-82F5-9946-D43D2A5C7B10}"/>
              </a:ext>
            </a:extLst>
          </p:cNvPr>
          <p:cNvSpPr txBox="1"/>
          <p:nvPr/>
        </p:nvSpPr>
        <p:spPr>
          <a:xfrm rot="16200000">
            <a:off x="5316498" y="4744498"/>
            <a:ext cx="971321" cy="276999"/>
          </a:xfrm>
          <a:prstGeom prst="rect">
            <a:avLst/>
          </a:prstGeom>
          <a:noFill/>
        </p:spPr>
        <p:txBody>
          <a:bodyPr wrap="square" rtlCol="0">
            <a:spAutoFit/>
          </a:bodyPr>
          <a:lstStyle/>
          <a:p>
            <a:r>
              <a:rPr kumimoji="1" lang="ja-JP" altLang="en-US" sz="1200" dirty="0"/>
              <a:t>約</a:t>
            </a:r>
            <a:r>
              <a:rPr kumimoji="1" lang="en-US" altLang="ja-JP" sz="1200" dirty="0"/>
              <a:t>120cm</a:t>
            </a:r>
            <a:endParaRPr kumimoji="1" lang="ja-JP" altLang="en-US" sz="1200" dirty="0"/>
          </a:p>
        </p:txBody>
      </p:sp>
      <p:grpSp>
        <p:nvGrpSpPr>
          <p:cNvPr id="111" name="グループ化 110">
            <a:extLst>
              <a:ext uri="{FF2B5EF4-FFF2-40B4-BE49-F238E27FC236}">
                <a16:creationId xmlns:a16="http://schemas.microsoft.com/office/drawing/2014/main" id="{00678174-DA1C-F417-27FB-90D35783E552}"/>
              </a:ext>
            </a:extLst>
          </p:cNvPr>
          <p:cNvGrpSpPr/>
          <p:nvPr/>
        </p:nvGrpSpPr>
        <p:grpSpPr>
          <a:xfrm>
            <a:off x="8991600" y="5591175"/>
            <a:ext cx="310036" cy="144298"/>
            <a:chOff x="8991600" y="5591175"/>
            <a:chExt cx="310036" cy="144298"/>
          </a:xfrm>
        </p:grpSpPr>
        <p:cxnSp>
          <p:nvCxnSpPr>
            <p:cNvPr id="99" name="直線コネクタ 98">
              <a:extLst>
                <a:ext uri="{FF2B5EF4-FFF2-40B4-BE49-F238E27FC236}">
                  <a16:creationId xmlns:a16="http://schemas.microsoft.com/office/drawing/2014/main" id="{AAC35826-2846-6763-3F17-1464A76D49A5}"/>
                </a:ext>
              </a:extLst>
            </p:cNvPr>
            <p:cNvCxnSpPr>
              <a:cxnSpLocks/>
            </p:cNvCxnSpPr>
            <p:nvPr/>
          </p:nvCxnSpPr>
          <p:spPr>
            <a:xfrm flipH="1">
              <a:off x="8991600" y="5592904"/>
              <a:ext cx="285568" cy="0"/>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101" name="直線コネクタ 100">
              <a:extLst>
                <a:ext uri="{FF2B5EF4-FFF2-40B4-BE49-F238E27FC236}">
                  <a16:creationId xmlns:a16="http://schemas.microsoft.com/office/drawing/2014/main" id="{4FB3EC49-AD3B-7466-C128-E137931F59F7}"/>
                </a:ext>
              </a:extLst>
            </p:cNvPr>
            <p:cNvCxnSpPr>
              <a:cxnSpLocks/>
            </p:cNvCxnSpPr>
            <p:nvPr/>
          </p:nvCxnSpPr>
          <p:spPr>
            <a:xfrm flipH="1">
              <a:off x="8991600" y="5735473"/>
              <a:ext cx="285568" cy="0"/>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sp>
          <p:nvSpPr>
            <p:cNvPr id="106" name="フリーフォーム: 図形 105">
              <a:extLst>
                <a:ext uri="{FF2B5EF4-FFF2-40B4-BE49-F238E27FC236}">
                  <a16:creationId xmlns:a16="http://schemas.microsoft.com/office/drawing/2014/main" id="{A43FD01D-6B49-2C60-66A8-EED1436878DA}"/>
                </a:ext>
              </a:extLst>
            </p:cNvPr>
            <p:cNvSpPr/>
            <p:nvPr/>
          </p:nvSpPr>
          <p:spPr>
            <a:xfrm>
              <a:off x="9239191" y="5594350"/>
              <a:ext cx="31809" cy="133350"/>
            </a:xfrm>
            <a:custGeom>
              <a:avLst/>
              <a:gdLst>
                <a:gd name="connsiteX0" fmla="*/ 25459 w 31809"/>
                <a:gd name="connsiteY0" fmla="*/ 0 h 133350"/>
                <a:gd name="connsiteX1" fmla="*/ 59 w 31809"/>
                <a:gd name="connsiteY1" fmla="*/ 82550 h 133350"/>
                <a:gd name="connsiteX2" fmla="*/ 31809 w 31809"/>
                <a:gd name="connsiteY2" fmla="*/ 133350 h 133350"/>
              </a:gdLst>
              <a:ahLst/>
              <a:cxnLst>
                <a:cxn ang="0">
                  <a:pos x="connsiteX0" y="connsiteY0"/>
                </a:cxn>
                <a:cxn ang="0">
                  <a:pos x="connsiteX1" y="connsiteY1"/>
                </a:cxn>
                <a:cxn ang="0">
                  <a:pos x="connsiteX2" y="connsiteY2"/>
                </a:cxn>
              </a:cxnLst>
              <a:rect l="l" t="t" r="r" b="b"/>
              <a:pathLst>
                <a:path w="31809" h="133350">
                  <a:moveTo>
                    <a:pt x="25459" y="0"/>
                  </a:moveTo>
                  <a:cubicBezTo>
                    <a:pt x="12230" y="30162"/>
                    <a:pt x="-999" y="60325"/>
                    <a:pt x="59" y="82550"/>
                  </a:cubicBezTo>
                  <a:cubicBezTo>
                    <a:pt x="1117" y="104775"/>
                    <a:pt x="16463" y="119062"/>
                    <a:pt x="31809" y="133350"/>
                  </a:cubicBezTo>
                </a:path>
              </a:pathLst>
            </a:custGeom>
            <a:noFill/>
            <a:ln>
              <a:solidFill>
                <a:schemeClr val="tx1"/>
              </a:solidFill>
              <a:prstDash val="sysDot"/>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7" name="フリーフォーム: 図形 106">
              <a:extLst>
                <a:ext uri="{FF2B5EF4-FFF2-40B4-BE49-F238E27FC236}">
                  <a16:creationId xmlns:a16="http://schemas.microsoft.com/office/drawing/2014/main" id="{312FDA5F-35DC-9C39-10D0-1619C2B6382B}"/>
                </a:ext>
              </a:extLst>
            </p:cNvPr>
            <p:cNvSpPr/>
            <p:nvPr/>
          </p:nvSpPr>
          <p:spPr>
            <a:xfrm>
              <a:off x="9248775" y="5591175"/>
              <a:ext cx="52861" cy="92869"/>
            </a:xfrm>
            <a:custGeom>
              <a:avLst/>
              <a:gdLst>
                <a:gd name="connsiteX0" fmla="*/ 21431 w 52861"/>
                <a:gd name="connsiteY0" fmla="*/ 0 h 92869"/>
                <a:gd name="connsiteX1" fmla="*/ 52388 w 52861"/>
                <a:gd name="connsiteY1" fmla="*/ 47625 h 92869"/>
                <a:gd name="connsiteX2" fmla="*/ 0 w 52861"/>
                <a:gd name="connsiteY2" fmla="*/ 92869 h 92869"/>
              </a:gdLst>
              <a:ahLst/>
              <a:cxnLst>
                <a:cxn ang="0">
                  <a:pos x="connsiteX0" y="connsiteY0"/>
                </a:cxn>
                <a:cxn ang="0">
                  <a:pos x="connsiteX1" y="connsiteY1"/>
                </a:cxn>
                <a:cxn ang="0">
                  <a:pos x="connsiteX2" y="connsiteY2"/>
                </a:cxn>
              </a:cxnLst>
              <a:rect l="l" t="t" r="r" b="b"/>
              <a:pathLst>
                <a:path w="52861" h="92869">
                  <a:moveTo>
                    <a:pt x="21431" y="0"/>
                  </a:moveTo>
                  <a:cubicBezTo>
                    <a:pt x="38695" y="16073"/>
                    <a:pt x="55960" y="32147"/>
                    <a:pt x="52388" y="47625"/>
                  </a:cubicBezTo>
                  <a:cubicBezTo>
                    <a:pt x="48816" y="63103"/>
                    <a:pt x="24408" y="77986"/>
                    <a:pt x="0" y="92869"/>
                  </a:cubicBezTo>
                </a:path>
              </a:pathLst>
            </a:custGeom>
            <a:noFill/>
            <a:ln>
              <a:solidFill>
                <a:schemeClr val="tx1"/>
              </a:solidFill>
              <a:prstDash val="sysDot"/>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08" name="テキスト ボックス 107">
            <a:extLst>
              <a:ext uri="{FF2B5EF4-FFF2-40B4-BE49-F238E27FC236}">
                <a16:creationId xmlns:a16="http://schemas.microsoft.com/office/drawing/2014/main" id="{9BD9CC59-1F48-CE1A-DA6B-691F6087E4FF}"/>
              </a:ext>
            </a:extLst>
          </p:cNvPr>
          <p:cNvSpPr txBox="1"/>
          <p:nvPr/>
        </p:nvSpPr>
        <p:spPr>
          <a:xfrm>
            <a:off x="1080448" y="5703844"/>
            <a:ext cx="600917" cy="261610"/>
          </a:xfrm>
          <a:prstGeom prst="rect">
            <a:avLst/>
          </a:prstGeom>
          <a:solidFill>
            <a:schemeClr val="bg1"/>
          </a:solidFill>
          <a:ln w="9525">
            <a:solidFill>
              <a:schemeClr val="tx1"/>
            </a:solidFill>
          </a:ln>
        </p:spPr>
        <p:txBody>
          <a:bodyPr wrap="square" rtlCol="0">
            <a:spAutoFit/>
          </a:bodyPr>
          <a:lstStyle/>
          <a:p>
            <a:pPr algn="ctr"/>
            <a:r>
              <a:rPr kumimoji="1" lang="ja-JP" altLang="en-US" sz="1100" dirty="0">
                <a:latin typeface="Century" panose="02040604050505020304" pitchFamily="18" charset="0"/>
              </a:rPr>
              <a:t>本管</a:t>
            </a:r>
            <a:endParaRPr kumimoji="1" lang="en-US" altLang="ja-JP" sz="1100" dirty="0">
              <a:latin typeface="Century" panose="02040604050505020304" pitchFamily="18" charset="0"/>
            </a:endParaRPr>
          </a:p>
        </p:txBody>
      </p:sp>
      <p:sp>
        <p:nvSpPr>
          <p:cNvPr id="109" name="テキスト ボックス 108">
            <a:extLst>
              <a:ext uri="{FF2B5EF4-FFF2-40B4-BE49-F238E27FC236}">
                <a16:creationId xmlns:a16="http://schemas.microsoft.com/office/drawing/2014/main" id="{006BBA57-9A7E-32DD-3A48-E3BB19A516AC}"/>
              </a:ext>
            </a:extLst>
          </p:cNvPr>
          <p:cNvSpPr txBox="1"/>
          <p:nvPr/>
        </p:nvSpPr>
        <p:spPr>
          <a:xfrm>
            <a:off x="2022840" y="5237706"/>
            <a:ext cx="703409" cy="261610"/>
          </a:xfrm>
          <a:prstGeom prst="rect">
            <a:avLst/>
          </a:prstGeom>
          <a:solidFill>
            <a:schemeClr val="bg1"/>
          </a:solidFill>
          <a:ln w="9525">
            <a:solidFill>
              <a:schemeClr val="tx1"/>
            </a:solidFill>
          </a:ln>
        </p:spPr>
        <p:txBody>
          <a:bodyPr wrap="square" rtlCol="0">
            <a:spAutoFit/>
          </a:bodyPr>
          <a:lstStyle/>
          <a:p>
            <a:pPr algn="ctr"/>
            <a:r>
              <a:rPr kumimoji="1" lang="ja-JP" altLang="en-US" sz="1100" dirty="0">
                <a:latin typeface="Century" panose="02040604050505020304" pitchFamily="18" charset="0"/>
              </a:rPr>
              <a:t>取付管</a:t>
            </a:r>
            <a:endParaRPr kumimoji="1" lang="en-US" altLang="ja-JP" sz="1100" dirty="0">
              <a:latin typeface="Century" panose="02040604050505020304" pitchFamily="18" charset="0"/>
            </a:endParaRPr>
          </a:p>
        </p:txBody>
      </p:sp>
      <p:sp>
        <p:nvSpPr>
          <p:cNvPr id="110" name="テキスト ボックス 109">
            <a:extLst>
              <a:ext uri="{FF2B5EF4-FFF2-40B4-BE49-F238E27FC236}">
                <a16:creationId xmlns:a16="http://schemas.microsoft.com/office/drawing/2014/main" id="{C2FC0951-7E1D-A732-1073-0A1BA136A4B0}"/>
              </a:ext>
            </a:extLst>
          </p:cNvPr>
          <p:cNvSpPr txBox="1"/>
          <p:nvPr/>
        </p:nvSpPr>
        <p:spPr>
          <a:xfrm>
            <a:off x="3204483" y="5350333"/>
            <a:ext cx="703409" cy="261610"/>
          </a:xfrm>
          <a:prstGeom prst="rect">
            <a:avLst/>
          </a:prstGeom>
          <a:solidFill>
            <a:schemeClr val="bg1"/>
          </a:solidFill>
          <a:ln w="9525">
            <a:solidFill>
              <a:schemeClr val="tx1"/>
            </a:solidFill>
          </a:ln>
        </p:spPr>
        <p:txBody>
          <a:bodyPr wrap="square" rtlCol="0">
            <a:spAutoFit/>
          </a:bodyPr>
          <a:lstStyle/>
          <a:p>
            <a:pPr algn="ctr"/>
            <a:r>
              <a:rPr kumimoji="1" lang="ja-JP" altLang="en-US" sz="1100" dirty="0">
                <a:latin typeface="Century" panose="02040604050505020304" pitchFamily="18" charset="0"/>
              </a:rPr>
              <a:t>公共ます</a:t>
            </a:r>
            <a:endParaRPr kumimoji="1" lang="en-US" altLang="ja-JP" sz="1100" dirty="0">
              <a:latin typeface="Century" panose="02040604050505020304" pitchFamily="18" charset="0"/>
            </a:endParaRPr>
          </a:p>
        </p:txBody>
      </p:sp>
      <p:grpSp>
        <p:nvGrpSpPr>
          <p:cNvPr id="112" name="グループ化 111">
            <a:extLst>
              <a:ext uri="{FF2B5EF4-FFF2-40B4-BE49-F238E27FC236}">
                <a16:creationId xmlns:a16="http://schemas.microsoft.com/office/drawing/2014/main" id="{9019B048-ED21-1534-1B13-5493BF7E6ABE}"/>
              </a:ext>
            </a:extLst>
          </p:cNvPr>
          <p:cNvGrpSpPr/>
          <p:nvPr/>
        </p:nvGrpSpPr>
        <p:grpSpPr>
          <a:xfrm>
            <a:off x="3744350" y="4911859"/>
            <a:ext cx="310036" cy="144298"/>
            <a:chOff x="8991600" y="5591175"/>
            <a:chExt cx="310036" cy="144298"/>
          </a:xfrm>
        </p:grpSpPr>
        <p:cxnSp>
          <p:nvCxnSpPr>
            <p:cNvPr id="113" name="直線コネクタ 112">
              <a:extLst>
                <a:ext uri="{FF2B5EF4-FFF2-40B4-BE49-F238E27FC236}">
                  <a16:creationId xmlns:a16="http://schemas.microsoft.com/office/drawing/2014/main" id="{1AA6AD5D-0323-4131-1B7F-AAD5741CB3D2}"/>
                </a:ext>
              </a:extLst>
            </p:cNvPr>
            <p:cNvCxnSpPr>
              <a:cxnSpLocks/>
            </p:cNvCxnSpPr>
            <p:nvPr/>
          </p:nvCxnSpPr>
          <p:spPr>
            <a:xfrm flipH="1">
              <a:off x="8991600" y="5592904"/>
              <a:ext cx="285568" cy="0"/>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114" name="直線コネクタ 113">
              <a:extLst>
                <a:ext uri="{FF2B5EF4-FFF2-40B4-BE49-F238E27FC236}">
                  <a16:creationId xmlns:a16="http://schemas.microsoft.com/office/drawing/2014/main" id="{B8CC9ADB-BE6E-8974-28CF-F863D327E4B6}"/>
                </a:ext>
              </a:extLst>
            </p:cNvPr>
            <p:cNvCxnSpPr>
              <a:cxnSpLocks/>
            </p:cNvCxnSpPr>
            <p:nvPr/>
          </p:nvCxnSpPr>
          <p:spPr>
            <a:xfrm flipH="1">
              <a:off x="8991600" y="5735473"/>
              <a:ext cx="285568" cy="0"/>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sp>
          <p:nvSpPr>
            <p:cNvPr id="115" name="フリーフォーム: 図形 114">
              <a:extLst>
                <a:ext uri="{FF2B5EF4-FFF2-40B4-BE49-F238E27FC236}">
                  <a16:creationId xmlns:a16="http://schemas.microsoft.com/office/drawing/2014/main" id="{B77C7563-F419-2E60-E781-CEF348B929FC}"/>
                </a:ext>
              </a:extLst>
            </p:cNvPr>
            <p:cNvSpPr/>
            <p:nvPr/>
          </p:nvSpPr>
          <p:spPr>
            <a:xfrm>
              <a:off x="9239191" y="5594350"/>
              <a:ext cx="31809" cy="133350"/>
            </a:xfrm>
            <a:custGeom>
              <a:avLst/>
              <a:gdLst>
                <a:gd name="connsiteX0" fmla="*/ 25459 w 31809"/>
                <a:gd name="connsiteY0" fmla="*/ 0 h 133350"/>
                <a:gd name="connsiteX1" fmla="*/ 59 w 31809"/>
                <a:gd name="connsiteY1" fmla="*/ 82550 h 133350"/>
                <a:gd name="connsiteX2" fmla="*/ 31809 w 31809"/>
                <a:gd name="connsiteY2" fmla="*/ 133350 h 133350"/>
              </a:gdLst>
              <a:ahLst/>
              <a:cxnLst>
                <a:cxn ang="0">
                  <a:pos x="connsiteX0" y="connsiteY0"/>
                </a:cxn>
                <a:cxn ang="0">
                  <a:pos x="connsiteX1" y="connsiteY1"/>
                </a:cxn>
                <a:cxn ang="0">
                  <a:pos x="connsiteX2" y="connsiteY2"/>
                </a:cxn>
              </a:cxnLst>
              <a:rect l="l" t="t" r="r" b="b"/>
              <a:pathLst>
                <a:path w="31809" h="133350">
                  <a:moveTo>
                    <a:pt x="25459" y="0"/>
                  </a:moveTo>
                  <a:cubicBezTo>
                    <a:pt x="12230" y="30162"/>
                    <a:pt x="-999" y="60325"/>
                    <a:pt x="59" y="82550"/>
                  </a:cubicBezTo>
                  <a:cubicBezTo>
                    <a:pt x="1117" y="104775"/>
                    <a:pt x="16463" y="119062"/>
                    <a:pt x="31809" y="133350"/>
                  </a:cubicBezTo>
                </a:path>
              </a:pathLst>
            </a:custGeom>
            <a:noFill/>
            <a:ln>
              <a:solidFill>
                <a:schemeClr val="tx1"/>
              </a:solidFill>
              <a:prstDash val="sysDot"/>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6" name="フリーフォーム: 図形 115">
              <a:extLst>
                <a:ext uri="{FF2B5EF4-FFF2-40B4-BE49-F238E27FC236}">
                  <a16:creationId xmlns:a16="http://schemas.microsoft.com/office/drawing/2014/main" id="{599DD135-E4A7-C93B-9661-7AF4FB74159F}"/>
                </a:ext>
              </a:extLst>
            </p:cNvPr>
            <p:cNvSpPr/>
            <p:nvPr/>
          </p:nvSpPr>
          <p:spPr>
            <a:xfrm>
              <a:off x="9248775" y="5591175"/>
              <a:ext cx="52861" cy="92869"/>
            </a:xfrm>
            <a:custGeom>
              <a:avLst/>
              <a:gdLst>
                <a:gd name="connsiteX0" fmla="*/ 21431 w 52861"/>
                <a:gd name="connsiteY0" fmla="*/ 0 h 92869"/>
                <a:gd name="connsiteX1" fmla="*/ 52388 w 52861"/>
                <a:gd name="connsiteY1" fmla="*/ 47625 h 92869"/>
                <a:gd name="connsiteX2" fmla="*/ 0 w 52861"/>
                <a:gd name="connsiteY2" fmla="*/ 92869 h 92869"/>
              </a:gdLst>
              <a:ahLst/>
              <a:cxnLst>
                <a:cxn ang="0">
                  <a:pos x="connsiteX0" y="connsiteY0"/>
                </a:cxn>
                <a:cxn ang="0">
                  <a:pos x="connsiteX1" y="connsiteY1"/>
                </a:cxn>
                <a:cxn ang="0">
                  <a:pos x="connsiteX2" y="connsiteY2"/>
                </a:cxn>
              </a:cxnLst>
              <a:rect l="l" t="t" r="r" b="b"/>
              <a:pathLst>
                <a:path w="52861" h="92869">
                  <a:moveTo>
                    <a:pt x="21431" y="0"/>
                  </a:moveTo>
                  <a:cubicBezTo>
                    <a:pt x="38695" y="16073"/>
                    <a:pt x="55960" y="32147"/>
                    <a:pt x="52388" y="47625"/>
                  </a:cubicBezTo>
                  <a:cubicBezTo>
                    <a:pt x="48816" y="63103"/>
                    <a:pt x="24408" y="77986"/>
                    <a:pt x="0" y="92869"/>
                  </a:cubicBezTo>
                </a:path>
              </a:pathLst>
            </a:custGeom>
            <a:noFill/>
            <a:ln>
              <a:solidFill>
                <a:schemeClr val="tx1"/>
              </a:solidFill>
              <a:prstDash val="sysDot"/>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17" name="テキスト ボックス 116">
            <a:extLst>
              <a:ext uri="{FF2B5EF4-FFF2-40B4-BE49-F238E27FC236}">
                <a16:creationId xmlns:a16="http://schemas.microsoft.com/office/drawing/2014/main" id="{37B9A422-629C-A213-CC84-46E9C2ECD03A}"/>
              </a:ext>
            </a:extLst>
          </p:cNvPr>
          <p:cNvSpPr txBox="1"/>
          <p:nvPr/>
        </p:nvSpPr>
        <p:spPr>
          <a:xfrm>
            <a:off x="3819797" y="4574877"/>
            <a:ext cx="818255" cy="266731"/>
          </a:xfrm>
          <a:prstGeom prst="rect">
            <a:avLst/>
          </a:prstGeom>
          <a:solidFill>
            <a:schemeClr val="bg1"/>
          </a:solidFill>
          <a:ln w="9525">
            <a:solidFill>
              <a:schemeClr val="tx1"/>
            </a:solidFill>
          </a:ln>
        </p:spPr>
        <p:txBody>
          <a:bodyPr wrap="square" rtlCol="0">
            <a:spAutoFit/>
          </a:bodyPr>
          <a:lstStyle/>
          <a:p>
            <a:pPr algn="ctr"/>
            <a:r>
              <a:rPr kumimoji="1" lang="ja-JP" altLang="en-US" sz="1100" dirty="0">
                <a:latin typeface="Century" panose="02040604050505020304" pitchFamily="18" charset="0"/>
              </a:rPr>
              <a:t>排水設備</a:t>
            </a:r>
            <a:endParaRPr kumimoji="1" lang="en-US" altLang="ja-JP" sz="1100" dirty="0">
              <a:latin typeface="Century" panose="02040604050505020304" pitchFamily="18" charset="0"/>
            </a:endParaRPr>
          </a:p>
        </p:txBody>
      </p:sp>
      <p:cxnSp>
        <p:nvCxnSpPr>
          <p:cNvPr id="121" name="直線コネクタ 120">
            <a:extLst>
              <a:ext uri="{FF2B5EF4-FFF2-40B4-BE49-F238E27FC236}">
                <a16:creationId xmlns:a16="http://schemas.microsoft.com/office/drawing/2014/main" id="{09E1FB1C-5054-D22D-2240-0BCAD10BC99B}"/>
              </a:ext>
            </a:extLst>
          </p:cNvPr>
          <p:cNvCxnSpPr>
            <a:cxnSpLocks/>
          </p:cNvCxnSpPr>
          <p:nvPr/>
        </p:nvCxnSpPr>
        <p:spPr>
          <a:xfrm>
            <a:off x="384175" y="5834929"/>
            <a:ext cx="567101" cy="0"/>
          </a:xfrm>
          <a:prstGeom prst="line">
            <a:avLst/>
          </a:prstGeom>
          <a:ln w="9525">
            <a:solidFill>
              <a:srgbClr val="00FFFF"/>
            </a:solidFill>
          </a:ln>
        </p:spPr>
        <p:style>
          <a:lnRef idx="1">
            <a:schemeClr val="accent1"/>
          </a:lnRef>
          <a:fillRef idx="0">
            <a:schemeClr val="accent1"/>
          </a:fillRef>
          <a:effectRef idx="0">
            <a:schemeClr val="accent1"/>
          </a:effectRef>
          <a:fontRef idx="minor">
            <a:schemeClr val="tx1"/>
          </a:fontRef>
        </p:style>
      </p:cxnSp>
      <p:sp>
        <p:nvSpPr>
          <p:cNvPr id="122" name="二等辺三角形 121">
            <a:extLst>
              <a:ext uri="{FF2B5EF4-FFF2-40B4-BE49-F238E27FC236}">
                <a16:creationId xmlns:a16="http://schemas.microsoft.com/office/drawing/2014/main" id="{E8C76D32-5667-9C8A-047D-E29829B30AF5}"/>
              </a:ext>
            </a:extLst>
          </p:cNvPr>
          <p:cNvSpPr/>
          <p:nvPr/>
        </p:nvSpPr>
        <p:spPr>
          <a:xfrm rot="3600000">
            <a:off x="459050" y="5779143"/>
            <a:ext cx="49000" cy="45719"/>
          </a:xfrm>
          <a:prstGeom prst="triangle">
            <a:avLst/>
          </a:prstGeom>
          <a:noFill/>
          <a:ln w="9525"/>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26" name="直線コネクタ 125">
            <a:extLst>
              <a:ext uri="{FF2B5EF4-FFF2-40B4-BE49-F238E27FC236}">
                <a16:creationId xmlns:a16="http://schemas.microsoft.com/office/drawing/2014/main" id="{42DE5C80-1AF8-D02A-AB14-5A72393FA46F}"/>
              </a:ext>
            </a:extLst>
          </p:cNvPr>
          <p:cNvCxnSpPr>
            <a:cxnSpLocks/>
          </p:cNvCxnSpPr>
          <p:nvPr/>
        </p:nvCxnSpPr>
        <p:spPr>
          <a:xfrm>
            <a:off x="5562600" y="5757326"/>
            <a:ext cx="685800" cy="0"/>
          </a:xfrm>
          <a:prstGeom prst="line">
            <a:avLst/>
          </a:prstGeom>
          <a:ln w="9525">
            <a:solidFill>
              <a:srgbClr val="00FFFF"/>
            </a:solidFill>
          </a:ln>
        </p:spPr>
        <p:style>
          <a:lnRef idx="1">
            <a:schemeClr val="accent1"/>
          </a:lnRef>
          <a:fillRef idx="0">
            <a:schemeClr val="accent1"/>
          </a:fillRef>
          <a:effectRef idx="0">
            <a:schemeClr val="accent1"/>
          </a:effectRef>
          <a:fontRef idx="minor">
            <a:schemeClr val="tx1"/>
          </a:fontRef>
        </p:style>
      </p:cxnSp>
      <p:sp>
        <p:nvSpPr>
          <p:cNvPr id="127" name="二等辺三角形 126">
            <a:extLst>
              <a:ext uri="{FF2B5EF4-FFF2-40B4-BE49-F238E27FC236}">
                <a16:creationId xmlns:a16="http://schemas.microsoft.com/office/drawing/2014/main" id="{A780D5D4-A5AB-87CC-41EA-1D3FCA8A2ACA}"/>
              </a:ext>
            </a:extLst>
          </p:cNvPr>
          <p:cNvSpPr/>
          <p:nvPr/>
        </p:nvSpPr>
        <p:spPr>
          <a:xfrm rot="3600000">
            <a:off x="5708297" y="5692129"/>
            <a:ext cx="49000" cy="45719"/>
          </a:xfrm>
          <a:prstGeom prst="triangle">
            <a:avLst/>
          </a:prstGeom>
          <a:noFill/>
          <a:ln w="9525"/>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2" name="吹き出し: 角を丸めた四角形 131">
            <a:extLst>
              <a:ext uri="{FF2B5EF4-FFF2-40B4-BE49-F238E27FC236}">
                <a16:creationId xmlns:a16="http://schemas.microsoft.com/office/drawing/2014/main" id="{AF2F445C-304A-2F5F-735D-0C0B3DBAF642}"/>
              </a:ext>
            </a:extLst>
          </p:cNvPr>
          <p:cNvSpPr/>
          <p:nvPr/>
        </p:nvSpPr>
        <p:spPr>
          <a:xfrm>
            <a:off x="6107494" y="4175645"/>
            <a:ext cx="2667116" cy="601193"/>
          </a:xfrm>
          <a:prstGeom prst="wedgeRoundRectCallout">
            <a:avLst>
              <a:gd name="adj1" fmla="val -48431"/>
              <a:gd name="adj2" fmla="val 195832"/>
              <a:gd name="adj3" fmla="val 16667"/>
            </a:avLst>
          </a:prstGeom>
          <a:solidFill>
            <a:schemeClr val="bg1"/>
          </a:solidFill>
          <a:ln>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a:solidFill>
                  <a:srgbClr val="FF0000"/>
                </a:solidFill>
              </a:rPr>
              <a:t>本管のほぼ真横に水平に接続されているため、水面に浮かぶ油脂類が付着しやすい状態にあり、閉塞したものと想定される。</a:t>
            </a:r>
          </a:p>
        </p:txBody>
      </p:sp>
      <p:sp>
        <p:nvSpPr>
          <p:cNvPr id="136" name="吹き出し: 角を丸めた四角形 135">
            <a:extLst>
              <a:ext uri="{FF2B5EF4-FFF2-40B4-BE49-F238E27FC236}">
                <a16:creationId xmlns:a16="http://schemas.microsoft.com/office/drawing/2014/main" id="{90B7829F-BD06-74E9-AD3E-7CFAD6F5E93E}"/>
              </a:ext>
            </a:extLst>
          </p:cNvPr>
          <p:cNvSpPr/>
          <p:nvPr/>
        </p:nvSpPr>
        <p:spPr>
          <a:xfrm>
            <a:off x="7291015" y="4894851"/>
            <a:ext cx="1411637" cy="492570"/>
          </a:xfrm>
          <a:prstGeom prst="wedgeRoundRectCallout">
            <a:avLst>
              <a:gd name="adj1" fmla="val 63642"/>
              <a:gd name="adj2" fmla="val 104486"/>
              <a:gd name="adj3" fmla="val 16667"/>
            </a:avLst>
          </a:prstGeom>
          <a:solidFill>
            <a:schemeClr val="bg1"/>
          </a:solidFill>
          <a:ln>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a:solidFill>
                  <a:srgbClr val="FF0000"/>
                </a:solidFill>
              </a:rPr>
              <a:t>排水設備の取込み深さも比較的深い</a:t>
            </a:r>
          </a:p>
        </p:txBody>
      </p:sp>
      <p:sp>
        <p:nvSpPr>
          <p:cNvPr id="137" name="吹き出し: 角を丸めた四角形 136">
            <a:extLst>
              <a:ext uri="{FF2B5EF4-FFF2-40B4-BE49-F238E27FC236}">
                <a16:creationId xmlns:a16="http://schemas.microsoft.com/office/drawing/2014/main" id="{1107017B-59C5-1962-72E2-80E8420AE7BE}"/>
              </a:ext>
            </a:extLst>
          </p:cNvPr>
          <p:cNvSpPr/>
          <p:nvPr/>
        </p:nvSpPr>
        <p:spPr>
          <a:xfrm>
            <a:off x="5331222" y="3577943"/>
            <a:ext cx="1552543" cy="298461"/>
          </a:xfrm>
          <a:prstGeom prst="wedgeRoundRectCallout">
            <a:avLst>
              <a:gd name="adj1" fmla="val -22548"/>
              <a:gd name="adj2" fmla="val 309455"/>
              <a:gd name="adj3" fmla="val 16667"/>
            </a:avLst>
          </a:prstGeom>
          <a:solidFill>
            <a:schemeClr val="bg1"/>
          </a:solidFill>
          <a:ln>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a:solidFill>
                  <a:srgbClr val="FF0000"/>
                </a:solidFill>
              </a:rPr>
              <a:t>本管深さが比較的浅い</a:t>
            </a:r>
          </a:p>
        </p:txBody>
      </p:sp>
      <p:cxnSp>
        <p:nvCxnSpPr>
          <p:cNvPr id="104" name="直線矢印コネクタ 103">
            <a:extLst>
              <a:ext uri="{FF2B5EF4-FFF2-40B4-BE49-F238E27FC236}">
                <a16:creationId xmlns:a16="http://schemas.microsoft.com/office/drawing/2014/main" id="{D947E449-CFDC-2128-2E30-6AADDDED673F}"/>
              </a:ext>
            </a:extLst>
          </p:cNvPr>
          <p:cNvCxnSpPr>
            <a:cxnSpLocks/>
          </p:cNvCxnSpPr>
          <p:nvPr/>
        </p:nvCxnSpPr>
        <p:spPr>
          <a:xfrm>
            <a:off x="5905500" y="4018358"/>
            <a:ext cx="0" cy="1968105"/>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4" name="直線コネクタ 93">
            <a:extLst>
              <a:ext uri="{FF2B5EF4-FFF2-40B4-BE49-F238E27FC236}">
                <a16:creationId xmlns:a16="http://schemas.microsoft.com/office/drawing/2014/main" id="{289A3016-F691-BC03-986C-2CB2C8CA0718}"/>
              </a:ext>
            </a:extLst>
          </p:cNvPr>
          <p:cNvCxnSpPr>
            <a:cxnSpLocks/>
          </p:cNvCxnSpPr>
          <p:nvPr/>
        </p:nvCxnSpPr>
        <p:spPr>
          <a:xfrm flipH="1">
            <a:off x="5718629" y="4008119"/>
            <a:ext cx="286911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楕円 10">
            <a:extLst>
              <a:ext uri="{FF2B5EF4-FFF2-40B4-BE49-F238E27FC236}">
                <a16:creationId xmlns:a16="http://schemas.microsoft.com/office/drawing/2014/main" id="{0D00D202-F48C-DBB1-A4C4-B8F8B0215BAF}"/>
              </a:ext>
            </a:extLst>
          </p:cNvPr>
          <p:cNvSpPr/>
          <p:nvPr/>
        </p:nvSpPr>
        <p:spPr>
          <a:xfrm>
            <a:off x="5562600" y="5314950"/>
            <a:ext cx="685800" cy="671513"/>
          </a:xfrm>
          <a:prstGeom prst="ellipse">
            <a:avLst/>
          </a:prstGeom>
          <a:noFill/>
          <a:ln w="12700">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75393052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275" dirty="0">
                <a:solidFill>
                  <a:schemeClr val="bg1"/>
                </a:solidFill>
                <a:latin typeface="HGP創英角ｺﾞｼｯｸUB" panose="020B0900000000000000" pitchFamily="50" charset="-128"/>
                <a:ea typeface="HGP創英角ｺﾞｼｯｸUB" panose="020B0900000000000000" pitchFamily="50" charset="-128"/>
              </a:rPr>
              <a:t>　</a:t>
            </a:r>
            <a:r>
              <a:rPr lang="en-US" altLang="ja-JP" sz="2275" dirty="0">
                <a:solidFill>
                  <a:schemeClr val="bg1"/>
                </a:solidFill>
                <a:latin typeface="HGP創英角ｺﾞｼｯｸUB" panose="020B0900000000000000" pitchFamily="50" charset="-128"/>
                <a:ea typeface="HGP創英角ｺﾞｼｯｸUB" panose="020B0900000000000000" pitchFamily="50" charset="-128"/>
              </a:rPr>
              <a:t>H29-R7</a:t>
            </a:r>
            <a:r>
              <a:rPr lang="ja-JP" altLang="en-US" sz="2275" dirty="0">
                <a:solidFill>
                  <a:schemeClr val="bg1"/>
                </a:solidFill>
                <a:latin typeface="HGP創英角ｺﾞｼｯｸUB" panose="020B0900000000000000" pitchFamily="50" charset="-128"/>
                <a:ea typeface="HGP創英角ｺﾞｼｯｸUB" panose="020B0900000000000000" pitchFamily="50" charset="-128"/>
              </a:rPr>
              <a:t>（上半期）　事故発生件数　（過年度比較）</a:t>
            </a:r>
          </a:p>
        </p:txBody>
      </p:sp>
      <p:sp>
        <p:nvSpPr>
          <p:cNvPr id="6" name="スライド番号プレースホルダー 5"/>
          <p:cNvSpPr>
            <a:spLocks noGrp="1"/>
          </p:cNvSpPr>
          <p:nvPr>
            <p:ph type="sldNum" sz="quarter" idx="12"/>
          </p:nvPr>
        </p:nvSpPr>
        <p:spPr/>
        <p:txBody>
          <a:bodyPr/>
          <a:lstStyle/>
          <a:p>
            <a:fld id="{36EC18DB-A5DF-4E0E-B815-FCD04A2C4B2C}" type="slidenum">
              <a:rPr kumimoji="1" lang="ja-JP" altLang="en-US" smtClean="0"/>
              <a:t>35</a:t>
            </a:fld>
            <a:endParaRPr kumimoji="1" lang="ja-JP" altLang="en-US"/>
          </a:p>
        </p:txBody>
      </p:sp>
      <p:graphicFrame>
        <p:nvGraphicFramePr>
          <p:cNvPr id="15" name="表 14"/>
          <p:cNvGraphicFramePr>
            <a:graphicFrameLocks noGrp="1"/>
          </p:cNvGraphicFramePr>
          <p:nvPr>
            <p:extLst>
              <p:ext uri="{D42A27DB-BD31-4B8C-83A1-F6EECF244321}">
                <p14:modId xmlns:p14="http://schemas.microsoft.com/office/powerpoint/2010/main" val="3062992425"/>
              </p:ext>
            </p:extLst>
          </p:nvPr>
        </p:nvGraphicFramePr>
        <p:xfrm>
          <a:off x="188972" y="1316644"/>
          <a:ext cx="9578126" cy="4817246"/>
        </p:xfrm>
        <a:graphic>
          <a:graphicData uri="http://schemas.openxmlformats.org/drawingml/2006/table">
            <a:tbl>
              <a:tblPr firstRow="1" bandRow="1">
                <a:tableStyleId>{5C22544A-7EE6-4342-B048-85BDC9FD1C3A}</a:tableStyleId>
              </a:tblPr>
              <a:tblGrid>
                <a:gridCol w="1019267">
                  <a:extLst>
                    <a:ext uri="{9D8B030D-6E8A-4147-A177-3AD203B41FA5}">
                      <a16:colId xmlns:a16="http://schemas.microsoft.com/office/drawing/2014/main" val="1716734234"/>
                    </a:ext>
                  </a:extLst>
                </a:gridCol>
                <a:gridCol w="540921">
                  <a:extLst>
                    <a:ext uri="{9D8B030D-6E8A-4147-A177-3AD203B41FA5}">
                      <a16:colId xmlns:a16="http://schemas.microsoft.com/office/drawing/2014/main" val="2051590404"/>
                    </a:ext>
                  </a:extLst>
                </a:gridCol>
                <a:gridCol w="890882">
                  <a:extLst>
                    <a:ext uri="{9D8B030D-6E8A-4147-A177-3AD203B41FA5}">
                      <a16:colId xmlns:a16="http://schemas.microsoft.com/office/drawing/2014/main" val="3868781665"/>
                    </a:ext>
                  </a:extLst>
                </a:gridCol>
                <a:gridCol w="890882">
                  <a:extLst>
                    <a:ext uri="{9D8B030D-6E8A-4147-A177-3AD203B41FA5}">
                      <a16:colId xmlns:a16="http://schemas.microsoft.com/office/drawing/2014/main" val="3511961762"/>
                    </a:ext>
                  </a:extLst>
                </a:gridCol>
                <a:gridCol w="890882">
                  <a:extLst>
                    <a:ext uri="{9D8B030D-6E8A-4147-A177-3AD203B41FA5}">
                      <a16:colId xmlns:a16="http://schemas.microsoft.com/office/drawing/2014/main" val="504868622"/>
                    </a:ext>
                  </a:extLst>
                </a:gridCol>
                <a:gridCol w="890882">
                  <a:extLst>
                    <a:ext uri="{9D8B030D-6E8A-4147-A177-3AD203B41FA5}">
                      <a16:colId xmlns:a16="http://schemas.microsoft.com/office/drawing/2014/main" val="2982441979"/>
                    </a:ext>
                  </a:extLst>
                </a:gridCol>
                <a:gridCol w="890882">
                  <a:extLst>
                    <a:ext uri="{9D8B030D-6E8A-4147-A177-3AD203B41FA5}">
                      <a16:colId xmlns:a16="http://schemas.microsoft.com/office/drawing/2014/main" val="3548261750"/>
                    </a:ext>
                  </a:extLst>
                </a:gridCol>
                <a:gridCol w="890882">
                  <a:extLst>
                    <a:ext uri="{9D8B030D-6E8A-4147-A177-3AD203B41FA5}">
                      <a16:colId xmlns:a16="http://schemas.microsoft.com/office/drawing/2014/main" val="577235993"/>
                    </a:ext>
                  </a:extLst>
                </a:gridCol>
                <a:gridCol w="890882">
                  <a:extLst>
                    <a:ext uri="{9D8B030D-6E8A-4147-A177-3AD203B41FA5}">
                      <a16:colId xmlns:a16="http://schemas.microsoft.com/office/drawing/2014/main" val="1701486977"/>
                    </a:ext>
                  </a:extLst>
                </a:gridCol>
                <a:gridCol w="890882">
                  <a:extLst>
                    <a:ext uri="{9D8B030D-6E8A-4147-A177-3AD203B41FA5}">
                      <a16:colId xmlns:a16="http://schemas.microsoft.com/office/drawing/2014/main" val="4053485783"/>
                    </a:ext>
                  </a:extLst>
                </a:gridCol>
                <a:gridCol w="890882">
                  <a:extLst>
                    <a:ext uri="{9D8B030D-6E8A-4147-A177-3AD203B41FA5}">
                      <a16:colId xmlns:a16="http://schemas.microsoft.com/office/drawing/2014/main" val="1068108955"/>
                    </a:ext>
                  </a:extLst>
                </a:gridCol>
              </a:tblGrid>
              <a:tr h="555594">
                <a:tc>
                  <a:txBody>
                    <a:bodyPr/>
                    <a:lstStyle/>
                    <a:p>
                      <a:pPr algn="ctr"/>
                      <a:endParaRPr kumimoji="1" lang="ja-JP" altLang="en-US" sz="1600" dirty="0"/>
                    </a:p>
                  </a:txBody>
                  <a:tcPr anchor="ctr"/>
                </a:tc>
                <a:tc>
                  <a:txBody>
                    <a:bodyPr/>
                    <a:lstStyle/>
                    <a:p>
                      <a:pPr algn="ctr"/>
                      <a:endParaRPr kumimoji="1" lang="ja-JP" altLang="en-US" sz="1600" dirty="0"/>
                    </a:p>
                  </a:txBody>
                  <a:tcPr anchor="ctr"/>
                </a:tc>
                <a:tc>
                  <a:txBody>
                    <a:bodyPr/>
                    <a:lstStyle/>
                    <a:p>
                      <a:pPr algn="ctr"/>
                      <a:r>
                        <a:rPr kumimoji="1" lang="en-US" altLang="ja-JP" sz="1600" dirty="0"/>
                        <a:t>H29</a:t>
                      </a:r>
                      <a:endParaRPr kumimoji="1" lang="ja-JP" altLang="en-US" sz="1600" dirty="0"/>
                    </a:p>
                  </a:txBody>
                  <a:tcPr anchor="ctr"/>
                </a:tc>
                <a:tc>
                  <a:txBody>
                    <a:bodyPr/>
                    <a:lstStyle/>
                    <a:p>
                      <a:pPr algn="ctr"/>
                      <a:r>
                        <a:rPr kumimoji="1" lang="en-US" altLang="ja-JP" sz="1600" dirty="0"/>
                        <a:t>H30</a:t>
                      </a:r>
                      <a:endParaRPr kumimoji="1" lang="ja-JP" altLang="en-US" sz="1600" dirty="0"/>
                    </a:p>
                  </a:txBody>
                  <a:tcPr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dirty="0"/>
                        <a:t>R1</a:t>
                      </a:r>
                      <a:endParaRPr kumimoji="1" lang="ja-JP" altLang="en-US" sz="1600" dirty="0"/>
                    </a:p>
                  </a:txBody>
                  <a:tcPr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dirty="0"/>
                        <a:t>R2</a:t>
                      </a:r>
                      <a:endParaRPr kumimoji="1" lang="ja-JP" altLang="en-US" sz="1600" dirty="0"/>
                    </a:p>
                  </a:txBody>
                  <a:tcPr anchor="ctr"/>
                </a:tc>
                <a:tc>
                  <a:txBody>
                    <a:bodyPr/>
                    <a:lstStyle/>
                    <a:p>
                      <a:pPr algn="ctr"/>
                      <a:r>
                        <a:rPr kumimoji="1" lang="en-US" altLang="ja-JP" sz="1600" dirty="0"/>
                        <a:t>R3</a:t>
                      </a:r>
                      <a:endParaRPr kumimoji="1" lang="ja-JP" altLang="en-US" sz="1600" dirty="0"/>
                    </a:p>
                  </a:txBody>
                  <a:tcPr anchor="ctr">
                    <a:lnR w="38100" cap="flat" cmpd="sng" algn="ctr">
                      <a:solidFill>
                        <a:schemeClr val="bg1"/>
                      </a:solidFill>
                      <a:prstDash val="solid"/>
                      <a:round/>
                      <a:headEnd type="none" w="med" len="med"/>
                      <a:tailEnd type="none" w="med" len="med"/>
                    </a:lnR>
                  </a:tcPr>
                </a:tc>
                <a:tc>
                  <a:txBody>
                    <a:bodyPr/>
                    <a:lstStyle/>
                    <a:p>
                      <a:pPr algn="ctr"/>
                      <a:r>
                        <a:rPr kumimoji="1" lang="en-US" altLang="ja-JP" sz="1600" dirty="0"/>
                        <a:t>R4</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dirty="0"/>
                        <a:t>R5</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dirty="0"/>
                        <a:t>R6</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dirty="0"/>
                        <a:t>R7</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t>（上半期）</a:t>
                      </a:r>
                      <a:endParaRPr kumimoji="1" lang="en-US" altLang="ja-JP" sz="11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tcPr>
                </a:tc>
                <a:extLst>
                  <a:ext uri="{0D108BD9-81ED-4DB2-BD59-A6C34878D82A}">
                    <a16:rowId xmlns:a16="http://schemas.microsoft.com/office/drawing/2014/main" val="1167308062"/>
                  </a:ext>
                </a:extLst>
              </a:tr>
              <a:tr h="471740">
                <a:tc rowSpan="3">
                  <a:txBody>
                    <a:bodyPr/>
                    <a:lstStyle/>
                    <a:p>
                      <a:pPr algn="ctr"/>
                      <a:r>
                        <a:rPr kumimoji="1" lang="ja-JP" altLang="en-US" sz="1600" dirty="0"/>
                        <a:t>管路</a:t>
                      </a:r>
                    </a:p>
                  </a:txBody>
                  <a:tcPr anchor="ctr">
                    <a:lnB w="38100" cap="flat" cmpd="sng" algn="ctr">
                      <a:solidFill>
                        <a:schemeClr val="bg1"/>
                      </a:solidFill>
                      <a:prstDash val="solid"/>
                      <a:round/>
                      <a:headEnd type="none" w="med" len="med"/>
                      <a:tailEnd type="none" w="med" len="med"/>
                    </a:lnB>
                  </a:tcPr>
                </a:tc>
                <a:tc>
                  <a:txBody>
                    <a:bodyPr/>
                    <a:lstStyle/>
                    <a:p>
                      <a:pPr algn="ctr"/>
                      <a:r>
                        <a:rPr kumimoji="1" lang="ja-JP" altLang="en-US" sz="1600" dirty="0"/>
                        <a:t>大</a:t>
                      </a:r>
                    </a:p>
                  </a:txBody>
                  <a:tcPr anchor="ctr">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R w="3810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r>
                        <a:rPr kumimoji="1" lang="ja-JP" altLang="en-US" sz="1800" dirty="0"/>
                        <a:t>０</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rowSpan="3">
                  <a:txBody>
                    <a:bodyPr/>
                    <a:lstStyle/>
                    <a:p>
                      <a:pPr algn="ctr"/>
                      <a:r>
                        <a:rPr kumimoji="1" lang="en-US" altLang="ja-JP" sz="1800" dirty="0"/>
                        <a:t>8</a:t>
                      </a:r>
                      <a:r>
                        <a:rPr kumimoji="1" lang="en-US" altLang="ja-JP" sz="1800" baseline="30000" dirty="0"/>
                        <a:t>※</a:t>
                      </a:r>
                      <a:endParaRPr kumimoji="1" lang="ja-JP" altLang="en-US" sz="1800" baseline="300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B w="381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2306528898"/>
                  </a:ext>
                </a:extLst>
              </a:tr>
              <a:tr h="474405">
                <a:tc vMerge="1">
                  <a:txBody>
                    <a:bodyPr/>
                    <a:lstStyle/>
                    <a:p>
                      <a:endParaRPr kumimoji="1" lang="ja-JP" altLang="en-US"/>
                    </a:p>
                  </a:txBody>
                  <a:tcPr/>
                </a:tc>
                <a:tc>
                  <a:txBody>
                    <a:bodyPr/>
                    <a:lstStyle/>
                    <a:p>
                      <a:pPr algn="ctr"/>
                      <a:r>
                        <a:rPr kumimoji="1" lang="ja-JP" altLang="en-US" sz="1600" dirty="0"/>
                        <a:t>中</a:t>
                      </a:r>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ja-JP" altLang="en-US" sz="1800" dirty="0"/>
                        <a:t>０</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3138134801"/>
                  </a:ext>
                </a:extLst>
              </a:tr>
              <a:tr h="474405">
                <a:tc vMerge="1">
                  <a:txBody>
                    <a:bodyPr/>
                    <a:lstStyle/>
                    <a:p>
                      <a:endParaRPr kumimoji="1" lang="ja-JP" altLang="en-US"/>
                    </a:p>
                  </a:txBody>
                  <a:tcPr/>
                </a:tc>
                <a:tc>
                  <a:txBody>
                    <a:bodyPr/>
                    <a:lstStyle/>
                    <a:p>
                      <a:pPr algn="ctr"/>
                      <a:r>
                        <a:rPr kumimoji="1" lang="ja-JP" altLang="en-US" sz="1600" dirty="0"/>
                        <a:t>小</a:t>
                      </a:r>
                    </a:p>
                  </a:txBody>
                  <a:tcPr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t>13</a:t>
                      </a:r>
                      <a:endParaRPr kumimoji="1" lang="ja-JP" altLang="en-US" sz="1800" dirty="0"/>
                    </a:p>
                  </a:txBody>
                  <a:tcPr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t>5</a:t>
                      </a:r>
                      <a:endParaRPr kumimoji="1" lang="ja-JP" altLang="en-US" sz="1800" dirty="0"/>
                    </a:p>
                  </a:txBody>
                  <a:tcPr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t>2</a:t>
                      </a:r>
                      <a:endParaRPr kumimoji="1" lang="ja-JP" altLang="en-US" sz="1800" dirty="0"/>
                    </a:p>
                  </a:txBody>
                  <a:tcPr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t>6</a:t>
                      </a:r>
                      <a:endParaRPr kumimoji="1" lang="ja-JP" altLang="en-US" sz="1800" dirty="0"/>
                    </a:p>
                  </a:txBody>
                  <a:tcPr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t>2</a:t>
                      </a:r>
                      <a:endParaRPr kumimoji="1" lang="ja-JP" altLang="en-US" sz="1800" dirty="0"/>
                    </a:p>
                  </a:txBody>
                  <a:tcPr anchor="ctr">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t>12</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t>19</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t>4</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vMerge="1">
                  <a:txBody>
                    <a:bodyPr/>
                    <a:lstStyle/>
                    <a:p>
                      <a:endParaRPr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3567079468"/>
                  </a:ext>
                </a:extLst>
              </a:tr>
              <a:tr h="517133">
                <a:tc rowSpan="3">
                  <a:txBody>
                    <a:bodyPr/>
                    <a:lstStyle/>
                    <a:p>
                      <a:pPr algn="ctr"/>
                      <a:r>
                        <a:rPr kumimoji="1" lang="ja-JP" altLang="en-US" sz="1600" dirty="0"/>
                        <a:t>処理場</a:t>
                      </a:r>
                      <a:endParaRPr kumimoji="1" lang="en-US" altLang="ja-JP" sz="1600" dirty="0"/>
                    </a:p>
                    <a:p>
                      <a:pPr algn="ctr"/>
                      <a:r>
                        <a:rPr kumimoji="1" lang="ja-JP" altLang="en-US" sz="1600" dirty="0"/>
                        <a:t>・抽水所</a:t>
                      </a:r>
                    </a:p>
                  </a:txBody>
                  <a:tcPr anchor="ctr">
                    <a:lnT w="381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ja-JP" altLang="en-US" sz="1600" dirty="0"/>
                        <a:t>大</a:t>
                      </a:r>
                    </a:p>
                  </a:txBody>
                  <a:tcPr anchor="ct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R w="381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ja-JP" altLang="en-US" sz="1800" dirty="0"/>
                        <a:t>０</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2863939902"/>
                  </a:ext>
                </a:extLst>
              </a:tr>
              <a:tr h="451709">
                <a:tc vMerge="1">
                  <a:txBody>
                    <a:bodyPr/>
                    <a:lstStyle/>
                    <a:p>
                      <a:endParaRPr kumimoji="1" lang="ja-JP" altLang="en-US"/>
                    </a:p>
                  </a:txBody>
                  <a:tcPr/>
                </a:tc>
                <a:tc>
                  <a:txBody>
                    <a:bodyPr/>
                    <a:lstStyle/>
                    <a:p>
                      <a:pPr algn="ctr"/>
                      <a:r>
                        <a:rPr kumimoji="1" lang="ja-JP" altLang="en-US" sz="1600" dirty="0"/>
                        <a:t>中</a:t>
                      </a:r>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1</a:t>
                      </a:r>
                      <a:endParaRPr kumimoji="1" lang="ja-JP" altLang="en-US" sz="1800" dirty="0">
                        <a:solidFill>
                          <a:schemeClr val="tx1"/>
                        </a:solidFill>
                      </a:endParaRPr>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1</a:t>
                      </a:r>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2</a:t>
                      </a:r>
                      <a:endParaRPr kumimoji="1" lang="ja-JP" altLang="en-US" sz="1800" dirty="0">
                        <a:solidFill>
                          <a:schemeClr val="tx1"/>
                        </a:solidFill>
                      </a:endParaRPr>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dirty="0">
                          <a:solidFill>
                            <a:schemeClr val="tx1"/>
                          </a:solidFill>
                        </a:rPr>
                        <a:t>４</a:t>
                      </a:r>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dirty="0">
                          <a:solidFill>
                            <a:schemeClr val="tx1"/>
                          </a:solidFill>
                        </a:rPr>
                        <a:t>１</a:t>
                      </a:r>
                    </a:p>
                  </a:txBody>
                  <a:tcPr anchor="ctr">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dirty="0">
                          <a:solidFill>
                            <a:schemeClr val="tx1"/>
                          </a:solidFill>
                        </a:rPr>
                        <a:t>２</a:t>
                      </a:r>
                      <a:endParaRPr kumimoji="1" lang="en-US" altLang="ja-JP" sz="1800" dirty="0">
                        <a:solidFill>
                          <a:schemeClr val="tx1"/>
                        </a:solidFill>
                      </a:endParaRP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dirty="0">
                          <a:solidFill>
                            <a:schemeClr val="tx1"/>
                          </a:solidFill>
                        </a:rPr>
                        <a:t>０</a:t>
                      </a:r>
                      <a:endParaRPr kumimoji="1" lang="en-US" altLang="ja-JP" sz="1800" dirty="0">
                        <a:solidFill>
                          <a:schemeClr val="tx1"/>
                        </a:solidFill>
                      </a:endParaRP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800" dirty="0">
                          <a:solidFill>
                            <a:schemeClr val="tx1"/>
                          </a:solidFill>
                        </a:rPr>
                        <a:t>0</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800" dirty="0">
                          <a:solidFill>
                            <a:schemeClr val="tx1"/>
                          </a:solidFill>
                        </a:rPr>
                        <a:t>0</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3873847249"/>
                  </a:ext>
                </a:extLst>
              </a:tr>
              <a:tr h="451709">
                <a:tc vMerge="1">
                  <a:txBody>
                    <a:bodyPr/>
                    <a:lstStyle/>
                    <a:p>
                      <a:endParaRPr kumimoji="1" lang="ja-JP" altLang="en-US"/>
                    </a:p>
                  </a:txBody>
                  <a:tcPr/>
                </a:tc>
                <a:tc>
                  <a:txBody>
                    <a:bodyPr/>
                    <a:lstStyle/>
                    <a:p>
                      <a:pPr algn="ctr"/>
                      <a:r>
                        <a:rPr kumimoji="1" lang="ja-JP" altLang="en-US" sz="1600" dirty="0"/>
                        <a:t>小</a:t>
                      </a:r>
                    </a:p>
                  </a:txBody>
                  <a:tcPr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ja-JP" altLang="en-US" sz="1800" dirty="0">
                          <a:solidFill>
                            <a:schemeClr val="tx1"/>
                          </a:solidFill>
                        </a:rPr>
                        <a:t>２</a:t>
                      </a:r>
                    </a:p>
                  </a:txBody>
                  <a:tcPr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3</a:t>
                      </a:r>
                      <a:endParaRPr kumimoji="1" lang="ja-JP" altLang="en-US" sz="1800" dirty="0">
                        <a:solidFill>
                          <a:schemeClr val="tx1"/>
                        </a:solidFill>
                      </a:endParaRPr>
                    </a:p>
                  </a:txBody>
                  <a:tcPr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3</a:t>
                      </a:r>
                      <a:endParaRPr kumimoji="1" lang="ja-JP" altLang="en-US" sz="1800" dirty="0">
                        <a:solidFill>
                          <a:schemeClr val="tx1"/>
                        </a:solidFill>
                      </a:endParaRPr>
                    </a:p>
                  </a:txBody>
                  <a:tcPr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0</a:t>
                      </a:r>
                    </a:p>
                  </a:txBody>
                  <a:tcPr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0</a:t>
                      </a:r>
                      <a:endParaRPr kumimoji="1" lang="ja-JP" altLang="en-US" sz="1800" dirty="0">
                        <a:solidFill>
                          <a:schemeClr val="tx1"/>
                        </a:solidFill>
                      </a:endParaRPr>
                    </a:p>
                  </a:txBody>
                  <a:tcPr anchor="ctr">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0</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1</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1</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0</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4050210358"/>
                  </a:ext>
                </a:extLst>
              </a:tr>
              <a:tr h="388353">
                <a:tc rowSpan="3">
                  <a:txBody>
                    <a:bodyPr/>
                    <a:lstStyle/>
                    <a:p>
                      <a:pPr algn="ctr"/>
                      <a:r>
                        <a:rPr kumimoji="1" lang="ja-JP" altLang="en-US" sz="1600" dirty="0"/>
                        <a:t>合計</a:t>
                      </a:r>
                    </a:p>
                  </a:txBody>
                  <a:tcPr anchor="ctr">
                    <a:lnT w="38100" cap="flat" cmpd="sng" algn="ctr">
                      <a:solidFill>
                        <a:schemeClr val="bg1"/>
                      </a:solidFill>
                      <a:prstDash val="solid"/>
                      <a:round/>
                      <a:headEnd type="none" w="med" len="med"/>
                      <a:tailEnd type="none" w="med" len="med"/>
                    </a:lnT>
                  </a:tcPr>
                </a:tc>
                <a:tc>
                  <a:txBody>
                    <a:bodyPr/>
                    <a:lstStyle/>
                    <a:p>
                      <a:pPr algn="ctr"/>
                      <a:r>
                        <a:rPr kumimoji="1" lang="ja-JP" altLang="en-US" sz="1600" dirty="0"/>
                        <a:t>大</a:t>
                      </a:r>
                    </a:p>
                  </a:txBody>
                  <a:tcPr anchor="ct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R w="381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ja-JP" altLang="en-US" sz="1800" dirty="0"/>
                        <a:t>０</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t>0</a:t>
                      </a:r>
                      <a:endParaRPr kumimoji="1" lang="ja-JP" altLang="en-US" sz="1800"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3">
                  <a:txBody>
                    <a:bodyPr/>
                    <a:lstStyle/>
                    <a:p>
                      <a:pPr algn="ctr"/>
                      <a:r>
                        <a:rPr kumimoji="1" lang="en-US" altLang="ja-JP" sz="1800" dirty="0">
                          <a:solidFill>
                            <a:schemeClr val="tx1"/>
                          </a:solidFill>
                        </a:rPr>
                        <a:t>8</a:t>
                      </a:r>
                      <a:r>
                        <a:rPr kumimoji="1" lang="en-US" altLang="ja-JP" sz="1800" baseline="30000" dirty="0">
                          <a:solidFill>
                            <a:schemeClr val="tx1"/>
                          </a:solidFill>
                        </a:rPr>
                        <a:t>※</a:t>
                      </a:r>
                      <a:endParaRPr kumimoji="1" lang="ja-JP" altLang="en-US" sz="1800" baseline="30000" dirty="0">
                        <a:solidFill>
                          <a:schemeClr val="tx1"/>
                        </a:solidFill>
                      </a:endParaRP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tcPr>
                </a:tc>
                <a:extLst>
                  <a:ext uri="{0D108BD9-81ED-4DB2-BD59-A6C34878D82A}">
                    <a16:rowId xmlns:a16="http://schemas.microsoft.com/office/drawing/2014/main" val="1022191655"/>
                  </a:ext>
                </a:extLst>
              </a:tr>
              <a:tr h="516099">
                <a:tc vMerge="1">
                  <a:txBody>
                    <a:bodyPr/>
                    <a:lstStyle/>
                    <a:p>
                      <a:endParaRPr kumimoji="1" lang="ja-JP" altLang="en-US"/>
                    </a:p>
                  </a:txBody>
                  <a:tcPr/>
                </a:tc>
                <a:tc>
                  <a:txBody>
                    <a:bodyPr/>
                    <a:lstStyle/>
                    <a:p>
                      <a:pPr algn="ctr"/>
                      <a:r>
                        <a:rPr kumimoji="1" lang="ja-JP" altLang="en-US" sz="1600" dirty="0"/>
                        <a:t>中</a:t>
                      </a:r>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1</a:t>
                      </a:r>
                      <a:endParaRPr kumimoji="1" lang="ja-JP" altLang="en-US" sz="1800" dirty="0">
                        <a:solidFill>
                          <a:schemeClr val="tx1"/>
                        </a:solidFill>
                      </a:endParaRPr>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1</a:t>
                      </a:r>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algn="ctr"/>
                      <a:r>
                        <a:rPr kumimoji="1" lang="en-US" altLang="ja-JP" sz="1800" dirty="0">
                          <a:solidFill>
                            <a:schemeClr val="tx1"/>
                          </a:solidFill>
                        </a:rPr>
                        <a:t>2</a:t>
                      </a:r>
                      <a:endParaRPr kumimoji="1" lang="ja-JP" altLang="en-US" sz="1800" dirty="0">
                        <a:solidFill>
                          <a:schemeClr val="tx1"/>
                        </a:solidFill>
                      </a:endParaRPr>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dirty="0">
                          <a:solidFill>
                            <a:schemeClr val="tx1"/>
                          </a:solidFill>
                        </a:rPr>
                        <a:t>４</a:t>
                      </a:r>
                    </a:p>
                  </a:txBody>
                  <a:tcPr anchor="ct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dirty="0">
                          <a:solidFill>
                            <a:schemeClr val="tx1"/>
                          </a:solidFill>
                        </a:rPr>
                        <a:t>１</a:t>
                      </a:r>
                    </a:p>
                  </a:txBody>
                  <a:tcPr anchor="ctr">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dirty="0">
                          <a:solidFill>
                            <a:schemeClr val="tx1"/>
                          </a:solidFill>
                        </a:rPr>
                        <a:t>２</a:t>
                      </a:r>
                      <a:endParaRPr kumimoji="1" lang="en-US" altLang="ja-JP" sz="1800" dirty="0">
                        <a:solidFill>
                          <a:schemeClr val="tx1"/>
                        </a:solidFill>
                      </a:endParaRP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dirty="0">
                          <a:solidFill>
                            <a:schemeClr val="tx1"/>
                          </a:solidFill>
                        </a:rPr>
                        <a:t>０</a:t>
                      </a:r>
                      <a:endParaRPr kumimoji="1" lang="en-US" altLang="ja-JP" sz="1800" dirty="0">
                        <a:solidFill>
                          <a:schemeClr val="tx1"/>
                        </a:solidFill>
                      </a:endParaRP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800" dirty="0">
                          <a:solidFill>
                            <a:schemeClr val="tx1"/>
                          </a:solidFill>
                        </a:rPr>
                        <a:t>0</a:t>
                      </a: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2489618560"/>
                  </a:ext>
                </a:extLst>
              </a:tr>
              <a:tr h="516099">
                <a:tc vMerge="1">
                  <a:txBody>
                    <a:bodyPr/>
                    <a:lstStyle/>
                    <a:p>
                      <a:endParaRPr kumimoji="1" lang="ja-JP" altLang="en-US"/>
                    </a:p>
                  </a:txBody>
                  <a:tcPr/>
                </a:tc>
                <a:tc>
                  <a:txBody>
                    <a:bodyPr/>
                    <a:lstStyle/>
                    <a:p>
                      <a:pPr algn="ctr"/>
                      <a:r>
                        <a:rPr kumimoji="1" lang="ja-JP" altLang="en-US" sz="1600" dirty="0"/>
                        <a:t>小</a:t>
                      </a:r>
                    </a:p>
                  </a:txBody>
                  <a:tcPr anchor="ctr">
                    <a:lnT w="12700" cap="flat" cmpd="sng" algn="ctr">
                      <a:solidFill>
                        <a:schemeClr val="bg1"/>
                      </a:solidFill>
                      <a:prstDash val="solid"/>
                      <a:round/>
                      <a:headEnd type="none" w="med" len="med"/>
                      <a:tailEnd type="none" w="med" len="med"/>
                    </a:lnT>
                  </a:tcPr>
                </a:tc>
                <a:tc>
                  <a:txBody>
                    <a:bodyPr/>
                    <a:lstStyle/>
                    <a:p>
                      <a:pPr algn="ctr"/>
                      <a:r>
                        <a:rPr kumimoji="1" lang="en-US" altLang="ja-JP" sz="1800" dirty="0">
                          <a:solidFill>
                            <a:schemeClr val="tx1"/>
                          </a:solidFill>
                        </a:rPr>
                        <a:t>15</a:t>
                      </a:r>
                      <a:endParaRPr kumimoji="1" lang="ja-JP" altLang="en-US" sz="1800" dirty="0">
                        <a:solidFill>
                          <a:schemeClr val="tx1"/>
                        </a:solidFill>
                      </a:endParaRPr>
                    </a:p>
                  </a:txBody>
                  <a:tcPr anchor="ctr">
                    <a:lnT w="12700" cap="flat" cmpd="sng" algn="ctr">
                      <a:solidFill>
                        <a:schemeClr val="bg1"/>
                      </a:solidFill>
                      <a:prstDash val="solid"/>
                      <a:round/>
                      <a:headEnd type="none" w="med" len="med"/>
                      <a:tailEnd type="none" w="med" len="med"/>
                    </a:lnT>
                  </a:tcPr>
                </a:tc>
                <a:tc>
                  <a:txBody>
                    <a:bodyPr/>
                    <a:lstStyle/>
                    <a:p>
                      <a:pPr algn="ctr"/>
                      <a:r>
                        <a:rPr kumimoji="1" lang="en-US" altLang="ja-JP" sz="1800" dirty="0">
                          <a:solidFill>
                            <a:schemeClr val="tx1"/>
                          </a:solidFill>
                        </a:rPr>
                        <a:t>8</a:t>
                      </a:r>
                      <a:endParaRPr kumimoji="1" lang="ja-JP" altLang="en-US" sz="1800" dirty="0">
                        <a:solidFill>
                          <a:schemeClr val="tx1"/>
                        </a:solidFill>
                      </a:endParaRPr>
                    </a:p>
                  </a:txBody>
                  <a:tcPr anchor="ctr">
                    <a:lnT w="12700" cap="flat" cmpd="sng" algn="ctr">
                      <a:solidFill>
                        <a:schemeClr val="bg1"/>
                      </a:solidFill>
                      <a:prstDash val="solid"/>
                      <a:round/>
                      <a:headEnd type="none" w="med" len="med"/>
                      <a:tailEnd type="none" w="med" len="med"/>
                    </a:lnT>
                  </a:tcPr>
                </a:tc>
                <a:tc>
                  <a:txBody>
                    <a:bodyPr/>
                    <a:lstStyle/>
                    <a:p>
                      <a:pPr algn="ctr"/>
                      <a:r>
                        <a:rPr kumimoji="1" lang="en-US" altLang="ja-JP" sz="1800" dirty="0">
                          <a:solidFill>
                            <a:schemeClr val="tx1"/>
                          </a:solidFill>
                        </a:rPr>
                        <a:t>5</a:t>
                      </a:r>
                      <a:endParaRPr kumimoji="1" lang="ja-JP" altLang="en-US" sz="1800" dirty="0">
                        <a:solidFill>
                          <a:schemeClr val="tx1"/>
                        </a:solidFill>
                      </a:endParaRPr>
                    </a:p>
                  </a:txBody>
                  <a:tcPr anchor="ctr">
                    <a:lnT w="12700" cap="flat" cmpd="sng" algn="ctr">
                      <a:solidFill>
                        <a:schemeClr val="bg1"/>
                      </a:solidFill>
                      <a:prstDash val="solid"/>
                      <a:round/>
                      <a:headEnd type="none" w="med" len="med"/>
                      <a:tailEnd type="none" w="med" len="med"/>
                    </a:lnT>
                  </a:tcPr>
                </a:tc>
                <a:tc>
                  <a:txBody>
                    <a:bodyPr/>
                    <a:lstStyle/>
                    <a:p>
                      <a:pPr algn="ctr"/>
                      <a:r>
                        <a:rPr kumimoji="1" lang="en-US" altLang="ja-JP" sz="1800" dirty="0">
                          <a:solidFill>
                            <a:schemeClr val="tx1"/>
                          </a:solidFill>
                        </a:rPr>
                        <a:t>6</a:t>
                      </a:r>
                      <a:endParaRPr kumimoji="1" lang="ja-JP" altLang="en-US" sz="1800" dirty="0">
                        <a:solidFill>
                          <a:schemeClr val="tx1"/>
                        </a:solidFill>
                      </a:endParaRPr>
                    </a:p>
                  </a:txBody>
                  <a:tcPr anchor="ctr">
                    <a:lnT w="12700" cap="flat" cmpd="sng" algn="ctr">
                      <a:solidFill>
                        <a:schemeClr val="bg1"/>
                      </a:solidFill>
                      <a:prstDash val="solid"/>
                      <a:round/>
                      <a:headEnd type="none" w="med" len="med"/>
                      <a:tailEnd type="none" w="med" len="med"/>
                    </a:lnT>
                  </a:tcPr>
                </a:tc>
                <a:tc>
                  <a:txBody>
                    <a:bodyPr/>
                    <a:lstStyle/>
                    <a:p>
                      <a:pPr algn="ctr"/>
                      <a:r>
                        <a:rPr kumimoji="1" lang="en-US" altLang="ja-JP" sz="1800" dirty="0">
                          <a:solidFill>
                            <a:schemeClr val="tx1"/>
                          </a:solidFill>
                        </a:rPr>
                        <a:t>2</a:t>
                      </a:r>
                      <a:endParaRPr kumimoji="1" lang="ja-JP" altLang="en-US" sz="1800" dirty="0">
                        <a:solidFill>
                          <a:schemeClr val="tx1"/>
                        </a:solidFill>
                      </a:endParaRPr>
                    </a:p>
                  </a:txBody>
                  <a:tcPr anchor="ctr">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tcPr>
                </a:tc>
                <a:tc>
                  <a:txBody>
                    <a:bodyPr/>
                    <a:lstStyle/>
                    <a:p>
                      <a:pPr algn="ctr"/>
                      <a:r>
                        <a:rPr kumimoji="1" lang="en-US" altLang="ja-JP" sz="1800" dirty="0">
                          <a:solidFill>
                            <a:schemeClr val="tx1"/>
                          </a:solidFill>
                        </a:rPr>
                        <a:t>12</a:t>
                      </a:r>
                      <a:endParaRPr kumimoji="1" lang="ja-JP" altLang="en-US" sz="1800" dirty="0">
                        <a:solidFill>
                          <a:schemeClr val="tx1"/>
                        </a:solidFill>
                      </a:endParaRP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tcPr>
                </a:tc>
                <a:tc>
                  <a:txBody>
                    <a:bodyPr/>
                    <a:lstStyle/>
                    <a:p>
                      <a:pPr algn="ctr"/>
                      <a:r>
                        <a:rPr kumimoji="1" lang="en-US" altLang="ja-JP" sz="1800" dirty="0">
                          <a:solidFill>
                            <a:schemeClr val="tx1"/>
                          </a:solidFill>
                        </a:rPr>
                        <a:t>20</a:t>
                      </a:r>
                      <a:endParaRPr kumimoji="1" lang="ja-JP" altLang="en-US" sz="1800" dirty="0">
                        <a:solidFill>
                          <a:schemeClr val="tx1"/>
                        </a:solidFill>
                      </a:endParaRP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tcPr>
                </a:tc>
                <a:tc>
                  <a:txBody>
                    <a:bodyPr/>
                    <a:lstStyle/>
                    <a:p>
                      <a:pPr algn="ctr"/>
                      <a:r>
                        <a:rPr kumimoji="1" lang="en-US" altLang="ja-JP" sz="1800" dirty="0">
                          <a:solidFill>
                            <a:schemeClr val="tx1"/>
                          </a:solidFill>
                        </a:rPr>
                        <a:t>5</a:t>
                      </a:r>
                      <a:endParaRPr kumimoji="1" lang="ja-JP" altLang="en-US" sz="1800" dirty="0">
                        <a:solidFill>
                          <a:schemeClr val="tx1"/>
                        </a:solidFill>
                      </a:endParaRPr>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tcPr>
                </a:tc>
                <a:tc vMerge="1">
                  <a:txBody>
                    <a:bodyPr/>
                    <a:lstStyle/>
                    <a:p>
                      <a:endParaRPr dirty="0"/>
                    </a:p>
                  </a:txBody>
                  <a:tcPr anchor="ct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tcPr>
                </a:tc>
                <a:extLst>
                  <a:ext uri="{0D108BD9-81ED-4DB2-BD59-A6C34878D82A}">
                    <a16:rowId xmlns:a16="http://schemas.microsoft.com/office/drawing/2014/main" val="726328302"/>
                  </a:ext>
                </a:extLst>
              </a:tr>
            </a:tbl>
          </a:graphicData>
        </a:graphic>
      </p:graphicFrame>
      <p:sp>
        <p:nvSpPr>
          <p:cNvPr id="4" name="正方形/長方形 3">
            <a:extLst>
              <a:ext uri="{FF2B5EF4-FFF2-40B4-BE49-F238E27FC236}">
                <a16:creationId xmlns:a16="http://schemas.microsoft.com/office/drawing/2014/main" id="{CB1C8A26-206D-3EF1-A786-E538DE8B736D}"/>
              </a:ext>
            </a:extLst>
          </p:cNvPr>
          <p:cNvSpPr/>
          <p:nvPr/>
        </p:nvSpPr>
        <p:spPr>
          <a:xfrm>
            <a:off x="8850006" y="1302654"/>
            <a:ext cx="917090" cy="4817246"/>
          </a:xfrm>
          <a:prstGeom prst="rect">
            <a:avLst/>
          </a:prstGeom>
          <a:noFill/>
          <a:ln w="38100">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テキスト ボックス 7">
            <a:extLst>
              <a:ext uri="{FF2B5EF4-FFF2-40B4-BE49-F238E27FC236}">
                <a16:creationId xmlns:a16="http://schemas.microsoft.com/office/drawing/2014/main" id="{B158E464-0183-E782-AD7A-6D7C4AC4A2D5}"/>
              </a:ext>
            </a:extLst>
          </p:cNvPr>
          <p:cNvSpPr txBox="1"/>
          <p:nvPr/>
        </p:nvSpPr>
        <p:spPr>
          <a:xfrm>
            <a:off x="6257759" y="6185159"/>
            <a:ext cx="3874148" cy="307777"/>
          </a:xfrm>
          <a:prstGeom prst="rect">
            <a:avLst/>
          </a:prstGeom>
          <a:noFill/>
        </p:spPr>
        <p:txBody>
          <a:bodyPr wrap="square">
            <a:spAutoFit/>
          </a:bodyPr>
          <a:lstStyle/>
          <a:p>
            <a:r>
              <a:rPr kumimoji="1" lang="en-US" altLang="ja-JP" sz="1400" dirty="0"/>
              <a:t>※</a:t>
            </a:r>
            <a:r>
              <a:rPr kumimoji="1" lang="ja-JP" altLang="en-US" sz="1400" dirty="0"/>
              <a:t>今後、</a:t>
            </a:r>
            <a:r>
              <a:rPr kumimoji="1" lang="en-US" altLang="ja-JP" sz="1400" dirty="0"/>
              <a:t>CWO</a:t>
            </a:r>
            <a:r>
              <a:rPr kumimoji="1" lang="ja-JP" altLang="en-US" sz="1400" dirty="0"/>
              <a:t>の過失有無等について審議予定</a:t>
            </a:r>
            <a:endParaRPr lang="ja-JP" altLang="en-US" sz="1400" dirty="0"/>
          </a:p>
        </p:txBody>
      </p:sp>
      <p:sp>
        <p:nvSpPr>
          <p:cNvPr id="3" name="角丸四角形 6">
            <a:extLst>
              <a:ext uri="{FF2B5EF4-FFF2-40B4-BE49-F238E27FC236}">
                <a16:creationId xmlns:a16="http://schemas.microsoft.com/office/drawing/2014/main" id="{0C44BA7D-17C5-AF23-0103-317871916FE3}"/>
              </a:ext>
            </a:extLst>
          </p:cNvPr>
          <p:cNvSpPr/>
          <p:nvPr/>
        </p:nvSpPr>
        <p:spPr>
          <a:xfrm>
            <a:off x="134301" y="116832"/>
            <a:ext cx="9632795"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２．包括委託に関連する第三者事故発生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3895598891"/>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01E5BB85-F7AE-693E-7AF5-24306F626297}"/>
              </a:ext>
            </a:extLst>
          </p:cNvPr>
          <p:cNvSpPr>
            <a:spLocks noGrp="1"/>
          </p:cNvSpPr>
          <p:nvPr>
            <p:ph type="ctrTitle"/>
          </p:nvPr>
        </p:nvSpPr>
        <p:spPr>
          <a:xfrm>
            <a:off x="815340" y="1660736"/>
            <a:ext cx="8275320" cy="2275823"/>
          </a:xfrm>
        </p:spPr>
        <p:txBody>
          <a:bodyPr anchor="ctr">
            <a:normAutofit/>
          </a:bodyPr>
          <a:lstStyle/>
          <a:p>
            <a:pPr>
              <a:lnSpc>
                <a:spcPct val="100000"/>
              </a:lnSpc>
            </a:pPr>
            <a:r>
              <a:rPr lang="ja-JP" altLang="en-US" sz="3600" b="1" dirty="0">
                <a:latin typeface="+mn-ea"/>
                <a:ea typeface="+mn-ea"/>
              </a:rPr>
              <a:t>５年毎の業務委託条件の見直し</a:t>
            </a:r>
            <a:endParaRPr lang="ja-JP" altLang="en-US" sz="3200" b="1" dirty="0">
              <a:latin typeface="+mn-ea"/>
              <a:ea typeface="+mn-ea"/>
            </a:endParaRPr>
          </a:p>
        </p:txBody>
      </p:sp>
      <p:sp>
        <p:nvSpPr>
          <p:cNvPr id="4" name="スライド番号プレースホルダー 3">
            <a:extLst>
              <a:ext uri="{FF2B5EF4-FFF2-40B4-BE49-F238E27FC236}">
                <a16:creationId xmlns:a16="http://schemas.microsoft.com/office/drawing/2014/main" id="{B7D9E987-737F-1AC1-765B-7F5893106147}"/>
              </a:ext>
            </a:extLst>
          </p:cNvPr>
          <p:cNvSpPr>
            <a:spLocks noGrp="1"/>
          </p:cNvSpPr>
          <p:nvPr>
            <p:ph type="sldNum" sz="quarter" idx="12"/>
          </p:nvPr>
        </p:nvSpPr>
        <p:spPr/>
        <p:txBody>
          <a:bodyPr/>
          <a:lstStyle/>
          <a:p>
            <a:pPr defTabSz="422041"/>
            <a:fld id="{36EC18DB-A5DF-4E0E-B815-FCD04A2C4B2C}" type="slidenum">
              <a:rPr lang="ja-JP" altLang="en-US">
                <a:solidFill>
                  <a:prstClr val="black"/>
                </a:solidFill>
                <a:latin typeface="Segoe UI"/>
                <a:ea typeface="Meiryo UI"/>
              </a:rPr>
              <a:pPr defTabSz="422041"/>
              <a:t>36</a:t>
            </a:fld>
            <a:endParaRPr lang="ja-JP" altLang="en-US">
              <a:solidFill>
                <a:prstClr val="black"/>
              </a:solidFill>
              <a:latin typeface="Segoe UI"/>
              <a:ea typeface="Meiryo UI"/>
            </a:endParaRPr>
          </a:p>
        </p:txBody>
      </p:sp>
      <p:sp>
        <p:nvSpPr>
          <p:cNvPr id="5" name="字幕 2">
            <a:extLst>
              <a:ext uri="{FF2B5EF4-FFF2-40B4-BE49-F238E27FC236}">
                <a16:creationId xmlns:a16="http://schemas.microsoft.com/office/drawing/2014/main" id="{3F3E6C43-D605-BBE3-81A9-B26716DC13C0}"/>
              </a:ext>
            </a:extLst>
          </p:cNvPr>
          <p:cNvSpPr txBox="1">
            <a:spLocks/>
          </p:cNvSpPr>
          <p:nvPr/>
        </p:nvSpPr>
        <p:spPr>
          <a:xfrm>
            <a:off x="261170" y="353233"/>
            <a:ext cx="4988562" cy="895859"/>
          </a:xfrm>
          <a:prstGeom prst="rect">
            <a:avLst/>
          </a:prstGeom>
        </p:spPr>
        <p:txBody>
          <a:bodyPr vert="horz" lIns="91440" tIns="45720" rIns="91440" bIns="45720" rtlCol="0">
            <a:normAutofit/>
          </a:bodyPr>
          <a:lstStyle>
            <a:lvl1pPr marL="0" indent="0" algn="ctr"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kumimoji="1"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kumimoji="1"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9pPr>
          </a:lstStyle>
          <a:p>
            <a:pPr algn="l"/>
            <a:r>
              <a:rPr lang="en-US" altLang="ja-JP" dirty="0"/>
              <a:t>【</a:t>
            </a:r>
            <a:r>
              <a:rPr lang="ja-JP" altLang="en-US" dirty="0"/>
              <a:t>議題４</a:t>
            </a:r>
            <a:r>
              <a:rPr lang="en-US" altLang="ja-JP" dirty="0"/>
              <a:t> –</a:t>
            </a:r>
            <a:r>
              <a:rPr lang="ja-JP" altLang="en-US" dirty="0"/>
              <a:t> １</a:t>
            </a:r>
            <a:r>
              <a:rPr lang="en-US" altLang="ja-JP" dirty="0"/>
              <a:t>】</a:t>
            </a:r>
          </a:p>
        </p:txBody>
      </p:sp>
    </p:spTree>
    <p:extLst>
      <p:ext uri="{BB962C8B-B14F-4D97-AF65-F5344CB8AC3E}">
        <p14:creationId xmlns:p14="http://schemas.microsoft.com/office/powerpoint/2010/main" val="410480694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E603090-8FA8-2A18-B238-5E7D2C0AB2F6}"/>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5F889428-E22C-52DF-40FF-B7E719DC3F98}"/>
              </a:ext>
            </a:extLst>
          </p:cNvPr>
          <p:cNvSpPr>
            <a:spLocks noGrp="1"/>
          </p:cNvSpPr>
          <p:nvPr>
            <p:ph type="sldNum" sz="quarter" idx="12"/>
          </p:nvPr>
        </p:nvSpPr>
        <p:spPr/>
        <p:txBody>
          <a:bodyPr/>
          <a:lstStyle/>
          <a:p>
            <a:fld id="{36EC18DB-A5DF-4E0E-B815-FCD04A2C4B2C}" type="slidenum">
              <a:rPr kumimoji="1" lang="ja-JP" altLang="en-US" smtClean="0"/>
              <a:t>37</a:t>
            </a:fld>
            <a:endParaRPr kumimoji="1" lang="ja-JP" altLang="en-US" dirty="0"/>
          </a:p>
        </p:txBody>
      </p:sp>
      <p:sp>
        <p:nvSpPr>
          <p:cNvPr id="64" name="角丸四角形 17">
            <a:extLst>
              <a:ext uri="{FF2B5EF4-FFF2-40B4-BE49-F238E27FC236}">
                <a16:creationId xmlns:a16="http://schemas.microsoft.com/office/drawing/2014/main" id="{6AAD8AAA-3247-B76E-DED0-83456F6AF0BA}"/>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4" name="テキスト ボックス 3">
            <a:extLst>
              <a:ext uri="{FF2B5EF4-FFF2-40B4-BE49-F238E27FC236}">
                <a16:creationId xmlns:a16="http://schemas.microsoft.com/office/drawing/2014/main" id="{F98A2724-E6B5-B591-A0FE-B048845E2D80}"/>
              </a:ext>
            </a:extLst>
          </p:cNvPr>
          <p:cNvSpPr txBox="1"/>
          <p:nvPr/>
        </p:nvSpPr>
        <p:spPr>
          <a:xfrm>
            <a:off x="743087" y="892218"/>
            <a:ext cx="8419825" cy="5570723"/>
          </a:xfrm>
          <a:prstGeom prst="rect">
            <a:avLst/>
          </a:prstGeom>
          <a:noFill/>
        </p:spPr>
        <p:txBody>
          <a:bodyPr vert="horz" wrap="square" lIns="91407" tIns="45704" rIns="91407" bIns="45704" rtlCol="0" anchor="t">
            <a:spAutoFit/>
          </a:bodyPr>
          <a:lstStyle/>
          <a:p>
            <a:r>
              <a:rPr lang="en-US" altLang="ja-JP" sz="2000" b="1" dirty="0"/>
              <a:t>【</a:t>
            </a:r>
            <a:r>
              <a:rPr lang="ja-JP" altLang="en-US" sz="2000" b="1" dirty="0"/>
              <a:t>はじめに</a:t>
            </a:r>
            <a:r>
              <a:rPr lang="en-US" altLang="ja-JP" sz="2000" b="1" dirty="0"/>
              <a:t>】</a:t>
            </a:r>
          </a:p>
          <a:p>
            <a:endParaRPr lang="en-US" altLang="ja-JP" sz="900" b="1" dirty="0"/>
          </a:p>
          <a:p>
            <a:r>
              <a:rPr lang="ja-JP" altLang="en-US" sz="2000" b="1" dirty="0"/>
              <a:t>　①「大阪市下水道施設包括的管理業務委託発注当初の理念について」</a:t>
            </a:r>
            <a:endParaRPr lang="en-US" altLang="ja-JP" sz="2000" b="1" dirty="0"/>
          </a:p>
          <a:p>
            <a:endParaRPr lang="en-US" altLang="ja-JP" sz="2000" b="1" dirty="0"/>
          </a:p>
          <a:p>
            <a:r>
              <a:rPr lang="en-US" altLang="ja-JP" sz="2000" b="1" dirty="0"/>
              <a:t>【</a:t>
            </a:r>
            <a:r>
              <a:rPr lang="ja-JP" altLang="en-US" sz="2000" b="1" dirty="0"/>
              <a:t>管路、処理場・抽水所 共通課題</a:t>
            </a:r>
            <a:r>
              <a:rPr lang="en-US" altLang="ja-JP" sz="2000" b="1" dirty="0"/>
              <a:t>】</a:t>
            </a:r>
          </a:p>
          <a:p>
            <a:endParaRPr lang="en-US" altLang="ja-JP" sz="900" b="1" dirty="0"/>
          </a:p>
          <a:p>
            <a:r>
              <a:rPr lang="ja-JP" altLang="en-US" sz="2000" b="1" dirty="0"/>
              <a:t>　②「特記仕様書の見直しについて」</a:t>
            </a:r>
            <a:endParaRPr lang="en-US" altLang="ja-JP" sz="2000" b="1" dirty="0"/>
          </a:p>
          <a:p>
            <a:r>
              <a:rPr lang="ja-JP" altLang="en-US" sz="2000" dirty="0"/>
              <a:t>　　　・スライド条項の適用手法について（人事委員会勧告）</a:t>
            </a:r>
            <a:endParaRPr lang="en-US" altLang="ja-JP" sz="2000" dirty="0"/>
          </a:p>
          <a:p>
            <a:r>
              <a:rPr lang="ja-JP" altLang="en-US" sz="2000" dirty="0"/>
              <a:t>　　　・インセンティブについて</a:t>
            </a:r>
            <a:endParaRPr lang="en-US" altLang="ja-JP" sz="2000" dirty="0"/>
          </a:p>
          <a:p>
            <a:endParaRPr lang="en-US" altLang="ja-JP" sz="2000" b="1" dirty="0"/>
          </a:p>
          <a:p>
            <a:r>
              <a:rPr lang="en-US" altLang="ja-JP" sz="2000" b="1" dirty="0"/>
              <a:t>【</a:t>
            </a:r>
            <a:r>
              <a:rPr lang="ja-JP" altLang="en-US" sz="2000" b="1" dirty="0"/>
              <a:t>管路施設</a:t>
            </a:r>
            <a:r>
              <a:rPr lang="en-US" altLang="ja-JP" sz="2000" b="1" dirty="0"/>
              <a:t>】</a:t>
            </a:r>
          </a:p>
          <a:p>
            <a:endParaRPr lang="en-US" altLang="ja-JP" sz="900" b="1" dirty="0"/>
          </a:p>
          <a:p>
            <a:r>
              <a:rPr lang="ja-JP" altLang="en-US" sz="2000" b="1" dirty="0"/>
              <a:t>　③「評価基準値の見直しについて」</a:t>
            </a:r>
            <a:endParaRPr lang="en-US" altLang="ja-JP" sz="2000" b="1" dirty="0"/>
          </a:p>
          <a:p>
            <a:r>
              <a:rPr lang="ja-JP" altLang="en-US" sz="2000" b="1" dirty="0"/>
              <a:t>　④「業務数量の見直しについて」</a:t>
            </a:r>
            <a:endParaRPr lang="en-US" altLang="ja-JP" sz="2000" b="1" dirty="0"/>
          </a:p>
          <a:p>
            <a:endParaRPr lang="en-US" altLang="ja-JP" sz="2000" b="1" dirty="0"/>
          </a:p>
          <a:p>
            <a:r>
              <a:rPr lang="en-US" altLang="ja-JP" sz="2000" b="1" dirty="0"/>
              <a:t>【</a:t>
            </a:r>
            <a:r>
              <a:rPr lang="ja-JP" altLang="en-US" sz="2000" b="1" dirty="0"/>
              <a:t>処理場・抽水所施設</a:t>
            </a:r>
            <a:r>
              <a:rPr lang="en-US" altLang="ja-JP" sz="2000" b="1" dirty="0"/>
              <a:t>】</a:t>
            </a:r>
          </a:p>
          <a:p>
            <a:endParaRPr lang="en-US" altLang="ja-JP" sz="900" b="1" dirty="0"/>
          </a:p>
          <a:p>
            <a:r>
              <a:rPr lang="ja-JP" altLang="en-US" sz="2000" b="1" dirty="0"/>
              <a:t>　③「評価基準値の見直しについて」</a:t>
            </a:r>
            <a:endParaRPr lang="en-US" altLang="ja-JP" sz="2000" b="1" dirty="0"/>
          </a:p>
          <a:p>
            <a:r>
              <a:rPr lang="ja-JP" altLang="en-US" sz="2000" b="1" dirty="0"/>
              <a:t>　⑤「修繕費不足への対応について」</a:t>
            </a:r>
            <a:endParaRPr lang="en-US" altLang="ja-JP" sz="2000" b="1" dirty="0"/>
          </a:p>
          <a:p>
            <a:endParaRPr lang="en-US" altLang="ja-JP" sz="2000" b="1" dirty="0"/>
          </a:p>
        </p:txBody>
      </p:sp>
      <p:sp>
        <p:nvSpPr>
          <p:cNvPr id="7" name="右中かっこ 6">
            <a:extLst>
              <a:ext uri="{FF2B5EF4-FFF2-40B4-BE49-F238E27FC236}">
                <a16:creationId xmlns:a16="http://schemas.microsoft.com/office/drawing/2014/main" id="{53BC5DEA-6911-B66A-79F2-EEB8C329E142}"/>
              </a:ext>
            </a:extLst>
          </p:cNvPr>
          <p:cNvSpPr/>
          <p:nvPr/>
        </p:nvSpPr>
        <p:spPr>
          <a:xfrm>
            <a:off x="6943725" y="2562225"/>
            <a:ext cx="209550" cy="800100"/>
          </a:xfrm>
          <a:prstGeom prst="rightBrace">
            <a:avLst>
              <a:gd name="adj1" fmla="val 42424"/>
              <a:gd name="adj2" fmla="val 50000"/>
            </a:avLst>
          </a:prstGeom>
          <a:ln w="19050">
            <a:solidFill>
              <a:srgbClr val="0000FF"/>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 name="テキスト ボックス 7">
            <a:extLst>
              <a:ext uri="{FF2B5EF4-FFF2-40B4-BE49-F238E27FC236}">
                <a16:creationId xmlns:a16="http://schemas.microsoft.com/office/drawing/2014/main" id="{C5ED2423-B8E3-5BF7-EC5E-623B7541D56E}"/>
              </a:ext>
            </a:extLst>
          </p:cNvPr>
          <p:cNvSpPr txBox="1"/>
          <p:nvPr/>
        </p:nvSpPr>
        <p:spPr>
          <a:xfrm>
            <a:off x="7153275" y="2615799"/>
            <a:ext cx="2628017" cy="707854"/>
          </a:xfrm>
          <a:prstGeom prst="rect">
            <a:avLst/>
          </a:prstGeom>
          <a:noFill/>
        </p:spPr>
        <p:txBody>
          <a:bodyPr vert="horz" wrap="square" lIns="91407" tIns="45704" rIns="91407" bIns="45704" rtlCol="0" anchor="t">
            <a:spAutoFit/>
          </a:bodyPr>
          <a:lstStyle/>
          <a:p>
            <a:r>
              <a:rPr lang="ja-JP" altLang="en-US" sz="2000" dirty="0">
                <a:solidFill>
                  <a:srgbClr val="0000FF"/>
                </a:solidFill>
              </a:rPr>
              <a:t>今回は課題報告</a:t>
            </a:r>
            <a:endParaRPr lang="en-US" altLang="ja-JP" sz="2000" dirty="0">
              <a:solidFill>
                <a:srgbClr val="0000FF"/>
              </a:solidFill>
            </a:endParaRPr>
          </a:p>
          <a:p>
            <a:r>
              <a:rPr lang="ja-JP" altLang="en-US" sz="2000" dirty="0">
                <a:solidFill>
                  <a:srgbClr val="0000FF"/>
                </a:solidFill>
              </a:rPr>
              <a:t>次回以降の審議対象</a:t>
            </a:r>
            <a:endParaRPr lang="en-US" altLang="ja-JP" sz="2000" dirty="0">
              <a:solidFill>
                <a:srgbClr val="0000FF"/>
              </a:solidFill>
            </a:endParaRPr>
          </a:p>
        </p:txBody>
      </p:sp>
      <p:sp>
        <p:nvSpPr>
          <p:cNvPr id="9" name="右中かっこ 8">
            <a:extLst>
              <a:ext uri="{FF2B5EF4-FFF2-40B4-BE49-F238E27FC236}">
                <a16:creationId xmlns:a16="http://schemas.microsoft.com/office/drawing/2014/main" id="{1DC2DB92-F36F-651E-8783-110B3E3E2D36}"/>
              </a:ext>
            </a:extLst>
          </p:cNvPr>
          <p:cNvSpPr/>
          <p:nvPr/>
        </p:nvSpPr>
        <p:spPr>
          <a:xfrm>
            <a:off x="4953000" y="4010024"/>
            <a:ext cx="209550" cy="2024063"/>
          </a:xfrm>
          <a:prstGeom prst="rightBrace">
            <a:avLst>
              <a:gd name="adj1" fmla="val 42424"/>
              <a:gd name="adj2" fmla="val 50000"/>
            </a:avLst>
          </a:prstGeom>
          <a:ln w="1905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0" name="テキスト ボックス 9">
            <a:extLst>
              <a:ext uri="{FF2B5EF4-FFF2-40B4-BE49-F238E27FC236}">
                <a16:creationId xmlns:a16="http://schemas.microsoft.com/office/drawing/2014/main" id="{E59AB327-B9AD-DA8F-D104-7BFFEB3AA98C}"/>
              </a:ext>
            </a:extLst>
          </p:cNvPr>
          <p:cNvSpPr txBox="1"/>
          <p:nvPr/>
        </p:nvSpPr>
        <p:spPr>
          <a:xfrm>
            <a:off x="5232400" y="4822016"/>
            <a:ext cx="2628017" cy="400077"/>
          </a:xfrm>
          <a:prstGeom prst="rect">
            <a:avLst/>
          </a:prstGeom>
          <a:noFill/>
        </p:spPr>
        <p:txBody>
          <a:bodyPr vert="horz" wrap="square" lIns="91407" tIns="45704" rIns="91407" bIns="45704" rtlCol="0" anchor="t">
            <a:spAutoFit/>
          </a:bodyPr>
          <a:lstStyle/>
          <a:p>
            <a:r>
              <a:rPr lang="ja-JP" altLang="en-US" sz="2000" dirty="0">
                <a:solidFill>
                  <a:srgbClr val="FF0000"/>
                </a:solidFill>
              </a:rPr>
              <a:t>今回の審議対象</a:t>
            </a:r>
            <a:endParaRPr lang="en-US" altLang="ja-JP" sz="2000" dirty="0">
              <a:solidFill>
                <a:srgbClr val="FF0000"/>
              </a:solidFill>
            </a:endParaRPr>
          </a:p>
        </p:txBody>
      </p:sp>
    </p:spTree>
    <p:extLst>
      <p:ext uri="{BB962C8B-B14F-4D97-AF65-F5344CB8AC3E}">
        <p14:creationId xmlns:p14="http://schemas.microsoft.com/office/powerpoint/2010/main" val="3698419280"/>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3D127BC-D0AF-C279-8323-C7CE5BA943A3}"/>
            </a:ext>
          </a:extLst>
        </p:cNvPr>
        <p:cNvGrpSpPr/>
        <p:nvPr/>
      </p:nvGrpSpPr>
      <p:grpSpPr>
        <a:xfrm>
          <a:off x="0" y="0"/>
          <a:ext cx="0" cy="0"/>
          <a:chOff x="0" y="0"/>
          <a:chExt cx="0" cy="0"/>
        </a:xfrm>
      </p:grpSpPr>
      <p:sp>
        <p:nvSpPr>
          <p:cNvPr id="2" name="タイトル 1">
            <a:extLst>
              <a:ext uri="{FF2B5EF4-FFF2-40B4-BE49-F238E27FC236}">
                <a16:creationId xmlns:a16="http://schemas.microsoft.com/office/drawing/2014/main" id="{50ED19F8-25C9-09EB-913B-1A94C68DCBD0}"/>
              </a:ext>
            </a:extLst>
          </p:cNvPr>
          <p:cNvSpPr>
            <a:spLocks noGrp="1"/>
          </p:cNvSpPr>
          <p:nvPr>
            <p:ph type="ctrTitle"/>
          </p:nvPr>
        </p:nvSpPr>
        <p:spPr>
          <a:xfrm>
            <a:off x="815340" y="1660736"/>
            <a:ext cx="8275320" cy="2275823"/>
          </a:xfrm>
        </p:spPr>
        <p:txBody>
          <a:bodyPr anchor="ctr">
            <a:normAutofit/>
          </a:bodyPr>
          <a:lstStyle/>
          <a:p>
            <a:pPr>
              <a:lnSpc>
                <a:spcPct val="100000"/>
              </a:lnSpc>
            </a:pPr>
            <a:r>
              <a:rPr lang="ja-JP" altLang="en-US" sz="3200" b="1" dirty="0">
                <a:latin typeface="+mn-ea"/>
                <a:ea typeface="+mn-ea"/>
              </a:rPr>
              <a:t>①　大阪市下水道施設包括的管理業務委託</a:t>
            </a:r>
            <a:br>
              <a:rPr lang="en-US" altLang="ja-JP" sz="3200" b="1" dirty="0">
                <a:latin typeface="+mn-ea"/>
                <a:ea typeface="+mn-ea"/>
              </a:rPr>
            </a:br>
            <a:r>
              <a:rPr lang="ja-JP" altLang="en-US" sz="3200" b="1" dirty="0">
                <a:latin typeface="+mn-ea"/>
                <a:ea typeface="+mn-ea"/>
              </a:rPr>
              <a:t>発注当初の理念について</a:t>
            </a:r>
            <a:endParaRPr lang="ja-JP" altLang="en-US" sz="2800" b="1" dirty="0">
              <a:latin typeface="+mn-ea"/>
              <a:ea typeface="+mn-ea"/>
            </a:endParaRPr>
          </a:p>
        </p:txBody>
      </p:sp>
      <p:sp>
        <p:nvSpPr>
          <p:cNvPr id="4" name="スライド番号プレースホルダー 3">
            <a:extLst>
              <a:ext uri="{FF2B5EF4-FFF2-40B4-BE49-F238E27FC236}">
                <a16:creationId xmlns:a16="http://schemas.microsoft.com/office/drawing/2014/main" id="{00B89153-848F-1CA4-E753-3BCD93D0ED9A}"/>
              </a:ext>
            </a:extLst>
          </p:cNvPr>
          <p:cNvSpPr>
            <a:spLocks noGrp="1"/>
          </p:cNvSpPr>
          <p:nvPr>
            <p:ph type="sldNum" sz="quarter" idx="12"/>
          </p:nvPr>
        </p:nvSpPr>
        <p:spPr/>
        <p:txBody>
          <a:bodyPr/>
          <a:lstStyle/>
          <a:p>
            <a:pPr defTabSz="422041"/>
            <a:fld id="{36EC18DB-A5DF-4E0E-B815-FCD04A2C4B2C}" type="slidenum">
              <a:rPr lang="ja-JP" altLang="en-US">
                <a:solidFill>
                  <a:prstClr val="black"/>
                </a:solidFill>
                <a:latin typeface="Segoe UI"/>
                <a:ea typeface="Meiryo UI"/>
              </a:rPr>
              <a:pPr defTabSz="422041"/>
              <a:t>38</a:t>
            </a:fld>
            <a:endParaRPr lang="ja-JP" altLang="en-US">
              <a:solidFill>
                <a:prstClr val="black"/>
              </a:solidFill>
              <a:latin typeface="Segoe UI"/>
              <a:ea typeface="Meiryo UI"/>
            </a:endParaRPr>
          </a:p>
        </p:txBody>
      </p:sp>
    </p:spTree>
    <p:extLst>
      <p:ext uri="{BB962C8B-B14F-4D97-AF65-F5344CB8AC3E}">
        <p14:creationId xmlns:p14="http://schemas.microsoft.com/office/powerpoint/2010/main" val="1437606548"/>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1C8A388-9F4F-DF78-F521-82E667CB4274}"/>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80655721-A7C7-A881-1E01-C6532F52F64F}"/>
              </a:ext>
            </a:extLst>
          </p:cNvPr>
          <p:cNvSpPr>
            <a:spLocks noGrp="1"/>
          </p:cNvSpPr>
          <p:nvPr>
            <p:ph type="sldNum" sz="quarter" idx="12"/>
          </p:nvPr>
        </p:nvSpPr>
        <p:spPr/>
        <p:txBody>
          <a:bodyPr/>
          <a:lstStyle/>
          <a:p>
            <a:fld id="{36EC18DB-A5DF-4E0E-B815-FCD04A2C4B2C}" type="slidenum">
              <a:rPr kumimoji="1" lang="ja-JP" altLang="en-US" smtClean="0"/>
              <a:t>39</a:t>
            </a:fld>
            <a:endParaRPr kumimoji="1" lang="ja-JP" altLang="en-US" dirty="0"/>
          </a:p>
        </p:txBody>
      </p:sp>
      <p:sp>
        <p:nvSpPr>
          <p:cNvPr id="3" name="テキスト ボックス 2">
            <a:extLst>
              <a:ext uri="{FF2B5EF4-FFF2-40B4-BE49-F238E27FC236}">
                <a16:creationId xmlns:a16="http://schemas.microsoft.com/office/drawing/2014/main" id="{F9E1834B-B2E3-C453-83B7-148084450728}"/>
              </a:ext>
            </a:extLst>
          </p:cNvPr>
          <p:cNvSpPr txBox="1"/>
          <p:nvPr/>
        </p:nvSpPr>
        <p:spPr>
          <a:xfrm>
            <a:off x="0" y="946824"/>
            <a:ext cx="9905999" cy="1585049"/>
          </a:xfrm>
          <a:prstGeom prst="rect">
            <a:avLst/>
          </a:prstGeom>
          <a:noFill/>
        </p:spPr>
        <p:txBody>
          <a:bodyPr wrap="square" rtlCol="0">
            <a:spAutoFit/>
          </a:bodyPr>
          <a:lstStyle/>
          <a:p>
            <a:r>
              <a:rPr lang="en-US" altLang="ja-JP" b="1" u="sng" dirty="0">
                <a:latin typeface="Meiryo UI" panose="020B0604030504040204" pitchFamily="50" charset="-128"/>
                <a:ea typeface="Meiryo UI" panose="020B0604030504040204" pitchFamily="50" charset="-128"/>
              </a:rPr>
              <a:t>【</a:t>
            </a:r>
            <a:r>
              <a:rPr lang="ja-JP" altLang="en-US" b="1" u="sng" dirty="0">
                <a:latin typeface="Meiryo UI" panose="020B0604030504040204" pitchFamily="50" charset="-128"/>
                <a:ea typeface="Meiryo UI" panose="020B0604030504040204" pitchFamily="50" charset="-128"/>
              </a:rPr>
              <a:t>発注当初の理念</a:t>
            </a:r>
            <a:r>
              <a:rPr lang="en-US" altLang="ja-JP" b="1" u="sng" dirty="0">
                <a:latin typeface="Meiryo UI" panose="020B0604030504040204" pitchFamily="50" charset="-128"/>
                <a:ea typeface="Meiryo UI" panose="020B0604030504040204" pitchFamily="50" charset="-128"/>
              </a:rPr>
              <a:t>】</a:t>
            </a:r>
          </a:p>
          <a:p>
            <a:endParaRPr lang="en-US" altLang="ja-JP" sz="700" b="1" u="sng" dirty="0">
              <a:latin typeface="Meiryo UI" panose="020B0604030504040204" pitchFamily="50" charset="-128"/>
              <a:ea typeface="Meiryo UI" panose="020B0604030504040204" pitchFamily="50" charset="-128"/>
            </a:endParaRPr>
          </a:p>
          <a:p>
            <a:r>
              <a:rPr lang="ja-JP" altLang="en-US" dirty="0">
                <a:latin typeface="+mj-ea"/>
              </a:rPr>
              <a:t>　　直営、都市技術センター、包括委託（５年）を経て、適正な維持管理遂行のため、過去の実績数量を</a:t>
            </a:r>
            <a:endParaRPr lang="en-US" altLang="ja-JP" dirty="0">
              <a:latin typeface="+mj-ea"/>
            </a:endParaRPr>
          </a:p>
          <a:p>
            <a:r>
              <a:rPr lang="ja-JP" altLang="en-US" dirty="0">
                <a:latin typeface="+mj-ea"/>
              </a:rPr>
              <a:t>　　業務数量や、評価基準値として設定。</a:t>
            </a:r>
            <a:endParaRPr lang="en-US" altLang="ja-JP" dirty="0">
              <a:latin typeface="+mj-ea"/>
            </a:endParaRPr>
          </a:p>
          <a:p>
            <a:r>
              <a:rPr lang="ja-JP" altLang="en-US" dirty="0">
                <a:latin typeface="+mj-ea"/>
              </a:rPr>
              <a:t>　　２０年の長期契約であるため、特記仕様書別紙４０に</a:t>
            </a:r>
            <a:r>
              <a:rPr lang="ja-JP" altLang="en-US" b="1" u="sng" dirty="0">
                <a:latin typeface="+mj-ea"/>
              </a:rPr>
              <a:t>条件見直しの条項を設定。</a:t>
            </a:r>
            <a:endParaRPr lang="en-US" altLang="ja-JP" b="1" u="sng" dirty="0">
              <a:latin typeface="+mj-ea"/>
            </a:endParaRPr>
          </a:p>
          <a:p>
            <a:endParaRPr lang="en-US" altLang="ja-JP" b="1" u="sng" dirty="0">
              <a:latin typeface="Meiryo UI" panose="020B0604030504040204" pitchFamily="50" charset="-128"/>
              <a:ea typeface="Meiryo UI" panose="020B0604030504040204" pitchFamily="50" charset="-128"/>
            </a:endParaRPr>
          </a:p>
        </p:txBody>
      </p:sp>
      <p:sp>
        <p:nvSpPr>
          <p:cNvPr id="64" name="角丸四角形 17">
            <a:extLst>
              <a:ext uri="{FF2B5EF4-FFF2-40B4-BE49-F238E27FC236}">
                <a16:creationId xmlns:a16="http://schemas.microsoft.com/office/drawing/2014/main" id="{548B807E-7F85-51E3-9D11-1C7CC0716DA7}"/>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6" name="テキスト ボックス 5">
            <a:extLst>
              <a:ext uri="{FF2B5EF4-FFF2-40B4-BE49-F238E27FC236}">
                <a16:creationId xmlns:a16="http://schemas.microsoft.com/office/drawing/2014/main" id="{D9A409BA-6D88-FD40-5AB6-37BDA5CCC2E6}"/>
              </a:ext>
            </a:extLst>
          </p:cNvPr>
          <p:cNvSpPr txBox="1"/>
          <p:nvPr/>
        </p:nvSpPr>
        <p:spPr>
          <a:xfrm>
            <a:off x="8956" y="2494178"/>
            <a:ext cx="9653494" cy="1400383"/>
          </a:xfrm>
          <a:prstGeom prst="rect">
            <a:avLst/>
          </a:prstGeom>
          <a:noFill/>
        </p:spPr>
        <p:txBody>
          <a:bodyPr wrap="square" rtlCol="0">
            <a:spAutoFit/>
          </a:bodyPr>
          <a:lstStyle/>
          <a:p>
            <a:pPr defTabSz="914400"/>
            <a:r>
              <a:rPr kumimoji="1" lang="en-US" altLang="ja-JP" b="1" dirty="0">
                <a:solidFill>
                  <a:prstClr val="black"/>
                </a:solidFill>
                <a:latin typeface="Meiryo UI" panose="020B0604030504040204" pitchFamily="50" charset="-128"/>
                <a:ea typeface="Meiryo UI" panose="020B0604030504040204" pitchFamily="50" charset="-128"/>
              </a:rPr>
              <a:t>【</a:t>
            </a:r>
            <a:r>
              <a:rPr kumimoji="1" lang="ja-JP" altLang="en-US" b="1" dirty="0">
                <a:solidFill>
                  <a:prstClr val="black"/>
                </a:solidFill>
                <a:latin typeface="Meiryo UI" panose="020B0604030504040204" pitchFamily="50" charset="-128"/>
                <a:ea typeface="Meiryo UI" panose="020B0604030504040204" pitchFamily="50" charset="-128"/>
              </a:rPr>
              <a:t>特記仕様書　別紙４０</a:t>
            </a:r>
            <a:r>
              <a:rPr kumimoji="1" lang="en-US" altLang="ja-JP" b="1" dirty="0">
                <a:solidFill>
                  <a:prstClr val="black"/>
                </a:solidFill>
                <a:latin typeface="Meiryo UI" panose="020B0604030504040204" pitchFamily="50" charset="-128"/>
                <a:ea typeface="Meiryo UI" panose="020B0604030504040204" pitchFamily="50" charset="-128"/>
              </a:rPr>
              <a:t>】</a:t>
            </a:r>
          </a:p>
          <a:p>
            <a:pPr defTabSz="914400"/>
            <a:endParaRPr kumimoji="1" lang="en-US" altLang="ja-JP" sz="600" dirty="0">
              <a:solidFill>
                <a:prstClr val="black"/>
              </a:solidFill>
              <a:latin typeface="Meiryo UI" panose="020B0604030504040204" pitchFamily="50" charset="-128"/>
              <a:ea typeface="Meiryo UI" panose="020B0604030504040204" pitchFamily="50" charset="-128"/>
            </a:endParaRPr>
          </a:p>
          <a:p>
            <a:pPr defTabSz="914400"/>
            <a:r>
              <a:rPr kumimoji="1" lang="ja-JP" altLang="en-US" dirty="0">
                <a:solidFill>
                  <a:prstClr val="black"/>
                </a:solidFill>
                <a:latin typeface="Meiryo UI" panose="020B0604030504040204" pitchFamily="50" charset="-128"/>
                <a:ea typeface="Meiryo UI" panose="020B0604030504040204" pitchFamily="50" charset="-128"/>
              </a:rPr>
              <a:t>より良い業務品質の確保及び向上を図るため、基本的に５年ごとに業務委託条件に関する見直しを行う。</a:t>
            </a:r>
            <a:endParaRPr kumimoji="1" lang="en-US" altLang="ja-JP" dirty="0">
              <a:solidFill>
                <a:prstClr val="black"/>
              </a:solidFill>
              <a:latin typeface="Meiryo UI" panose="020B0604030504040204" pitchFamily="50" charset="-128"/>
              <a:ea typeface="Meiryo UI" panose="020B0604030504040204" pitchFamily="50" charset="-128"/>
            </a:endParaRPr>
          </a:p>
          <a:p>
            <a:pPr defTabSz="914400"/>
            <a:endParaRPr kumimoji="1" lang="en-US" altLang="ja-JP" sz="700" dirty="0">
              <a:solidFill>
                <a:prstClr val="black"/>
              </a:solidFill>
              <a:latin typeface="Meiryo UI" panose="020B0604030504040204" pitchFamily="50" charset="-128"/>
              <a:ea typeface="Meiryo UI" panose="020B0604030504040204" pitchFamily="50" charset="-128"/>
            </a:endParaRPr>
          </a:p>
          <a:p>
            <a:pPr defTabSz="914400"/>
            <a:r>
              <a:rPr kumimoji="1" lang="ja-JP" altLang="en-US" dirty="0">
                <a:solidFill>
                  <a:prstClr val="black"/>
                </a:solidFill>
                <a:latin typeface="Meiryo UI" panose="020B0604030504040204" pitchFamily="50" charset="-128"/>
                <a:ea typeface="Meiryo UI" panose="020B0604030504040204" pitchFamily="50" charset="-128"/>
              </a:rPr>
              <a:t>　　　①業務</a:t>
            </a:r>
            <a:r>
              <a:rPr kumimoji="1" lang="ja-JP" altLang="en-US" b="1" dirty="0">
                <a:solidFill>
                  <a:srgbClr val="FF0000"/>
                </a:solidFill>
                <a:latin typeface="Meiryo UI" panose="020B0604030504040204" pitchFamily="50" charset="-128"/>
                <a:ea typeface="Meiryo UI" panose="020B0604030504040204" pitchFamily="50" charset="-128"/>
              </a:rPr>
              <a:t>履行実績の評価</a:t>
            </a:r>
            <a:r>
              <a:rPr kumimoji="1" lang="ja-JP" altLang="en-US" dirty="0">
                <a:solidFill>
                  <a:prstClr val="black"/>
                </a:solidFill>
                <a:latin typeface="Meiryo UI" panose="020B0604030504040204" pitchFamily="50" charset="-128"/>
                <a:ea typeface="Meiryo UI" panose="020B0604030504040204" pitchFamily="50" charset="-128"/>
              </a:rPr>
              <a:t>、業務期間内の</a:t>
            </a:r>
            <a:r>
              <a:rPr kumimoji="1" lang="ja-JP" altLang="en-US" b="1" dirty="0">
                <a:solidFill>
                  <a:srgbClr val="FF0000"/>
                </a:solidFill>
                <a:latin typeface="Meiryo UI" panose="020B0604030504040204" pitchFamily="50" charset="-128"/>
                <a:ea typeface="Meiryo UI" panose="020B0604030504040204" pitchFamily="50" charset="-128"/>
              </a:rPr>
              <a:t>技術革新、</a:t>
            </a:r>
            <a:r>
              <a:rPr kumimoji="1" lang="ja-JP" altLang="en-US" dirty="0">
                <a:latin typeface="Meiryo UI" panose="020B0604030504040204" pitchFamily="50" charset="-128"/>
                <a:ea typeface="Meiryo UI" panose="020B0604030504040204" pitchFamily="50" charset="-128"/>
              </a:rPr>
              <a:t>制度改正等の</a:t>
            </a:r>
            <a:r>
              <a:rPr kumimoji="1" lang="ja-JP" altLang="en-US" b="1" dirty="0">
                <a:solidFill>
                  <a:srgbClr val="FF0000"/>
                </a:solidFill>
                <a:latin typeface="Meiryo UI" panose="020B0604030504040204" pitchFamily="50" charset="-128"/>
                <a:ea typeface="Meiryo UI" panose="020B0604030504040204" pitchFamily="50" charset="-128"/>
              </a:rPr>
              <a:t>社会情勢の変動</a:t>
            </a:r>
            <a:r>
              <a:rPr kumimoji="1" lang="ja-JP" altLang="en-US" dirty="0">
                <a:solidFill>
                  <a:prstClr val="black"/>
                </a:solidFill>
                <a:latin typeface="Meiryo UI" panose="020B0604030504040204" pitchFamily="50" charset="-128"/>
                <a:ea typeface="Meiryo UI" panose="020B0604030504040204" pitchFamily="50" charset="-128"/>
              </a:rPr>
              <a:t>に対応する</a:t>
            </a:r>
            <a:endParaRPr kumimoji="1" lang="en-US" altLang="ja-JP" dirty="0">
              <a:solidFill>
                <a:prstClr val="black"/>
              </a:solidFill>
              <a:latin typeface="Meiryo UI" panose="020B0604030504040204" pitchFamily="50" charset="-128"/>
              <a:ea typeface="Meiryo UI" panose="020B0604030504040204" pitchFamily="50" charset="-128"/>
            </a:endParaRPr>
          </a:p>
          <a:p>
            <a:pPr defTabSz="914400"/>
            <a:r>
              <a:rPr kumimoji="1" lang="ja-JP" altLang="en-US" dirty="0">
                <a:solidFill>
                  <a:prstClr val="black"/>
                </a:solidFill>
                <a:latin typeface="Meiryo UI" panose="020B0604030504040204" pitchFamily="50" charset="-128"/>
                <a:ea typeface="Meiryo UI" panose="020B0604030504040204" pitchFamily="50" charset="-128"/>
              </a:rPr>
              <a:t>　　　②新技術導入等に伴うコスト削減効果の評価を実施する</a:t>
            </a:r>
            <a:endParaRPr kumimoji="1" lang="en-US" altLang="ja-JP" dirty="0">
              <a:solidFill>
                <a:prstClr val="black"/>
              </a:solidFill>
              <a:latin typeface="Meiryo UI" panose="020B0604030504040204" pitchFamily="50" charset="-128"/>
              <a:ea typeface="Meiryo UI" panose="020B0604030504040204" pitchFamily="50" charset="-128"/>
            </a:endParaRPr>
          </a:p>
        </p:txBody>
      </p:sp>
      <p:pic>
        <p:nvPicPr>
          <p:cNvPr id="7" name="図 6">
            <a:extLst>
              <a:ext uri="{FF2B5EF4-FFF2-40B4-BE49-F238E27FC236}">
                <a16:creationId xmlns:a16="http://schemas.microsoft.com/office/drawing/2014/main" id="{0E4DF4CC-FFC5-1653-CE5D-F3F21F5FB810}"/>
              </a:ext>
            </a:extLst>
          </p:cNvPr>
          <p:cNvPicPr>
            <a:picLocks noChangeAspect="1"/>
          </p:cNvPicPr>
          <p:nvPr/>
        </p:nvPicPr>
        <p:blipFill>
          <a:blip r:embed="rId3"/>
          <a:stretch>
            <a:fillRect/>
          </a:stretch>
        </p:blipFill>
        <p:spPr>
          <a:xfrm>
            <a:off x="4480896" y="3939039"/>
            <a:ext cx="5225795" cy="1315522"/>
          </a:xfrm>
          <a:prstGeom prst="rect">
            <a:avLst/>
          </a:prstGeom>
        </p:spPr>
      </p:pic>
      <p:pic>
        <p:nvPicPr>
          <p:cNvPr id="8" name="図 7" descr="グラフィカル ユーザー インターフェイス, テキスト, アプリケーション&#10;&#10;自動的に生成された説明">
            <a:extLst>
              <a:ext uri="{FF2B5EF4-FFF2-40B4-BE49-F238E27FC236}">
                <a16:creationId xmlns:a16="http://schemas.microsoft.com/office/drawing/2014/main" id="{2F7322E2-34BB-6CF6-423F-DCF91331A848}"/>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03620" y="3939039"/>
            <a:ext cx="4177276" cy="1777173"/>
          </a:xfrm>
          <a:prstGeom prst="rect">
            <a:avLst/>
          </a:prstGeom>
        </p:spPr>
      </p:pic>
      <p:sp>
        <p:nvSpPr>
          <p:cNvPr id="2" name="角丸四角形 17">
            <a:extLst>
              <a:ext uri="{FF2B5EF4-FFF2-40B4-BE49-F238E27FC236}">
                <a16:creationId xmlns:a16="http://schemas.microsoft.com/office/drawing/2014/main" id="{3521E089-8150-0291-EA3B-54EBEA00BC2D}"/>
              </a:ext>
            </a:extLst>
          </p:cNvPr>
          <p:cNvSpPr/>
          <p:nvPr/>
        </p:nvSpPr>
        <p:spPr>
          <a:xfrm>
            <a:off x="17811" y="62333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①大阪市下水道施設包括的管理業務委託発注当初の理念について</a:t>
            </a:r>
            <a:endParaRPr lang="en-US" altLang="ja-JP" sz="2275" u="sng" dirty="0">
              <a:solidFill>
                <a:schemeClr val="tx1"/>
              </a:solidFill>
              <a:latin typeface="HGPｺﾞｼｯｸE" panose="020B0900000000000000" pitchFamily="50" charset="-128"/>
              <a:ea typeface="HGPｺﾞｼｯｸE" panose="020B0900000000000000" pitchFamily="50" charset="-128"/>
            </a:endParaRPr>
          </a:p>
        </p:txBody>
      </p:sp>
      <p:sp>
        <p:nvSpPr>
          <p:cNvPr id="4" name="テキスト ボックス 3">
            <a:extLst>
              <a:ext uri="{FF2B5EF4-FFF2-40B4-BE49-F238E27FC236}">
                <a16:creationId xmlns:a16="http://schemas.microsoft.com/office/drawing/2014/main" id="{195BBED5-1399-C9A0-B1BD-3EE532E78968}"/>
              </a:ext>
            </a:extLst>
          </p:cNvPr>
          <p:cNvSpPr txBox="1"/>
          <p:nvPr/>
        </p:nvSpPr>
        <p:spPr>
          <a:xfrm>
            <a:off x="372009" y="5848610"/>
            <a:ext cx="9220350" cy="923330"/>
          </a:xfrm>
          <a:prstGeom prst="rect">
            <a:avLst/>
          </a:prstGeom>
          <a:solidFill>
            <a:srgbClr val="00FFFF"/>
          </a:solidFill>
        </p:spPr>
        <p:txBody>
          <a:bodyPr wrap="square" rtlCol="0">
            <a:spAutoFit/>
          </a:bodyPr>
          <a:lstStyle/>
          <a:p>
            <a:r>
              <a:rPr lang="ja-JP" altLang="en-US" b="1" dirty="0">
                <a:latin typeface="+mn-ea"/>
              </a:rPr>
              <a:t>　・業務実施状況の</a:t>
            </a:r>
            <a:r>
              <a:rPr lang="en-US" altLang="ja-JP" b="1" dirty="0">
                <a:latin typeface="+mn-ea"/>
              </a:rPr>
              <a:t>PDCA</a:t>
            </a:r>
          </a:p>
          <a:p>
            <a:r>
              <a:rPr lang="ja-JP" altLang="en-US" b="1" dirty="0">
                <a:latin typeface="+mn-ea"/>
              </a:rPr>
              <a:t>　・社会情勢の変化</a:t>
            </a:r>
            <a:r>
              <a:rPr lang="ja-JP" altLang="en-US" sz="1600" b="1" dirty="0">
                <a:latin typeface="+mn-ea"/>
              </a:rPr>
              <a:t>（気候変動やカーボンニュートラルへの対応、八潮陥没事故をうけた対応等）</a:t>
            </a:r>
            <a:endParaRPr lang="en-US" altLang="ja-JP" b="1" dirty="0">
              <a:latin typeface="+mn-ea"/>
            </a:endParaRPr>
          </a:p>
          <a:p>
            <a:pPr algn="r"/>
            <a:r>
              <a:rPr lang="ja-JP" altLang="en-US" b="1" dirty="0">
                <a:latin typeface="+mn-ea"/>
              </a:rPr>
              <a:t> 　　　　　　　　　　　　　　　　　　　　　　　　　　　➡業務委託条件の見直しを実施</a:t>
            </a:r>
            <a:endParaRPr lang="en-US" altLang="ja-JP" b="1" dirty="0">
              <a:latin typeface="+mn-ea"/>
            </a:endParaRPr>
          </a:p>
        </p:txBody>
      </p:sp>
      <p:sp>
        <p:nvSpPr>
          <p:cNvPr id="11" name="左中かっこ 10">
            <a:extLst>
              <a:ext uri="{FF2B5EF4-FFF2-40B4-BE49-F238E27FC236}">
                <a16:creationId xmlns:a16="http://schemas.microsoft.com/office/drawing/2014/main" id="{E8D8BA28-454D-723D-9D96-8EE30E023CE9}"/>
              </a:ext>
            </a:extLst>
          </p:cNvPr>
          <p:cNvSpPr/>
          <p:nvPr/>
        </p:nvSpPr>
        <p:spPr>
          <a:xfrm>
            <a:off x="427233" y="5942437"/>
            <a:ext cx="169778" cy="534572"/>
          </a:xfrm>
          <a:prstGeom prst="leftBrace">
            <a:avLst/>
          </a:prstGeom>
          <a:ln w="28575"/>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408150960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CF0B7D60-5515-433C-2201-F6210F72FA1A}"/>
              </a:ext>
            </a:extLst>
          </p:cNvPr>
          <p:cNvSpPr>
            <a:spLocks noGrp="1"/>
          </p:cNvSpPr>
          <p:nvPr>
            <p:ph type="sldNum" sz="quarter" idx="12"/>
          </p:nvPr>
        </p:nvSpPr>
        <p:spPr/>
        <p:txBody>
          <a:bodyPr/>
          <a:lstStyle/>
          <a:p>
            <a:fld id="{36EC18DB-A5DF-4E0E-B815-FCD04A2C4B2C}" type="slidenum">
              <a:rPr kumimoji="1" lang="ja-JP" altLang="en-US" smtClean="0"/>
              <a:t>4</a:t>
            </a:fld>
            <a:endParaRPr kumimoji="1" lang="ja-JP" altLang="en-US"/>
          </a:p>
        </p:txBody>
      </p:sp>
      <p:sp>
        <p:nvSpPr>
          <p:cNvPr id="4" name="テキスト ボックス 3">
            <a:extLst>
              <a:ext uri="{FF2B5EF4-FFF2-40B4-BE49-F238E27FC236}">
                <a16:creationId xmlns:a16="http://schemas.microsoft.com/office/drawing/2014/main" id="{C372E4CE-7266-3477-00FC-2A25F0A0509F}"/>
              </a:ext>
            </a:extLst>
          </p:cNvPr>
          <p:cNvSpPr txBox="1"/>
          <p:nvPr/>
        </p:nvSpPr>
        <p:spPr>
          <a:xfrm>
            <a:off x="824" y="553431"/>
            <a:ext cx="4550130" cy="400110"/>
          </a:xfrm>
          <a:prstGeom prst="rect">
            <a:avLst/>
          </a:prstGeom>
          <a:noFill/>
        </p:spPr>
        <p:txBody>
          <a:bodyPr wrap="square">
            <a:spAutoFit/>
          </a:bodyPr>
          <a:lstStyle/>
          <a:p>
            <a:r>
              <a:rPr lang="en-US" altLang="ja-JP" sz="2000" dirty="0">
                <a:latin typeface="+mn-ea"/>
              </a:rPr>
              <a:t>【</a:t>
            </a:r>
            <a:r>
              <a:rPr lang="ja-JP" altLang="en-US" sz="2000" dirty="0">
                <a:latin typeface="+mn-ea"/>
              </a:rPr>
              <a:t>維持管理に関する事項の調査審議</a:t>
            </a:r>
            <a:r>
              <a:rPr lang="en-US" altLang="ja-JP" sz="2000" dirty="0">
                <a:latin typeface="+mn-ea"/>
              </a:rPr>
              <a:t>】</a:t>
            </a:r>
          </a:p>
        </p:txBody>
      </p:sp>
      <p:sp>
        <p:nvSpPr>
          <p:cNvPr id="9" name="テキスト ボックス 8">
            <a:extLst>
              <a:ext uri="{FF2B5EF4-FFF2-40B4-BE49-F238E27FC236}">
                <a16:creationId xmlns:a16="http://schemas.microsoft.com/office/drawing/2014/main" id="{14825ADD-72CF-2679-211C-D8AAEFF703F0}"/>
              </a:ext>
            </a:extLst>
          </p:cNvPr>
          <p:cNvSpPr txBox="1"/>
          <p:nvPr/>
        </p:nvSpPr>
        <p:spPr>
          <a:xfrm>
            <a:off x="225910" y="1313334"/>
            <a:ext cx="9680090" cy="892552"/>
          </a:xfrm>
          <a:prstGeom prst="rect">
            <a:avLst/>
          </a:prstGeom>
          <a:noFill/>
        </p:spPr>
        <p:txBody>
          <a:bodyPr wrap="square">
            <a:spAutoFit/>
          </a:bodyPr>
          <a:lstStyle/>
          <a:p>
            <a:pPr marL="342900" indent="-342900">
              <a:buFont typeface="Wingdings" panose="05000000000000000000" pitchFamily="2" charset="2"/>
              <a:buChar char="ü"/>
            </a:pPr>
            <a:r>
              <a:rPr lang="ja-JP" altLang="en-US" sz="1600" dirty="0">
                <a:latin typeface="+mn-ea"/>
              </a:rPr>
              <a:t>業務履行状況や事故発生状況から、サービス水準が確保できているかどうかを審議</a:t>
            </a:r>
            <a:endParaRPr lang="en-US" altLang="ja-JP" sz="1600" dirty="0">
              <a:latin typeface="+mn-ea"/>
            </a:endParaRPr>
          </a:p>
          <a:p>
            <a:pPr marL="342900" indent="-342900">
              <a:buFont typeface="Wingdings" panose="05000000000000000000" pitchFamily="2" charset="2"/>
              <a:buChar char="ü"/>
            </a:pPr>
            <a:r>
              <a:rPr lang="ja-JP" altLang="en-US" sz="1600" dirty="0">
                <a:latin typeface="+mn-ea"/>
              </a:rPr>
              <a:t>サービス水準に未達の場合、改善点・改善方法について審議</a:t>
            </a:r>
            <a:endParaRPr lang="en-US" altLang="ja-JP" sz="1600" dirty="0">
              <a:latin typeface="+mn-ea"/>
            </a:endParaRPr>
          </a:p>
          <a:p>
            <a:r>
              <a:rPr lang="ja-JP" altLang="en-US" sz="2000" dirty="0">
                <a:latin typeface="+mn-ea"/>
              </a:rPr>
              <a:t>　　　　</a:t>
            </a:r>
            <a:r>
              <a:rPr lang="ja-JP" altLang="en-US" sz="2000" b="1" dirty="0">
                <a:solidFill>
                  <a:srgbClr val="FF0000"/>
                </a:solidFill>
                <a:latin typeface="+mn-ea"/>
              </a:rPr>
              <a:t>➡　審議会として、要求水準・評価基準の達成状況について評価していただく。</a:t>
            </a:r>
            <a:endParaRPr lang="en-US" altLang="ja-JP" sz="2000" b="1" dirty="0">
              <a:solidFill>
                <a:srgbClr val="FF0000"/>
              </a:solidFill>
              <a:latin typeface="+mn-ea"/>
            </a:endParaRPr>
          </a:p>
        </p:txBody>
      </p:sp>
      <p:sp>
        <p:nvSpPr>
          <p:cNvPr id="10" name="テキスト ボックス 9">
            <a:extLst>
              <a:ext uri="{FF2B5EF4-FFF2-40B4-BE49-F238E27FC236}">
                <a16:creationId xmlns:a16="http://schemas.microsoft.com/office/drawing/2014/main" id="{970D82CF-A56C-11D0-5846-E828A43CDD19}"/>
              </a:ext>
            </a:extLst>
          </p:cNvPr>
          <p:cNvSpPr txBox="1"/>
          <p:nvPr/>
        </p:nvSpPr>
        <p:spPr>
          <a:xfrm>
            <a:off x="106965" y="958625"/>
            <a:ext cx="9680090" cy="400110"/>
          </a:xfrm>
          <a:prstGeom prst="rect">
            <a:avLst/>
          </a:prstGeom>
          <a:noFill/>
        </p:spPr>
        <p:txBody>
          <a:bodyPr wrap="square">
            <a:spAutoFit/>
          </a:bodyPr>
          <a:lstStyle/>
          <a:p>
            <a:r>
              <a:rPr lang="ja-JP" altLang="en-US" sz="2000" b="1" u="sng" dirty="0">
                <a:latin typeface="+mn-ea"/>
              </a:rPr>
              <a:t>①維持管理業務に対する要求水準・評価基準の達成状況を評価</a:t>
            </a:r>
            <a:endParaRPr lang="en-US" altLang="ja-JP" sz="2000" b="1" u="sng" dirty="0">
              <a:latin typeface="+mn-ea"/>
            </a:endParaRPr>
          </a:p>
        </p:txBody>
      </p:sp>
      <p:sp>
        <p:nvSpPr>
          <p:cNvPr id="11" name="テキスト ボックス 10">
            <a:extLst>
              <a:ext uri="{FF2B5EF4-FFF2-40B4-BE49-F238E27FC236}">
                <a16:creationId xmlns:a16="http://schemas.microsoft.com/office/drawing/2014/main" id="{D3511907-5615-AAA1-F429-6C31A7CAA800}"/>
              </a:ext>
            </a:extLst>
          </p:cNvPr>
          <p:cNvSpPr txBox="1"/>
          <p:nvPr/>
        </p:nvSpPr>
        <p:spPr>
          <a:xfrm>
            <a:off x="225910" y="2738740"/>
            <a:ext cx="9680090" cy="892552"/>
          </a:xfrm>
          <a:prstGeom prst="rect">
            <a:avLst/>
          </a:prstGeom>
          <a:noFill/>
        </p:spPr>
        <p:txBody>
          <a:bodyPr wrap="square">
            <a:spAutoFit/>
          </a:bodyPr>
          <a:lstStyle/>
          <a:p>
            <a:pPr marL="342900" indent="-342900">
              <a:buFont typeface="Wingdings" panose="05000000000000000000" pitchFamily="2" charset="2"/>
              <a:buChar char="ü"/>
            </a:pPr>
            <a:r>
              <a:rPr lang="ja-JP" altLang="en-US" sz="1600" dirty="0">
                <a:latin typeface="+mn-ea"/>
              </a:rPr>
              <a:t>モニタリングを通じて顕在化した課題への対応方針について、有効性・実行性等を審議</a:t>
            </a:r>
            <a:endParaRPr lang="en-US" altLang="ja-JP" sz="1600" dirty="0">
              <a:latin typeface="+mn-ea"/>
            </a:endParaRPr>
          </a:p>
          <a:p>
            <a:pPr marL="342900" indent="-342900">
              <a:buFont typeface="Wingdings" panose="05000000000000000000" pitchFamily="2" charset="2"/>
              <a:buChar char="ü"/>
            </a:pPr>
            <a:r>
              <a:rPr lang="ja-JP" altLang="en-US" sz="1600" dirty="0">
                <a:latin typeface="+mn-ea"/>
              </a:rPr>
              <a:t>改善に至らないと推察される場合、別の対応方針について審議</a:t>
            </a:r>
            <a:endParaRPr lang="en-US" altLang="ja-JP" sz="1600" dirty="0">
              <a:latin typeface="+mn-ea"/>
            </a:endParaRPr>
          </a:p>
          <a:p>
            <a:r>
              <a:rPr lang="ja-JP" altLang="en-US" sz="2000" dirty="0">
                <a:latin typeface="+mn-ea"/>
              </a:rPr>
              <a:t>　　　</a:t>
            </a:r>
            <a:r>
              <a:rPr lang="ja-JP" altLang="en-US" sz="2000" dirty="0">
                <a:solidFill>
                  <a:srgbClr val="FF0000"/>
                </a:solidFill>
                <a:latin typeface="+mn-ea"/>
              </a:rPr>
              <a:t>　</a:t>
            </a:r>
            <a:r>
              <a:rPr lang="ja-JP" altLang="en-US" sz="2000" b="1" dirty="0">
                <a:solidFill>
                  <a:srgbClr val="FF0000"/>
                </a:solidFill>
                <a:latin typeface="+mn-ea"/>
              </a:rPr>
              <a:t>➡　審議会として、有効性のある課題対応方針について評価していただく。</a:t>
            </a:r>
            <a:endParaRPr lang="en-US" altLang="ja-JP" sz="2000" b="1" dirty="0">
              <a:solidFill>
                <a:srgbClr val="FF0000"/>
              </a:solidFill>
              <a:latin typeface="+mn-ea"/>
            </a:endParaRPr>
          </a:p>
        </p:txBody>
      </p:sp>
      <p:sp>
        <p:nvSpPr>
          <p:cNvPr id="12" name="テキスト ボックス 11">
            <a:extLst>
              <a:ext uri="{FF2B5EF4-FFF2-40B4-BE49-F238E27FC236}">
                <a16:creationId xmlns:a16="http://schemas.microsoft.com/office/drawing/2014/main" id="{A53D57ED-E51A-0261-6592-1CAE692DEC12}"/>
              </a:ext>
            </a:extLst>
          </p:cNvPr>
          <p:cNvSpPr txBox="1"/>
          <p:nvPr/>
        </p:nvSpPr>
        <p:spPr>
          <a:xfrm>
            <a:off x="106965" y="2394789"/>
            <a:ext cx="9680090" cy="400110"/>
          </a:xfrm>
          <a:prstGeom prst="rect">
            <a:avLst/>
          </a:prstGeom>
          <a:noFill/>
        </p:spPr>
        <p:txBody>
          <a:bodyPr wrap="square">
            <a:spAutoFit/>
          </a:bodyPr>
          <a:lstStyle/>
          <a:p>
            <a:r>
              <a:rPr lang="ja-JP" altLang="en-US" sz="2000" b="1" u="sng" dirty="0">
                <a:latin typeface="+mn-ea"/>
              </a:rPr>
              <a:t>②維持管理業務において生じた課題への対応方針を評価</a:t>
            </a:r>
            <a:endParaRPr lang="en-US" altLang="ja-JP" sz="2000" b="1" u="sng" dirty="0">
              <a:latin typeface="+mn-ea"/>
            </a:endParaRPr>
          </a:p>
        </p:txBody>
      </p:sp>
      <p:sp>
        <p:nvSpPr>
          <p:cNvPr id="13" name="テキスト ボックス 12">
            <a:extLst>
              <a:ext uri="{FF2B5EF4-FFF2-40B4-BE49-F238E27FC236}">
                <a16:creationId xmlns:a16="http://schemas.microsoft.com/office/drawing/2014/main" id="{B410325C-887D-DC87-EF4C-2BC176768571}"/>
              </a:ext>
            </a:extLst>
          </p:cNvPr>
          <p:cNvSpPr txBox="1"/>
          <p:nvPr/>
        </p:nvSpPr>
        <p:spPr>
          <a:xfrm>
            <a:off x="225910" y="4804944"/>
            <a:ext cx="9680090" cy="1446550"/>
          </a:xfrm>
          <a:prstGeom prst="rect">
            <a:avLst/>
          </a:prstGeom>
          <a:noFill/>
        </p:spPr>
        <p:txBody>
          <a:bodyPr wrap="square">
            <a:spAutoFit/>
          </a:bodyPr>
          <a:lstStyle/>
          <a:p>
            <a:pPr marL="342900" indent="-342900">
              <a:buFont typeface="Wingdings" panose="05000000000000000000" pitchFamily="2" charset="2"/>
              <a:buChar char="ü"/>
            </a:pPr>
            <a:r>
              <a:rPr lang="ja-JP" altLang="en-US" sz="1600" dirty="0">
                <a:latin typeface="+mn-ea"/>
              </a:rPr>
              <a:t>業務履行状況、課題への対応を踏まえた業務改善、社会情勢等の変化対応するため、業務委託条件（業務数量、上限額、サービスレベルなど）の妥当性等を審議</a:t>
            </a:r>
            <a:endParaRPr lang="en-US" altLang="ja-JP" sz="1600" dirty="0">
              <a:latin typeface="+mn-ea"/>
            </a:endParaRPr>
          </a:p>
          <a:p>
            <a:pPr marL="342900" indent="-342900">
              <a:buFont typeface="Wingdings" panose="05000000000000000000" pitchFamily="2" charset="2"/>
              <a:buChar char="ü"/>
            </a:pPr>
            <a:r>
              <a:rPr lang="ja-JP" altLang="en-US" sz="1600" dirty="0">
                <a:latin typeface="+mn-ea"/>
              </a:rPr>
              <a:t>市の見直し案に課題がある場合、</a:t>
            </a:r>
            <a:r>
              <a:rPr lang="ja-JP" altLang="en-US" sz="1600" dirty="0"/>
              <a:t>受注者側の視点や</a:t>
            </a:r>
            <a:r>
              <a:rPr lang="ja-JP" altLang="en-US" sz="1600" dirty="0">
                <a:latin typeface="+mn-ea"/>
              </a:rPr>
              <a:t>業務委託条件のあるべき姿について審議</a:t>
            </a:r>
            <a:endParaRPr lang="en-US" altLang="ja-JP" sz="1600" dirty="0">
              <a:latin typeface="+mn-ea"/>
            </a:endParaRPr>
          </a:p>
          <a:p>
            <a:r>
              <a:rPr lang="ja-JP" altLang="en-US" sz="2000" dirty="0">
                <a:latin typeface="+mn-ea"/>
              </a:rPr>
              <a:t>　　　　</a:t>
            </a:r>
            <a:r>
              <a:rPr lang="ja-JP" altLang="en-US" sz="2000" b="1" dirty="0">
                <a:solidFill>
                  <a:srgbClr val="FF0000"/>
                </a:solidFill>
                <a:latin typeface="+mn-ea"/>
              </a:rPr>
              <a:t>➡　</a:t>
            </a:r>
            <a:r>
              <a:rPr lang="ja-JP" altLang="en-US" sz="2000" b="1" u="sng" dirty="0">
                <a:solidFill>
                  <a:srgbClr val="FF0000"/>
                </a:solidFill>
                <a:latin typeface="+mn-ea"/>
              </a:rPr>
              <a:t>審議会として、市長への具申内容を答申としてまとめていただく</a:t>
            </a:r>
            <a:endParaRPr lang="en-US" altLang="ja-JP" sz="2000" b="1" u="sng" dirty="0">
              <a:solidFill>
                <a:srgbClr val="FF0000"/>
              </a:solidFill>
              <a:latin typeface="+mn-ea"/>
            </a:endParaRPr>
          </a:p>
          <a:p>
            <a:r>
              <a:rPr lang="ja-JP" altLang="en-US" sz="2000" b="1" dirty="0">
                <a:solidFill>
                  <a:srgbClr val="FF0000"/>
                </a:solidFill>
                <a:latin typeface="+mn-ea"/>
              </a:rPr>
              <a:t>　　　　　　　　　</a:t>
            </a:r>
            <a:r>
              <a:rPr lang="ja-JP" altLang="en-US" sz="2000" b="1" u="sng" dirty="0">
                <a:solidFill>
                  <a:srgbClr val="FF0000"/>
                </a:solidFill>
                <a:latin typeface="+mn-ea"/>
              </a:rPr>
              <a:t>（諮問内容については、市内部において検討中）</a:t>
            </a:r>
            <a:endParaRPr lang="en-US" altLang="ja-JP" sz="2000" b="1" u="sng" dirty="0">
              <a:solidFill>
                <a:srgbClr val="FF0000"/>
              </a:solidFill>
              <a:latin typeface="+mn-ea"/>
            </a:endParaRPr>
          </a:p>
        </p:txBody>
      </p:sp>
      <p:sp>
        <p:nvSpPr>
          <p:cNvPr id="14" name="テキスト ボックス 13">
            <a:extLst>
              <a:ext uri="{FF2B5EF4-FFF2-40B4-BE49-F238E27FC236}">
                <a16:creationId xmlns:a16="http://schemas.microsoft.com/office/drawing/2014/main" id="{8F8533E5-C28E-91F2-2A54-8B85F373ECF2}"/>
              </a:ext>
            </a:extLst>
          </p:cNvPr>
          <p:cNvSpPr txBox="1"/>
          <p:nvPr/>
        </p:nvSpPr>
        <p:spPr>
          <a:xfrm>
            <a:off x="106965" y="4460993"/>
            <a:ext cx="9680090" cy="400110"/>
          </a:xfrm>
          <a:prstGeom prst="rect">
            <a:avLst/>
          </a:prstGeom>
          <a:noFill/>
        </p:spPr>
        <p:txBody>
          <a:bodyPr wrap="square">
            <a:spAutoFit/>
          </a:bodyPr>
          <a:lstStyle/>
          <a:p>
            <a:r>
              <a:rPr lang="ja-JP" altLang="en-US" sz="2000" b="1" u="sng" dirty="0">
                <a:latin typeface="+mn-ea"/>
              </a:rPr>
              <a:t>③</a:t>
            </a:r>
            <a:r>
              <a:rPr lang="en-US" altLang="ja-JP" sz="2000" b="1" u="sng" dirty="0">
                <a:solidFill>
                  <a:srgbClr val="0000FF"/>
                </a:solidFill>
                <a:latin typeface="+mn-ea"/>
              </a:rPr>
              <a:t>PDCA</a:t>
            </a:r>
            <a:r>
              <a:rPr lang="ja-JP" altLang="en-US" sz="2000" b="1" u="sng" dirty="0">
                <a:solidFill>
                  <a:srgbClr val="0000FF"/>
                </a:solidFill>
                <a:latin typeface="+mn-ea"/>
              </a:rPr>
              <a:t>の観点を踏まえて実施する業務委託条件の見直し案を評価</a:t>
            </a:r>
            <a:endParaRPr lang="en-US" altLang="ja-JP" sz="2000" b="1" u="sng" dirty="0">
              <a:solidFill>
                <a:srgbClr val="0000FF"/>
              </a:solidFill>
              <a:latin typeface="+mn-ea"/>
            </a:endParaRPr>
          </a:p>
        </p:txBody>
      </p:sp>
      <p:sp>
        <p:nvSpPr>
          <p:cNvPr id="2" name="角丸四角形 17">
            <a:extLst>
              <a:ext uri="{FF2B5EF4-FFF2-40B4-BE49-F238E27FC236}">
                <a16:creationId xmlns:a16="http://schemas.microsoft.com/office/drawing/2014/main" id="{1F46E145-985F-D105-808C-72884C0694A2}"/>
              </a:ext>
            </a:extLst>
          </p:cNvPr>
          <p:cNvSpPr/>
          <p:nvPr/>
        </p:nvSpPr>
        <p:spPr>
          <a:xfrm>
            <a:off x="54614" y="75075"/>
            <a:ext cx="9722731" cy="365125"/>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00" dirty="0">
                <a:solidFill>
                  <a:schemeClr val="tx1"/>
                </a:solidFill>
                <a:latin typeface="HGPｺﾞｼｯｸE" panose="020B0900000000000000" pitchFamily="50" charset="-128"/>
                <a:ea typeface="HGPｺﾞｼｯｸE" panose="020B0900000000000000" pitchFamily="50" charset="-128"/>
              </a:rPr>
              <a:t>１．</a:t>
            </a:r>
            <a:r>
              <a:rPr lang="zh-TW" altLang="en-US" sz="2200" dirty="0">
                <a:solidFill>
                  <a:schemeClr val="tx1"/>
                </a:solidFill>
                <a:latin typeface="HGPｺﾞｼｯｸE" panose="020B0900000000000000" pitchFamily="50" charset="-128"/>
                <a:ea typeface="HGPｺﾞｼｯｸE" panose="020B0900000000000000" pitchFamily="50" charset="-128"/>
              </a:rPr>
              <a:t>審議会</a:t>
            </a:r>
            <a:r>
              <a:rPr lang="ja-JP" altLang="en-US" sz="2200" dirty="0">
                <a:solidFill>
                  <a:schemeClr val="tx1"/>
                </a:solidFill>
                <a:latin typeface="HGPｺﾞｼｯｸE" panose="020B0900000000000000" pitchFamily="50" charset="-128"/>
                <a:ea typeface="HGPｺﾞｼｯｸE" panose="020B0900000000000000" pitchFamily="50" charset="-128"/>
              </a:rPr>
              <a:t>のスケジュール</a:t>
            </a:r>
            <a:endParaRPr lang="en-US" altLang="ja-JP" sz="2200" dirty="0">
              <a:solidFill>
                <a:schemeClr val="tx1"/>
              </a:solidFill>
              <a:latin typeface="HGPｺﾞｼｯｸE" panose="020B0900000000000000" pitchFamily="50" charset="-128"/>
              <a:ea typeface="HGPｺﾞｼｯｸE" panose="020B0900000000000000" pitchFamily="50" charset="-128"/>
            </a:endParaRPr>
          </a:p>
        </p:txBody>
      </p:sp>
      <p:sp>
        <p:nvSpPr>
          <p:cNvPr id="3" name="四角形: 角を丸くする 2">
            <a:extLst>
              <a:ext uri="{FF2B5EF4-FFF2-40B4-BE49-F238E27FC236}">
                <a16:creationId xmlns:a16="http://schemas.microsoft.com/office/drawing/2014/main" id="{941DE1E5-4ED2-4854-218C-69D4232A2628}"/>
              </a:ext>
            </a:extLst>
          </p:cNvPr>
          <p:cNvSpPr/>
          <p:nvPr/>
        </p:nvSpPr>
        <p:spPr>
          <a:xfrm>
            <a:off x="118945" y="4164146"/>
            <a:ext cx="9658400" cy="2298795"/>
          </a:xfrm>
          <a:prstGeom prst="roundRect">
            <a:avLst/>
          </a:prstGeom>
          <a:noFill/>
          <a:ln w="19050">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テキスト ボックス 6">
            <a:extLst>
              <a:ext uri="{FF2B5EF4-FFF2-40B4-BE49-F238E27FC236}">
                <a16:creationId xmlns:a16="http://schemas.microsoft.com/office/drawing/2014/main" id="{A6125DC8-23C5-9C17-3FEA-CD68D81534BD}"/>
              </a:ext>
            </a:extLst>
          </p:cNvPr>
          <p:cNvSpPr txBox="1"/>
          <p:nvPr/>
        </p:nvSpPr>
        <p:spPr>
          <a:xfrm>
            <a:off x="225910" y="3964091"/>
            <a:ext cx="3227294" cy="400110"/>
          </a:xfrm>
          <a:prstGeom prst="rect">
            <a:avLst/>
          </a:prstGeom>
          <a:solidFill>
            <a:schemeClr val="bg1"/>
          </a:solidFill>
        </p:spPr>
        <p:txBody>
          <a:bodyPr wrap="square">
            <a:spAutoFit/>
          </a:bodyPr>
          <a:lstStyle/>
          <a:p>
            <a:r>
              <a:rPr lang="en-US" altLang="ja-JP" sz="2000" b="1" u="sng" dirty="0">
                <a:latin typeface="+mn-ea"/>
              </a:rPr>
              <a:t>【</a:t>
            </a:r>
            <a:r>
              <a:rPr lang="ja-JP" altLang="en-US" sz="2000" b="1" u="sng" dirty="0">
                <a:latin typeface="+mn-ea"/>
              </a:rPr>
              <a:t>市長に対する意見の具申</a:t>
            </a:r>
            <a:r>
              <a:rPr lang="en-US" altLang="ja-JP" sz="2000" b="1" u="sng" dirty="0">
                <a:latin typeface="+mn-ea"/>
              </a:rPr>
              <a:t>】</a:t>
            </a:r>
          </a:p>
        </p:txBody>
      </p:sp>
    </p:spTree>
    <p:extLst>
      <p:ext uri="{BB962C8B-B14F-4D97-AF65-F5344CB8AC3E}">
        <p14:creationId xmlns:p14="http://schemas.microsoft.com/office/powerpoint/2010/main" val="4217986096"/>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01E5BB85-F7AE-693E-7AF5-24306F626297}"/>
              </a:ext>
            </a:extLst>
          </p:cNvPr>
          <p:cNvSpPr>
            <a:spLocks noGrp="1"/>
          </p:cNvSpPr>
          <p:nvPr>
            <p:ph type="ctrTitle"/>
          </p:nvPr>
        </p:nvSpPr>
        <p:spPr>
          <a:xfrm>
            <a:off x="815340" y="1660736"/>
            <a:ext cx="8275320" cy="2275823"/>
          </a:xfrm>
        </p:spPr>
        <p:txBody>
          <a:bodyPr anchor="ctr">
            <a:normAutofit/>
          </a:bodyPr>
          <a:lstStyle/>
          <a:p>
            <a:pPr>
              <a:lnSpc>
                <a:spcPct val="100000"/>
              </a:lnSpc>
            </a:pPr>
            <a:r>
              <a:rPr lang="ja-JP" altLang="en-US" sz="3200" b="1" dirty="0">
                <a:latin typeface="+mn-ea"/>
                <a:ea typeface="+mn-ea"/>
              </a:rPr>
              <a:t>②　特記仕様書の見直しについて</a:t>
            </a:r>
            <a:endParaRPr lang="ja-JP" altLang="en-US" sz="2800" b="1" dirty="0">
              <a:latin typeface="+mn-ea"/>
              <a:ea typeface="+mn-ea"/>
            </a:endParaRPr>
          </a:p>
        </p:txBody>
      </p:sp>
      <p:sp>
        <p:nvSpPr>
          <p:cNvPr id="4" name="スライド番号プレースホルダー 3">
            <a:extLst>
              <a:ext uri="{FF2B5EF4-FFF2-40B4-BE49-F238E27FC236}">
                <a16:creationId xmlns:a16="http://schemas.microsoft.com/office/drawing/2014/main" id="{B7D9E987-737F-1AC1-765B-7F5893106147}"/>
              </a:ext>
            </a:extLst>
          </p:cNvPr>
          <p:cNvSpPr>
            <a:spLocks noGrp="1"/>
          </p:cNvSpPr>
          <p:nvPr>
            <p:ph type="sldNum" sz="quarter" idx="12"/>
          </p:nvPr>
        </p:nvSpPr>
        <p:spPr/>
        <p:txBody>
          <a:bodyPr/>
          <a:lstStyle/>
          <a:p>
            <a:pPr defTabSz="422041"/>
            <a:fld id="{36EC18DB-A5DF-4E0E-B815-FCD04A2C4B2C}" type="slidenum">
              <a:rPr lang="ja-JP" altLang="en-US">
                <a:solidFill>
                  <a:prstClr val="black"/>
                </a:solidFill>
                <a:latin typeface="Segoe UI"/>
                <a:ea typeface="Meiryo UI"/>
              </a:rPr>
              <a:pPr defTabSz="422041"/>
              <a:t>40</a:t>
            </a:fld>
            <a:endParaRPr lang="ja-JP" altLang="en-US">
              <a:solidFill>
                <a:prstClr val="black"/>
              </a:solidFill>
              <a:latin typeface="Segoe UI"/>
              <a:ea typeface="Meiryo UI"/>
            </a:endParaRPr>
          </a:p>
        </p:txBody>
      </p:sp>
    </p:spTree>
    <p:extLst>
      <p:ext uri="{BB962C8B-B14F-4D97-AF65-F5344CB8AC3E}">
        <p14:creationId xmlns:p14="http://schemas.microsoft.com/office/powerpoint/2010/main" val="363763910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CF0B7D60-5515-433C-2201-F6210F72FA1A}"/>
              </a:ext>
            </a:extLst>
          </p:cNvPr>
          <p:cNvSpPr>
            <a:spLocks noGrp="1"/>
          </p:cNvSpPr>
          <p:nvPr>
            <p:ph type="sldNum" sz="quarter" idx="12"/>
          </p:nvPr>
        </p:nvSpPr>
        <p:spPr/>
        <p:txBody>
          <a:bodyPr/>
          <a:lstStyle/>
          <a:p>
            <a:fld id="{36EC18DB-A5DF-4E0E-B815-FCD04A2C4B2C}" type="slidenum">
              <a:rPr kumimoji="1" lang="ja-JP" altLang="en-US" smtClean="0"/>
              <a:t>41</a:t>
            </a:fld>
            <a:endParaRPr kumimoji="1" lang="ja-JP" altLang="en-US"/>
          </a:p>
        </p:txBody>
      </p:sp>
      <p:sp>
        <p:nvSpPr>
          <p:cNvPr id="2" name="角丸四角形 17">
            <a:extLst>
              <a:ext uri="{FF2B5EF4-FFF2-40B4-BE49-F238E27FC236}">
                <a16:creationId xmlns:a16="http://schemas.microsoft.com/office/drawing/2014/main" id="{1431DD43-D463-2213-833C-9F9F29C42CC1}"/>
              </a:ext>
            </a:extLst>
          </p:cNvPr>
          <p:cNvSpPr/>
          <p:nvPr/>
        </p:nvSpPr>
        <p:spPr>
          <a:xfrm>
            <a:off x="17811" y="62333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②　特記仕様書の見直しについて（スライド条項の適用手法について）　</a:t>
            </a:r>
            <a:endParaRPr lang="en-US" altLang="ja-JP" sz="2275" u="sng" dirty="0">
              <a:solidFill>
                <a:schemeClr val="tx1"/>
              </a:solidFill>
              <a:latin typeface="HGPｺﾞｼｯｸE" panose="020B0900000000000000" pitchFamily="50" charset="-128"/>
              <a:ea typeface="HGPｺﾞｼｯｸE" panose="020B0900000000000000" pitchFamily="50" charset="-128"/>
            </a:endParaRPr>
          </a:p>
        </p:txBody>
      </p:sp>
      <p:sp>
        <p:nvSpPr>
          <p:cNvPr id="3" name="角丸四角形 17">
            <a:extLst>
              <a:ext uri="{FF2B5EF4-FFF2-40B4-BE49-F238E27FC236}">
                <a16:creationId xmlns:a16="http://schemas.microsoft.com/office/drawing/2014/main" id="{277E3577-5A93-FFB8-E185-774E038E4557}"/>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10" name="テキスト ボックス 9">
            <a:extLst>
              <a:ext uri="{FF2B5EF4-FFF2-40B4-BE49-F238E27FC236}">
                <a16:creationId xmlns:a16="http://schemas.microsoft.com/office/drawing/2014/main" id="{8A14AE9B-741D-A48B-CD4D-75CE3195C154}"/>
              </a:ext>
            </a:extLst>
          </p:cNvPr>
          <p:cNvSpPr txBox="1"/>
          <p:nvPr/>
        </p:nvSpPr>
        <p:spPr>
          <a:xfrm>
            <a:off x="0" y="1008310"/>
            <a:ext cx="2519054" cy="348813"/>
          </a:xfrm>
          <a:prstGeom prst="rect">
            <a:avLst/>
          </a:prstGeom>
          <a:noFill/>
        </p:spPr>
        <p:txBody>
          <a:bodyPr wrap="square" rtlCol="0">
            <a:spAutoFit/>
          </a:bodyPr>
          <a:lstStyle/>
          <a:p>
            <a:pPr lvl="0">
              <a:lnSpc>
                <a:spcPts val="2000"/>
              </a:lnSpc>
            </a:pP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契約書の記載</a:t>
            </a:r>
            <a:r>
              <a:rPr lang="en-US" altLang="ja-JP" dirty="0">
                <a:latin typeface="BIZ UDPゴシック" panose="020B0400000000000000" pitchFamily="50" charset="-128"/>
                <a:ea typeface="BIZ UDPゴシック" panose="020B0400000000000000" pitchFamily="50" charset="-128"/>
              </a:rPr>
              <a:t>】</a:t>
            </a:r>
          </a:p>
        </p:txBody>
      </p:sp>
      <p:sp>
        <p:nvSpPr>
          <p:cNvPr id="11" name="テキスト ボックス 10">
            <a:extLst>
              <a:ext uri="{FF2B5EF4-FFF2-40B4-BE49-F238E27FC236}">
                <a16:creationId xmlns:a16="http://schemas.microsoft.com/office/drawing/2014/main" id="{D8399BEA-9422-448F-535E-1028F5E68C48}"/>
              </a:ext>
            </a:extLst>
          </p:cNvPr>
          <p:cNvSpPr txBox="1"/>
          <p:nvPr/>
        </p:nvSpPr>
        <p:spPr>
          <a:xfrm>
            <a:off x="17811" y="3441714"/>
            <a:ext cx="3729974" cy="348813"/>
          </a:xfrm>
          <a:prstGeom prst="rect">
            <a:avLst/>
          </a:prstGeom>
          <a:noFill/>
        </p:spPr>
        <p:txBody>
          <a:bodyPr wrap="square" rtlCol="0">
            <a:spAutoFit/>
          </a:bodyPr>
          <a:lstStyle/>
          <a:p>
            <a:pPr lvl="0">
              <a:lnSpc>
                <a:spcPts val="2000"/>
              </a:lnSpc>
            </a:pP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技術者の人件費の推移</a:t>
            </a:r>
            <a:r>
              <a:rPr lang="en-US" altLang="ja-JP" dirty="0">
                <a:latin typeface="BIZ UDPゴシック" panose="020B0400000000000000" pitchFamily="50" charset="-128"/>
                <a:ea typeface="BIZ UDPゴシック" panose="020B0400000000000000" pitchFamily="50" charset="-128"/>
              </a:rPr>
              <a:t>】</a:t>
            </a:r>
          </a:p>
        </p:txBody>
      </p:sp>
      <p:grpSp>
        <p:nvGrpSpPr>
          <p:cNvPr id="15" name="グループ化 14">
            <a:extLst>
              <a:ext uri="{FF2B5EF4-FFF2-40B4-BE49-F238E27FC236}">
                <a16:creationId xmlns:a16="http://schemas.microsoft.com/office/drawing/2014/main" id="{19C3EB91-CC6B-F576-C940-089A7346CA1C}"/>
              </a:ext>
            </a:extLst>
          </p:cNvPr>
          <p:cNvGrpSpPr/>
          <p:nvPr/>
        </p:nvGrpSpPr>
        <p:grpSpPr>
          <a:xfrm>
            <a:off x="1162050" y="1762390"/>
            <a:ext cx="7416604" cy="1451628"/>
            <a:chOff x="114000" y="1768060"/>
            <a:chExt cx="5194159" cy="1016636"/>
          </a:xfrm>
        </p:grpSpPr>
        <p:pic>
          <p:nvPicPr>
            <p:cNvPr id="8" name="図 7">
              <a:extLst>
                <a:ext uri="{FF2B5EF4-FFF2-40B4-BE49-F238E27FC236}">
                  <a16:creationId xmlns:a16="http://schemas.microsoft.com/office/drawing/2014/main" id="{FED7AA00-C394-95BF-CCEF-604EDCEDF9AC}"/>
                </a:ext>
              </a:extLst>
            </p:cNvPr>
            <p:cNvPicPr>
              <a:picLocks noChangeAspect="1"/>
            </p:cNvPicPr>
            <p:nvPr/>
          </p:nvPicPr>
          <p:blipFill>
            <a:blip r:embed="rId3" cstate="screen">
              <a:extLst>
                <a:ext uri="{28A0092B-C50C-407E-A947-70E740481C1C}">
                  <a14:useLocalDpi xmlns:a14="http://schemas.microsoft.com/office/drawing/2010/main"/>
                </a:ext>
              </a:extLst>
            </a:blip>
            <a:srcRect/>
            <a:stretch/>
          </p:blipFill>
          <p:spPr>
            <a:xfrm>
              <a:off x="114000" y="1768060"/>
              <a:ext cx="5194159" cy="1016636"/>
            </a:xfrm>
            <a:prstGeom prst="rect">
              <a:avLst/>
            </a:prstGeom>
            <a:ln>
              <a:solidFill>
                <a:schemeClr val="tx1"/>
              </a:solidFill>
            </a:ln>
          </p:spPr>
        </p:pic>
        <p:cxnSp>
          <p:nvCxnSpPr>
            <p:cNvPr id="13" name="直線コネクタ 12">
              <a:extLst>
                <a:ext uri="{FF2B5EF4-FFF2-40B4-BE49-F238E27FC236}">
                  <a16:creationId xmlns:a16="http://schemas.microsoft.com/office/drawing/2014/main" id="{1CB20768-9886-37CE-CCA0-D07884CEB992}"/>
                </a:ext>
              </a:extLst>
            </p:cNvPr>
            <p:cNvCxnSpPr/>
            <p:nvPr/>
          </p:nvCxnSpPr>
          <p:spPr>
            <a:xfrm>
              <a:off x="3477492" y="2362200"/>
              <a:ext cx="1794164" cy="0"/>
            </a:xfrm>
            <a:prstGeom prst="line">
              <a:avLst/>
            </a:prstGeom>
            <a:ln w="1905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14" name="直線コネクタ 13">
              <a:extLst>
                <a:ext uri="{FF2B5EF4-FFF2-40B4-BE49-F238E27FC236}">
                  <a16:creationId xmlns:a16="http://schemas.microsoft.com/office/drawing/2014/main" id="{58A8C9EE-9A49-63B1-B194-A9668CA0C620}"/>
                </a:ext>
              </a:extLst>
            </p:cNvPr>
            <p:cNvCxnSpPr/>
            <p:nvPr/>
          </p:nvCxnSpPr>
          <p:spPr>
            <a:xfrm>
              <a:off x="526474" y="2583873"/>
              <a:ext cx="3564000" cy="0"/>
            </a:xfrm>
            <a:prstGeom prst="line">
              <a:avLst/>
            </a:prstGeom>
            <a:ln w="19050">
              <a:solidFill>
                <a:srgbClr val="FF0000"/>
              </a:solidFill>
            </a:ln>
          </p:spPr>
          <p:style>
            <a:lnRef idx="1">
              <a:schemeClr val="accent1"/>
            </a:lnRef>
            <a:fillRef idx="0">
              <a:schemeClr val="accent1"/>
            </a:fillRef>
            <a:effectRef idx="0">
              <a:schemeClr val="accent1"/>
            </a:effectRef>
            <a:fontRef idx="minor">
              <a:schemeClr val="tx1"/>
            </a:fontRef>
          </p:style>
        </p:cxnSp>
      </p:grpSp>
      <p:pic>
        <p:nvPicPr>
          <p:cNvPr id="18" name="図 17">
            <a:extLst>
              <a:ext uri="{FF2B5EF4-FFF2-40B4-BE49-F238E27FC236}">
                <a16:creationId xmlns:a16="http://schemas.microsoft.com/office/drawing/2014/main" id="{A8868B0F-8E66-2368-12A5-4054C5C81E5F}"/>
              </a:ext>
            </a:extLst>
          </p:cNvPr>
          <p:cNvPicPr>
            <a:picLocks noChangeAspect="1"/>
          </p:cNvPicPr>
          <p:nvPr/>
        </p:nvPicPr>
        <p:blipFill>
          <a:blip r:embed="rId4"/>
          <a:srcRect l="1217" t="1606" r="7235" b="3342"/>
          <a:stretch/>
        </p:blipFill>
        <p:spPr>
          <a:xfrm>
            <a:off x="771525" y="3790106"/>
            <a:ext cx="5063265" cy="3037959"/>
          </a:xfrm>
          <a:prstGeom prst="rect">
            <a:avLst/>
          </a:prstGeom>
        </p:spPr>
      </p:pic>
      <p:sp>
        <p:nvSpPr>
          <p:cNvPr id="19" name="テキスト ボックス 18">
            <a:extLst>
              <a:ext uri="{FF2B5EF4-FFF2-40B4-BE49-F238E27FC236}">
                <a16:creationId xmlns:a16="http://schemas.microsoft.com/office/drawing/2014/main" id="{4FA5CE72-0AD3-856D-F8E4-A411B6BE42C7}"/>
              </a:ext>
            </a:extLst>
          </p:cNvPr>
          <p:cNvSpPr txBox="1"/>
          <p:nvPr/>
        </p:nvSpPr>
        <p:spPr>
          <a:xfrm>
            <a:off x="5864912" y="5900046"/>
            <a:ext cx="4614170" cy="402546"/>
          </a:xfrm>
          <a:prstGeom prst="rect">
            <a:avLst/>
          </a:prstGeom>
          <a:noFill/>
        </p:spPr>
        <p:txBody>
          <a:bodyPr wrap="square" rtlCol="0">
            <a:spAutoFit/>
          </a:bodyPr>
          <a:lstStyle/>
          <a:p>
            <a:pPr>
              <a:lnSpc>
                <a:spcPts val="1300"/>
              </a:lnSpc>
            </a:pPr>
            <a:r>
              <a:rPr lang="ja-JP" altLang="en-US" sz="1000" dirty="0">
                <a:latin typeface="BIZ UDPゴシック" panose="020B0400000000000000" pitchFamily="50" charset="-128"/>
                <a:ea typeface="BIZ UDPゴシック" panose="020B0400000000000000" pitchFamily="50" charset="-128"/>
              </a:rPr>
              <a:t>電工・・・下水処理場・抽水所の運転管理にかかる積算で使用</a:t>
            </a:r>
            <a:endParaRPr lang="en-US" altLang="ja-JP" sz="1000" dirty="0">
              <a:latin typeface="BIZ UDPゴシック" panose="020B0400000000000000" pitchFamily="50" charset="-128"/>
              <a:ea typeface="BIZ UDPゴシック" panose="020B0400000000000000" pitchFamily="50" charset="-128"/>
            </a:endParaRPr>
          </a:p>
          <a:p>
            <a:pPr>
              <a:lnSpc>
                <a:spcPts val="1300"/>
              </a:lnSpc>
            </a:pPr>
            <a:r>
              <a:rPr lang="ja-JP" altLang="en-US" sz="1000" dirty="0">
                <a:latin typeface="BIZ UDPゴシック" panose="020B0400000000000000" pitchFamily="50" charset="-128"/>
                <a:ea typeface="BIZ UDPゴシック" panose="020B0400000000000000" pitchFamily="50" charset="-128"/>
              </a:rPr>
              <a:t>普通作業員、特殊作業員・・・管路施設の調査清掃にかかる積算で使用</a:t>
            </a:r>
            <a:endParaRPr lang="en-US" altLang="ja-JP" sz="1000" dirty="0">
              <a:latin typeface="BIZ UDPゴシック" panose="020B0400000000000000" pitchFamily="50" charset="-128"/>
              <a:ea typeface="BIZ UDPゴシック" panose="020B0400000000000000" pitchFamily="50" charset="-128"/>
            </a:endParaRPr>
          </a:p>
        </p:txBody>
      </p:sp>
      <p:sp>
        <p:nvSpPr>
          <p:cNvPr id="12" name="テキスト ボックス 11">
            <a:extLst>
              <a:ext uri="{FF2B5EF4-FFF2-40B4-BE49-F238E27FC236}">
                <a16:creationId xmlns:a16="http://schemas.microsoft.com/office/drawing/2014/main" id="{28665C37-A79A-3AD2-E235-FCBDDEE02F4D}"/>
              </a:ext>
            </a:extLst>
          </p:cNvPr>
          <p:cNvSpPr txBox="1"/>
          <p:nvPr/>
        </p:nvSpPr>
        <p:spPr>
          <a:xfrm>
            <a:off x="242865" y="1309588"/>
            <a:ext cx="9609375" cy="369332"/>
          </a:xfrm>
          <a:prstGeom prst="rect">
            <a:avLst/>
          </a:prstGeom>
          <a:noFill/>
        </p:spPr>
        <p:txBody>
          <a:bodyPr wrap="square" rtlCol="0">
            <a:spAutoFit/>
          </a:bodyPr>
          <a:lstStyle/>
          <a:p>
            <a:pPr marL="285750" lvl="0" indent="-285750">
              <a:buFont typeface="Wingdings" panose="05000000000000000000" pitchFamily="2" charset="2"/>
              <a:buChar char="ü"/>
            </a:pPr>
            <a:r>
              <a:rPr lang="en-US" altLang="ja-JP" dirty="0">
                <a:latin typeface="BIZ UDPゴシック" panose="020B0400000000000000" pitchFamily="50" charset="-128"/>
                <a:ea typeface="BIZ UDPゴシック" panose="020B0400000000000000" pitchFamily="50" charset="-128"/>
              </a:rPr>
              <a:t>CWO</a:t>
            </a:r>
            <a:r>
              <a:rPr lang="ja-JP" altLang="en-US" dirty="0">
                <a:latin typeface="BIZ UDPゴシック" panose="020B0400000000000000" pitchFamily="50" charset="-128"/>
                <a:ea typeface="BIZ UDPゴシック" panose="020B0400000000000000" pitchFamily="50" charset="-128"/>
              </a:rPr>
              <a:t>の直接人件費に対して、以下のとおり規定している。</a:t>
            </a:r>
            <a:endParaRPr lang="en-US" altLang="ja-JP" sz="1200" u="sng" dirty="0">
              <a:solidFill>
                <a:srgbClr val="FF0000"/>
              </a:solidFill>
              <a:latin typeface="BIZ UDPゴシック" panose="020B0400000000000000" pitchFamily="50" charset="-128"/>
              <a:ea typeface="BIZ UDPゴシック" panose="020B0400000000000000" pitchFamily="50" charset="-128"/>
            </a:endParaRPr>
          </a:p>
        </p:txBody>
      </p:sp>
      <p:sp>
        <p:nvSpPr>
          <p:cNvPr id="23" name="テキスト ボックス 22">
            <a:extLst>
              <a:ext uri="{FF2B5EF4-FFF2-40B4-BE49-F238E27FC236}">
                <a16:creationId xmlns:a16="http://schemas.microsoft.com/office/drawing/2014/main" id="{07E39C83-C0E6-FEBB-F5F5-5EBC8BB77B28}"/>
              </a:ext>
            </a:extLst>
          </p:cNvPr>
          <p:cNvSpPr txBox="1"/>
          <p:nvPr/>
        </p:nvSpPr>
        <p:spPr>
          <a:xfrm>
            <a:off x="5864912" y="4060924"/>
            <a:ext cx="3910034" cy="646331"/>
          </a:xfrm>
          <a:prstGeom prst="rect">
            <a:avLst/>
          </a:prstGeom>
          <a:noFill/>
        </p:spPr>
        <p:txBody>
          <a:bodyPr wrap="square" rtlCol="0">
            <a:spAutoFit/>
          </a:bodyPr>
          <a:lstStyle/>
          <a:p>
            <a:pPr marL="285750" lvl="0" indent="-285750">
              <a:buFont typeface="Wingdings" panose="05000000000000000000" pitchFamily="2" charset="2"/>
              <a:buChar char="ü"/>
            </a:pPr>
            <a:r>
              <a:rPr lang="ja-JP" altLang="en-US" dirty="0">
                <a:latin typeface="BIZ UDPゴシック" panose="020B0400000000000000" pitchFamily="50" charset="-128"/>
                <a:ea typeface="BIZ UDPゴシック" panose="020B0400000000000000" pitchFamily="50" charset="-128"/>
              </a:rPr>
              <a:t>本市職員給与の伸びと民間給与の伸びに乖離が生じている。</a:t>
            </a:r>
            <a:endParaRPr lang="en-US" altLang="ja-JP" sz="1200" u="sng" dirty="0">
              <a:solidFill>
                <a:srgbClr val="FF0000"/>
              </a:solidFill>
              <a:latin typeface="BIZ UDPゴシック" panose="020B0400000000000000" pitchFamily="50" charset="-128"/>
              <a:ea typeface="BIZ UDPゴシック" panose="020B0400000000000000" pitchFamily="50" charset="-128"/>
            </a:endParaRPr>
          </a:p>
        </p:txBody>
      </p:sp>
      <p:sp>
        <p:nvSpPr>
          <p:cNvPr id="24" name="テキスト ボックス 23">
            <a:extLst>
              <a:ext uri="{FF2B5EF4-FFF2-40B4-BE49-F238E27FC236}">
                <a16:creationId xmlns:a16="http://schemas.microsoft.com/office/drawing/2014/main" id="{F7E008DB-27F9-B718-C8EC-7835D06A67E7}"/>
              </a:ext>
            </a:extLst>
          </p:cNvPr>
          <p:cNvSpPr txBox="1"/>
          <p:nvPr/>
        </p:nvSpPr>
        <p:spPr>
          <a:xfrm>
            <a:off x="5864912" y="5280671"/>
            <a:ext cx="3910034" cy="523220"/>
          </a:xfrm>
          <a:prstGeom prst="rect">
            <a:avLst/>
          </a:prstGeom>
          <a:noFill/>
        </p:spPr>
        <p:txBody>
          <a:bodyPr wrap="square" rtlCol="0">
            <a:spAutoFit/>
          </a:bodyPr>
          <a:lstStyle/>
          <a:p>
            <a:r>
              <a:rPr lang="ja-JP" altLang="en-US" sz="1400" dirty="0">
                <a:latin typeface="BIZ UDPゴシック" panose="020B0400000000000000" pitchFamily="50" charset="-128"/>
                <a:ea typeface="BIZ UDPゴシック" panose="020B0400000000000000" pitchFamily="50" charset="-128"/>
              </a:rPr>
              <a:t>左図は、令和</a:t>
            </a:r>
            <a:r>
              <a:rPr lang="en-US" altLang="ja-JP" sz="1400" dirty="0">
                <a:latin typeface="BIZ UDPゴシック" panose="020B0400000000000000" pitchFamily="50" charset="-128"/>
                <a:ea typeface="BIZ UDPゴシック" panose="020B0400000000000000" pitchFamily="50" charset="-128"/>
              </a:rPr>
              <a:t>3</a:t>
            </a:r>
            <a:r>
              <a:rPr lang="ja-JP" altLang="en-US" sz="1400" dirty="0">
                <a:latin typeface="BIZ UDPゴシック" panose="020B0400000000000000" pitchFamily="50" charset="-128"/>
                <a:ea typeface="BIZ UDPゴシック" panose="020B0400000000000000" pitchFamily="50" charset="-128"/>
              </a:rPr>
              <a:t>年度の単価を基準にした賃金の上昇率を示す</a:t>
            </a:r>
            <a:endParaRPr lang="en-US" altLang="ja-JP" sz="14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984425470"/>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A25B628-3FEE-D432-0599-F28F1A24B966}"/>
            </a:ext>
          </a:extLst>
        </p:cNvPr>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556F4035-792E-EC9A-827B-4899419AAA69}"/>
              </a:ext>
            </a:extLst>
          </p:cNvPr>
          <p:cNvSpPr txBox="1"/>
          <p:nvPr/>
        </p:nvSpPr>
        <p:spPr>
          <a:xfrm>
            <a:off x="207646" y="5612938"/>
            <a:ext cx="9334575" cy="1200329"/>
          </a:xfrm>
          <a:prstGeom prst="rect">
            <a:avLst/>
          </a:prstGeom>
          <a:solidFill>
            <a:srgbClr val="00FFFF"/>
          </a:solidFill>
        </p:spPr>
        <p:txBody>
          <a:bodyPr wrap="square" rtlCol="0">
            <a:spAutoFit/>
          </a:bodyPr>
          <a:lstStyle/>
          <a:p>
            <a:r>
              <a:rPr lang="en-US" altLang="ja-JP" b="1" dirty="0">
                <a:latin typeface="+mn-ea"/>
              </a:rPr>
              <a:t>【</a:t>
            </a:r>
            <a:r>
              <a:rPr lang="ja-JP" altLang="en-US" b="1" dirty="0">
                <a:latin typeface="+mn-ea"/>
              </a:rPr>
              <a:t>今後の対応について</a:t>
            </a:r>
            <a:r>
              <a:rPr lang="en-US" altLang="ja-JP" b="1" dirty="0">
                <a:latin typeface="+mn-ea"/>
              </a:rPr>
              <a:t>】</a:t>
            </a:r>
          </a:p>
          <a:p>
            <a:r>
              <a:rPr lang="ja-JP" altLang="en-US" b="1" dirty="0">
                <a:latin typeface="+mn-ea"/>
              </a:rPr>
              <a:t>　　</a:t>
            </a:r>
            <a:r>
              <a:rPr lang="ja-JP" altLang="en-US" b="1" dirty="0">
                <a:solidFill>
                  <a:srgbClr val="FF0000"/>
                </a:solidFill>
                <a:latin typeface="+mn-ea"/>
              </a:rPr>
              <a:t>人事委員会勧告（改定率）適用の是非</a:t>
            </a:r>
            <a:r>
              <a:rPr lang="ja-JP" altLang="en-US" b="1" dirty="0">
                <a:latin typeface="+mn-ea"/>
              </a:rPr>
              <a:t>について、引き続き、検討を進めていく。</a:t>
            </a:r>
            <a:endParaRPr lang="en-US" altLang="ja-JP" b="1" dirty="0">
              <a:latin typeface="+mn-ea"/>
            </a:endParaRPr>
          </a:p>
          <a:p>
            <a:r>
              <a:rPr lang="en-US" altLang="ja-JP" b="1" dirty="0">
                <a:latin typeface="+mn-ea"/>
              </a:rPr>
              <a:t>※</a:t>
            </a:r>
            <a:r>
              <a:rPr lang="ja-JP" altLang="en-US" b="1" dirty="0">
                <a:latin typeface="+mn-ea"/>
              </a:rPr>
              <a:t>サービスレベルの向上（行政→民間）、効果額に対する影響　などを検証</a:t>
            </a:r>
            <a:endParaRPr lang="en-US" altLang="ja-JP" b="1" dirty="0">
              <a:latin typeface="+mn-ea"/>
            </a:endParaRPr>
          </a:p>
          <a:p>
            <a:r>
              <a:rPr lang="ja-JP" altLang="en-US" b="1" dirty="0">
                <a:latin typeface="+mn-ea"/>
              </a:rPr>
              <a:t>（プロポーザル方式により契約した他都市事例では、出前授業や地域貢献の提案等の事例有り）</a:t>
            </a:r>
            <a:endParaRPr lang="en-US" altLang="ja-JP" b="1" dirty="0">
              <a:latin typeface="+mn-ea"/>
            </a:endParaRPr>
          </a:p>
        </p:txBody>
      </p:sp>
      <p:sp>
        <p:nvSpPr>
          <p:cNvPr id="5" name="スライド番号プレースホルダー 4">
            <a:extLst>
              <a:ext uri="{FF2B5EF4-FFF2-40B4-BE49-F238E27FC236}">
                <a16:creationId xmlns:a16="http://schemas.microsoft.com/office/drawing/2014/main" id="{CF2EA278-2037-136E-5166-7862A41A729E}"/>
              </a:ext>
            </a:extLst>
          </p:cNvPr>
          <p:cNvSpPr>
            <a:spLocks noGrp="1"/>
          </p:cNvSpPr>
          <p:nvPr>
            <p:ph type="sldNum" sz="quarter" idx="12"/>
          </p:nvPr>
        </p:nvSpPr>
        <p:spPr/>
        <p:txBody>
          <a:bodyPr/>
          <a:lstStyle/>
          <a:p>
            <a:fld id="{36EC18DB-A5DF-4E0E-B815-FCD04A2C4B2C}" type="slidenum">
              <a:rPr kumimoji="1" lang="ja-JP" altLang="en-US" smtClean="0"/>
              <a:t>42</a:t>
            </a:fld>
            <a:endParaRPr kumimoji="1" lang="ja-JP" altLang="en-US"/>
          </a:p>
        </p:txBody>
      </p:sp>
      <p:sp>
        <p:nvSpPr>
          <p:cNvPr id="3" name="角丸四角形 17">
            <a:extLst>
              <a:ext uri="{FF2B5EF4-FFF2-40B4-BE49-F238E27FC236}">
                <a16:creationId xmlns:a16="http://schemas.microsoft.com/office/drawing/2014/main" id="{DA34DC46-40BD-BD8B-B4CA-FB2795E9A47F}"/>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17" name="テキスト ボックス 16">
            <a:extLst>
              <a:ext uri="{FF2B5EF4-FFF2-40B4-BE49-F238E27FC236}">
                <a16:creationId xmlns:a16="http://schemas.microsoft.com/office/drawing/2014/main" id="{F46026AA-1640-061A-CBC3-5625A225B974}"/>
              </a:ext>
            </a:extLst>
          </p:cNvPr>
          <p:cNvSpPr txBox="1"/>
          <p:nvPr/>
        </p:nvSpPr>
        <p:spPr>
          <a:xfrm>
            <a:off x="160021" y="938704"/>
            <a:ext cx="9792000" cy="4862485"/>
          </a:xfrm>
          <a:prstGeom prst="rect">
            <a:avLst/>
          </a:prstGeom>
          <a:noFill/>
        </p:spPr>
        <p:txBody>
          <a:bodyPr wrap="square" rtlCol="0">
            <a:spAutoFit/>
          </a:bodyPr>
          <a:lstStyle/>
          <a:p>
            <a:pPr>
              <a:lnSpc>
                <a:spcPct val="125000"/>
              </a:lnSpc>
            </a:pPr>
            <a:r>
              <a:rPr lang="en-US" altLang="ja-JP" b="1" dirty="0">
                <a:latin typeface="+mn-ea"/>
              </a:rPr>
              <a:t>【</a:t>
            </a:r>
            <a:r>
              <a:rPr lang="ja-JP" altLang="en-US" b="1" dirty="0">
                <a:latin typeface="+mn-ea"/>
              </a:rPr>
              <a:t>発注時の考え方（市の認識）</a:t>
            </a:r>
            <a:r>
              <a:rPr lang="en-US" altLang="ja-JP" b="1" dirty="0">
                <a:latin typeface="+mn-ea"/>
              </a:rPr>
              <a:t>】</a:t>
            </a:r>
          </a:p>
          <a:p>
            <a:pPr>
              <a:lnSpc>
                <a:spcPct val="125000"/>
              </a:lnSpc>
            </a:pPr>
            <a:r>
              <a:rPr lang="ja-JP" altLang="en-US" dirty="0">
                <a:latin typeface="+mj-ea"/>
              </a:rPr>
              <a:t>　　従前は、公務員が直営作業として実施していた業務であるため、</a:t>
            </a:r>
            <a:r>
              <a:rPr lang="ja-JP" altLang="en-US" b="1" u="sng" dirty="0">
                <a:latin typeface="+mj-ea"/>
              </a:rPr>
              <a:t> 「同一労働同一賃金」</a:t>
            </a:r>
            <a:r>
              <a:rPr lang="ja-JP" altLang="en-US" dirty="0">
                <a:latin typeface="+mj-ea"/>
              </a:rPr>
              <a:t>の考え方に</a:t>
            </a:r>
            <a:endParaRPr lang="en-US" altLang="ja-JP" dirty="0">
              <a:latin typeface="+mj-ea"/>
            </a:endParaRPr>
          </a:p>
          <a:p>
            <a:pPr>
              <a:lnSpc>
                <a:spcPct val="125000"/>
              </a:lnSpc>
            </a:pPr>
            <a:r>
              <a:rPr lang="ja-JP" altLang="en-US" dirty="0">
                <a:latin typeface="+mj-ea"/>
              </a:rPr>
              <a:t>　　基づき、</a:t>
            </a:r>
            <a:r>
              <a:rPr lang="ja-JP" altLang="en-US" b="1" u="sng" dirty="0">
                <a:latin typeface="+mj-ea"/>
              </a:rPr>
              <a:t>公務員給与の人事委員会勧告（改定率）を適用</a:t>
            </a:r>
            <a:endParaRPr lang="en-US" altLang="ja-JP" dirty="0">
              <a:latin typeface="+mj-ea"/>
            </a:endParaRPr>
          </a:p>
          <a:p>
            <a:pPr>
              <a:lnSpc>
                <a:spcPct val="50000"/>
              </a:lnSpc>
            </a:pPr>
            <a:endParaRPr lang="en-US" altLang="ja-JP" sz="1050" b="1" dirty="0">
              <a:latin typeface="+mn-ea"/>
            </a:endParaRPr>
          </a:p>
          <a:p>
            <a:pPr>
              <a:lnSpc>
                <a:spcPct val="125000"/>
              </a:lnSpc>
            </a:pPr>
            <a:r>
              <a:rPr lang="en-US" altLang="ja-JP" b="1" dirty="0">
                <a:latin typeface="+mn-ea"/>
              </a:rPr>
              <a:t>【</a:t>
            </a:r>
            <a:r>
              <a:rPr lang="ja-JP" altLang="en-US" b="1" dirty="0">
                <a:latin typeface="+mn-ea"/>
              </a:rPr>
              <a:t>これまでの経過</a:t>
            </a:r>
            <a:r>
              <a:rPr lang="en-US" altLang="ja-JP" b="1" dirty="0">
                <a:latin typeface="+mn-ea"/>
              </a:rPr>
              <a:t>】</a:t>
            </a:r>
          </a:p>
          <a:p>
            <a:pPr>
              <a:lnSpc>
                <a:spcPct val="125000"/>
              </a:lnSpc>
            </a:pPr>
            <a:r>
              <a:rPr lang="en-US" altLang="ja-JP" dirty="0">
                <a:latin typeface="+mn-ea"/>
              </a:rPr>
              <a:t>R4</a:t>
            </a:r>
            <a:r>
              <a:rPr lang="ja-JP" altLang="en-US" dirty="0">
                <a:latin typeface="+mn-ea"/>
              </a:rPr>
              <a:t>年度　受注者からの物価高騰によるスライド請求無し</a:t>
            </a:r>
            <a:endParaRPr lang="en-US" altLang="ja-JP" dirty="0">
              <a:latin typeface="+mn-ea"/>
            </a:endParaRPr>
          </a:p>
          <a:p>
            <a:pPr>
              <a:lnSpc>
                <a:spcPct val="125000"/>
              </a:lnSpc>
            </a:pPr>
            <a:r>
              <a:rPr lang="en-US" altLang="ja-JP" dirty="0">
                <a:latin typeface="+mn-ea"/>
              </a:rPr>
              <a:t>R5</a:t>
            </a:r>
            <a:r>
              <a:rPr lang="ja-JP" altLang="en-US" dirty="0">
                <a:latin typeface="+mn-ea"/>
              </a:rPr>
              <a:t>年度　</a:t>
            </a:r>
            <a:r>
              <a:rPr lang="en-US" altLang="ja-JP" dirty="0">
                <a:latin typeface="+mn-ea"/>
              </a:rPr>
              <a:t>10</a:t>
            </a:r>
            <a:r>
              <a:rPr lang="ja-JP" altLang="en-US" dirty="0">
                <a:latin typeface="+mn-ea"/>
              </a:rPr>
              <a:t>月にスライド請求有り　</a:t>
            </a:r>
            <a:r>
              <a:rPr lang="en-US" altLang="ja-JP" dirty="0">
                <a:latin typeface="+mn-ea"/>
              </a:rPr>
              <a:t>※4</a:t>
            </a:r>
            <a:r>
              <a:rPr lang="ja-JP" altLang="en-US" dirty="0">
                <a:latin typeface="+mn-ea"/>
              </a:rPr>
              <a:t>月時点の請求無し</a:t>
            </a:r>
            <a:endParaRPr lang="en-US" altLang="ja-JP" dirty="0">
              <a:latin typeface="+mn-ea"/>
            </a:endParaRPr>
          </a:p>
          <a:p>
            <a:pPr>
              <a:lnSpc>
                <a:spcPct val="125000"/>
              </a:lnSpc>
            </a:pPr>
            <a:r>
              <a:rPr lang="ja-JP" altLang="en-US" dirty="0">
                <a:latin typeface="+mn-ea"/>
              </a:rPr>
              <a:t>　　　　　　　　⇒　</a:t>
            </a:r>
            <a:r>
              <a:rPr lang="ja-JP" altLang="en-US" b="1" u="sng" dirty="0">
                <a:latin typeface="+mn-ea"/>
              </a:rPr>
              <a:t>一般的なスライド条項と同様</a:t>
            </a:r>
            <a:r>
              <a:rPr lang="ja-JP" altLang="en-US" dirty="0">
                <a:latin typeface="+mn-ea"/>
              </a:rPr>
              <a:t>の考え方に基づき対応（</a:t>
            </a:r>
            <a:r>
              <a:rPr lang="ja-JP" altLang="en-US" b="1" u="sng" dirty="0">
                <a:solidFill>
                  <a:srgbClr val="0000FF"/>
                </a:solidFill>
                <a:latin typeface="+mn-ea"/>
              </a:rPr>
              <a:t>１％控除あり、４月遡及なし</a:t>
            </a:r>
            <a:r>
              <a:rPr lang="ja-JP" altLang="en-US" dirty="0">
                <a:latin typeface="+mn-ea"/>
              </a:rPr>
              <a:t>）</a:t>
            </a:r>
            <a:endParaRPr lang="en-US" altLang="ja-JP" dirty="0">
              <a:latin typeface="+mn-ea"/>
            </a:endParaRPr>
          </a:p>
          <a:p>
            <a:pPr>
              <a:lnSpc>
                <a:spcPct val="125000"/>
              </a:lnSpc>
            </a:pPr>
            <a:r>
              <a:rPr lang="en-US" altLang="ja-JP" dirty="0">
                <a:latin typeface="+mn-ea"/>
              </a:rPr>
              <a:t>R6</a:t>
            </a:r>
            <a:r>
              <a:rPr lang="ja-JP" altLang="en-US" dirty="0">
                <a:latin typeface="+mn-ea"/>
              </a:rPr>
              <a:t>年度　包括委託における人件費の考え方について整理</a:t>
            </a:r>
            <a:endParaRPr lang="en-US" altLang="ja-JP" dirty="0">
              <a:latin typeface="+mn-ea"/>
            </a:endParaRPr>
          </a:p>
          <a:p>
            <a:pPr>
              <a:lnSpc>
                <a:spcPct val="125000"/>
              </a:lnSpc>
            </a:pPr>
            <a:r>
              <a:rPr lang="ja-JP" altLang="en-US" dirty="0">
                <a:latin typeface="+mn-ea"/>
              </a:rPr>
              <a:t>　　　　　　一般的なスライド条項を適用するのではなく、</a:t>
            </a:r>
            <a:r>
              <a:rPr lang="ja-JP" altLang="en-US" u="sng" dirty="0">
                <a:latin typeface="+mn-ea"/>
              </a:rPr>
              <a:t>公務員給与と同じように取り扱うものとする</a:t>
            </a:r>
            <a:endParaRPr lang="en-US" altLang="ja-JP" u="sng" dirty="0">
              <a:latin typeface="+mn-ea"/>
            </a:endParaRPr>
          </a:p>
          <a:p>
            <a:pPr>
              <a:lnSpc>
                <a:spcPct val="125000"/>
              </a:lnSpc>
            </a:pPr>
            <a:r>
              <a:rPr lang="ja-JP" altLang="en-US" dirty="0">
                <a:latin typeface="+mn-ea"/>
              </a:rPr>
              <a:t>　　　　　　　　⇒　</a:t>
            </a:r>
            <a:r>
              <a:rPr lang="ja-JP" altLang="en-US" b="1" u="sng" dirty="0">
                <a:latin typeface="+mn-ea"/>
              </a:rPr>
              <a:t>公務員給与の改定と同様</a:t>
            </a:r>
            <a:r>
              <a:rPr lang="ja-JP" altLang="en-US" dirty="0">
                <a:latin typeface="+mn-ea"/>
              </a:rPr>
              <a:t>の考え方に基づき対応（</a:t>
            </a:r>
            <a:r>
              <a:rPr lang="ja-JP" altLang="en-US" b="1" u="sng" dirty="0">
                <a:solidFill>
                  <a:srgbClr val="FF0000"/>
                </a:solidFill>
                <a:latin typeface="+mn-ea"/>
              </a:rPr>
              <a:t>１％控除なし、</a:t>
            </a:r>
            <a:r>
              <a:rPr lang="en-US" altLang="ja-JP" b="1" u="sng" dirty="0">
                <a:solidFill>
                  <a:srgbClr val="FF0000"/>
                </a:solidFill>
                <a:latin typeface="+mn-ea"/>
              </a:rPr>
              <a:t>4</a:t>
            </a:r>
            <a:r>
              <a:rPr lang="ja-JP" altLang="en-US" b="1" u="sng" dirty="0">
                <a:solidFill>
                  <a:srgbClr val="FF0000"/>
                </a:solidFill>
                <a:latin typeface="+mn-ea"/>
              </a:rPr>
              <a:t>月遡及あり</a:t>
            </a:r>
            <a:r>
              <a:rPr lang="ja-JP" altLang="en-US" dirty="0">
                <a:latin typeface="+mn-ea"/>
              </a:rPr>
              <a:t>）</a:t>
            </a:r>
            <a:endParaRPr lang="en-US" altLang="ja-JP" dirty="0">
              <a:latin typeface="+mn-ea"/>
            </a:endParaRPr>
          </a:p>
          <a:p>
            <a:pPr>
              <a:lnSpc>
                <a:spcPct val="50000"/>
              </a:lnSpc>
            </a:pPr>
            <a:endParaRPr lang="en-US" altLang="ja-JP" sz="1400" dirty="0">
              <a:latin typeface="+mn-ea"/>
            </a:endParaRPr>
          </a:p>
          <a:p>
            <a:pPr>
              <a:lnSpc>
                <a:spcPct val="125000"/>
              </a:lnSpc>
            </a:pPr>
            <a:r>
              <a:rPr lang="en-US" altLang="ja-JP" b="1" dirty="0">
                <a:latin typeface="+mn-ea"/>
              </a:rPr>
              <a:t>【CWO</a:t>
            </a:r>
            <a:r>
              <a:rPr lang="ja-JP" altLang="en-US" b="1" dirty="0">
                <a:latin typeface="+mn-ea"/>
              </a:rPr>
              <a:t>の課題認識</a:t>
            </a:r>
            <a:r>
              <a:rPr lang="en-US" altLang="ja-JP" b="1" dirty="0">
                <a:latin typeface="+mn-ea"/>
              </a:rPr>
              <a:t>】</a:t>
            </a:r>
          </a:p>
          <a:p>
            <a:pPr>
              <a:lnSpc>
                <a:spcPct val="125000"/>
              </a:lnSpc>
            </a:pPr>
            <a:r>
              <a:rPr lang="ja-JP" altLang="en-US" dirty="0">
                <a:latin typeface="+mj-ea"/>
              </a:rPr>
              <a:t>　　　民間事業者として業務を高度化し、非効率な運営の是正を図るにあたり、</a:t>
            </a:r>
            <a:r>
              <a:rPr lang="ja-JP" altLang="en-US" b="1" u="sng" dirty="0">
                <a:latin typeface="+mj-ea"/>
              </a:rPr>
              <a:t>公務員給与の人事</a:t>
            </a:r>
            <a:endParaRPr lang="en-US" altLang="ja-JP" b="1" u="sng" dirty="0">
              <a:latin typeface="+mj-ea"/>
            </a:endParaRPr>
          </a:p>
          <a:p>
            <a:pPr>
              <a:lnSpc>
                <a:spcPct val="125000"/>
              </a:lnSpc>
            </a:pPr>
            <a:r>
              <a:rPr lang="ja-JP" altLang="en-US" b="1" dirty="0">
                <a:latin typeface="+mj-ea"/>
              </a:rPr>
              <a:t>　　　</a:t>
            </a:r>
            <a:r>
              <a:rPr lang="ja-JP" altLang="en-US" b="1" u="sng" dirty="0">
                <a:latin typeface="+mj-ea"/>
              </a:rPr>
              <a:t>委員会勧告の適用は今後の</a:t>
            </a:r>
            <a:r>
              <a:rPr lang="en-US" altLang="ja-JP" b="1" u="sng" dirty="0">
                <a:latin typeface="+mj-ea"/>
              </a:rPr>
              <a:t>CWO</a:t>
            </a:r>
            <a:r>
              <a:rPr lang="ja-JP" altLang="en-US" b="1" u="sng" dirty="0">
                <a:latin typeface="+mj-ea"/>
              </a:rPr>
              <a:t>の業務体制や給与制度等の見直しに支障となる恐れがある</a:t>
            </a:r>
            <a:endParaRPr lang="en-US" altLang="ja-JP" b="1" u="sng" dirty="0">
              <a:latin typeface="+mj-ea"/>
            </a:endParaRPr>
          </a:p>
        </p:txBody>
      </p:sp>
      <p:sp>
        <p:nvSpPr>
          <p:cNvPr id="12" name="角丸四角形 17">
            <a:extLst>
              <a:ext uri="{FF2B5EF4-FFF2-40B4-BE49-F238E27FC236}">
                <a16:creationId xmlns:a16="http://schemas.microsoft.com/office/drawing/2014/main" id="{1BDEFC78-65CE-2250-7B2B-E2C77FF11CFE}"/>
              </a:ext>
            </a:extLst>
          </p:cNvPr>
          <p:cNvSpPr/>
          <p:nvPr/>
        </p:nvSpPr>
        <p:spPr>
          <a:xfrm>
            <a:off x="17811" y="62333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②　特記仕様書の見直しについて（スライド条項の適用手法について）　</a:t>
            </a:r>
            <a:endParaRPr lang="en-US" altLang="ja-JP" sz="2275" u="sng"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2323335421"/>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CBB6071-0726-4BDC-4172-579C8FBA3330}"/>
            </a:ext>
          </a:extLst>
        </p:cNvPr>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C6155EE5-EA0E-13EC-F3AF-57A4F3189F4E}"/>
              </a:ext>
            </a:extLst>
          </p:cNvPr>
          <p:cNvSpPr txBox="1"/>
          <p:nvPr/>
        </p:nvSpPr>
        <p:spPr>
          <a:xfrm>
            <a:off x="217986" y="5597409"/>
            <a:ext cx="9497514" cy="1090298"/>
          </a:xfrm>
          <a:prstGeom prst="rect">
            <a:avLst/>
          </a:prstGeom>
          <a:solidFill>
            <a:srgbClr val="00FFFF"/>
          </a:solidFill>
        </p:spPr>
        <p:txBody>
          <a:bodyPr wrap="square" rtlCol="0">
            <a:spAutoFit/>
          </a:bodyPr>
          <a:lstStyle/>
          <a:p>
            <a:pPr>
              <a:lnSpc>
                <a:spcPct val="125000"/>
              </a:lnSpc>
            </a:pPr>
            <a:r>
              <a:rPr lang="en-US" altLang="ja-JP" b="1" dirty="0">
                <a:latin typeface="+mj-ea"/>
              </a:rPr>
              <a:t>【</a:t>
            </a:r>
            <a:r>
              <a:rPr lang="ja-JP" altLang="en-US" b="1" dirty="0">
                <a:latin typeface="+mj-ea"/>
              </a:rPr>
              <a:t>今後の対応について</a:t>
            </a:r>
            <a:r>
              <a:rPr lang="en-US" altLang="ja-JP" b="1" dirty="0">
                <a:latin typeface="+mj-ea"/>
              </a:rPr>
              <a:t>】</a:t>
            </a:r>
          </a:p>
          <a:p>
            <a:pPr>
              <a:lnSpc>
                <a:spcPct val="125000"/>
              </a:lnSpc>
            </a:pPr>
            <a:r>
              <a:rPr lang="ja-JP" altLang="en-US" b="1" dirty="0">
                <a:latin typeface="+mj-ea"/>
              </a:rPr>
              <a:t>　　</a:t>
            </a:r>
            <a:r>
              <a:rPr lang="ja-JP" altLang="en-US" b="1" dirty="0">
                <a:solidFill>
                  <a:prstClr val="black"/>
                </a:solidFill>
                <a:latin typeface="Meiryo UI" panose="020B0604030504040204" pitchFamily="50" charset="-128"/>
                <a:ea typeface="Meiryo UI" panose="020B0604030504040204" pitchFamily="50" charset="-128"/>
              </a:rPr>
              <a:t>　包括的委託の効果を最大限発揮するための</a:t>
            </a:r>
            <a:r>
              <a:rPr lang="ja-JP" altLang="en-US" b="1" dirty="0">
                <a:solidFill>
                  <a:srgbClr val="FF0000"/>
                </a:solidFill>
                <a:latin typeface="Meiryo UI" panose="020B0604030504040204" pitchFamily="50" charset="-128"/>
                <a:ea typeface="Meiryo UI" panose="020B0604030504040204" pitchFamily="50" charset="-128"/>
              </a:rPr>
              <a:t>インセンティブのあり方</a:t>
            </a:r>
            <a:r>
              <a:rPr lang="ja-JP" altLang="en-US" b="1" dirty="0">
                <a:latin typeface="Meiryo UI" panose="020B0604030504040204" pitchFamily="50" charset="-128"/>
                <a:ea typeface="Meiryo UI" panose="020B0604030504040204" pitchFamily="50" charset="-128"/>
              </a:rPr>
              <a:t>について検討</a:t>
            </a:r>
            <a:r>
              <a:rPr lang="ja-JP" altLang="en-US" b="1" dirty="0">
                <a:latin typeface="+mj-ea"/>
                <a:ea typeface="Meiryo UI" panose="020B0604030504040204" pitchFamily="50" charset="-128"/>
              </a:rPr>
              <a:t>を進めていく。</a:t>
            </a:r>
            <a:endParaRPr lang="en-US" altLang="ja-JP" b="1" dirty="0">
              <a:latin typeface="+mj-ea"/>
              <a:ea typeface="Meiryo UI" panose="020B0604030504040204" pitchFamily="50" charset="-128"/>
            </a:endParaRPr>
          </a:p>
          <a:p>
            <a:pPr>
              <a:lnSpc>
                <a:spcPct val="125000"/>
              </a:lnSpc>
            </a:pPr>
            <a:r>
              <a:rPr lang="ja-JP" altLang="en-US" b="1" dirty="0">
                <a:latin typeface="+mj-ea"/>
                <a:ea typeface="Meiryo UI" panose="020B0604030504040204" pitchFamily="50" charset="-128"/>
              </a:rPr>
              <a:t>　　　　　　　　　</a:t>
            </a:r>
            <a:r>
              <a:rPr lang="en-US" altLang="ja-JP" b="1" dirty="0">
                <a:latin typeface="+mj-ea"/>
                <a:ea typeface="Meiryo UI" panose="020B0604030504040204" pitchFamily="50" charset="-128"/>
              </a:rPr>
              <a:t>※</a:t>
            </a:r>
            <a:r>
              <a:rPr lang="ja-JP" altLang="en-US" b="1" dirty="0">
                <a:latin typeface="+mj-ea"/>
                <a:ea typeface="Meiryo UI" panose="020B0604030504040204" pitchFamily="50" charset="-128"/>
              </a:rPr>
              <a:t>ユーティリティ費の削減、第三者事故の削減などに対する付与を想定</a:t>
            </a:r>
            <a:endParaRPr lang="en-US" altLang="ja-JP" b="1" dirty="0">
              <a:latin typeface="Meiryo UI" panose="020B0604030504040204" pitchFamily="50" charset="-128"/>
              <a:ea typeface="Meiryo UI" panose="020B0604030504040204" pitchFamily="50" charset="-128"/>
            </a:endParaRPr>
          </a:p>
        </p:txBody>
      </p:sp>
      <p:sp>
        <p:nvSpPr>
          <p:cNvPr id="5" name="スライド番号プレースホルダー 4">
            <a:extLst>
              <a:ext uri="{FF2B5EF4-FFF2-40B4-BE49-F238E27FC236}">
                <a16:creationId xmlns:a16="http://schemas.microsoft.com/office/drawing/2014/main" id="{46B40168-1FCB-E3AF-CDCE-235562B1B6CC}"/>
              </a:ext>
            </a:extLst>
          </p:cNvPr>
          <p:cNvSpPr>
            <a:spLocks noGrp="1"/>
          </p:cNvSpPr>
          <p:nvPr>
            <p:ph type="sldNum" sz="quarter" idx="12"/>
          </p:nvPr>
        </p:nvSpPr>
        <p:spPr/>
        <p:txBody>
          <a:bodyPr/>
          <a:lstStyle/>
          <a:p>
            <a:fld id="{36EC18DB-A5DF-4E0E-B815-FCD04A2C4B2C}" type="slidenum">
              <a:rPr kumimoji="1" lang="ja-JP" altLang="en-US" smtClean="0"/>
              <a:t>43</a:t>
            </a:fld>
            <a:endParaRPr kumimoji="1" lang="ja-JP" altLang="en-US" dirty="0"/>
          </a:p>
        </p:txBody>
      </p:sp>
      <p:sp>
        <p:nvSpPr>
          <p:cNvPr id="64" name="角丸四角形 17">
            <a:extLst>
              <a:ext uri="{FF2B5EF4-FFF2-40B4-BE49-F238E27FC236}">
                <a16:creationId xmlns:a16="http://schemas.microsoft.com/office/drawing/2014/main" id="{50595C2D-8023-7896-23AA-C59853144BD6}"/>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4" name="角丸四角形 17">
            <a:extLst>
              <a:ext uri="{FF2B5EF4-FFF2-40B4-BE49-F238E27FC236}">
                <a16:creationId xmlns:a16="http://schemas.microsoft.com/office/drawing/2014/main" id="{DD60A91F-457C-5561-B666-8EDD9B5A713F}"/>
              </a:ext>
            </a:extLst>
          </p:cNvPr>
          <p:cNvSpPr/>
          <p:nvPr/>
        </p:nvSpPr>
        <p:spPr>
          <a:xfrm>
            <a:off x="17811" y="62333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②　特記仕様書の見直しについて（インセンティブについて）　</a:t>
            </a:r>
            <a:endParaRPr lang="en-US" altLang="ja-JP" sz="2275" u="sng" dirty="0">
              <a:solidFill>
                <a:schemeClr val="tx1"/>
              </a:solidFill>
              <a:latin typeface="HGPｺﾞｼｯｸE" panose="020B0900000000000000" pitchFamily="50" charset="-128"/>
              <a:ea typeface="HGPｺﾞｼｯｸE" panose="020B0900000000000000" pitchFamily="50" charset="-128"/>
            </a:endParaRPr>
          </a:p>
        </p:txBody>
      </p:sp>
      <p:sp>
        <p:nvSpPr>
          <p:cNvPr id="6" name="テキスト ボックス 5">
            <a:extLst>
              <a:ext uri="{FF2B5EF4-FFF2-40B4-BE49-F238E27FC236}">
                <a16:creationId xmlns:a16="http://schemas.microsoft.com/office/drawing/2014/main" id="{647C9127-A4C3-B972-89F0-CA887095E573}"/>
              </a:ext>
            </a:extLst>
          </p:cNvPr>
          <p:cNvSpPr txBox="1"/>
          <p:nvPr/>
        </p:nvSpPr>
        <p:spPr>
          <a:xfrm>
            <a:off x="96189" y="974760"/>
            <a:ext cx="9792000" cy="4575868"/>
          </a:xfrm>
          <a:prstGeom prst="rect">
            <a:avLst/>
          </a:prstGeom>
          <a:noFill/>
        </p:spPr>
        <p:txBody>
          <a:bodyPr wrap="square" rtlCol="0">
            <a:spAutoFit/>
          </a:bodyPr>
          <a:lstStyle/>
          <a:p>
            <a:pPr>
              <a:lnSpc>
                <a:spcPct val="125000"/>
              </a:lnSpc>
            </a:pPr>
            <a:r>
              <a:rPr lang="en-US" altLang="ja-JP" b="1" dirty="0">
                <a:latin typeface="+mj-ea"/>
              </a:rPr>
              <a:t>【</a:t>
            </a:r>
            <a:r>
              <a:rPr lang="ja-JP" altLang="en-US" b="1" dirty="0">
                <a:latin typeface="+mj-ea"/>
              </a:rPr>
              <a:t>発注時の考え方</a:t>
            </a:r>
            <a:r>
              <a:rPr lang="en-US" altLang="ja-JP" b="1" dirty="0">
                <a:latin typeface="+mj-ea"/>
              </a:rPr>
              <a:t>】</a:t>
            </a:r>
          </a:p>
          <a:p>
            <a:r>
              <a:rPr lang="ja-JP" altLang="en-US" dirty="0">
                <a:solidFill>
                  <a:prstClr val="black"/>
                </a:solidFill>
                <a:latin typeface="Meiryo UI" panose="020B0604030504040204" pitchFamily="50" charset="-128"/>
                <a:ea typeface="Meiryo UI" panose="020B0604030504040204" pitchFamily="50" charset="-128"/>
              </a:rPr>
              <a:t>・本市の下水道施設の維持管理については、</a:t>
            </a:r>
            <a:r>
              <a:rPr lang="ja-JP" altLang="en-US" dirty="0">
                <a:latin typeface="Meiryo UI" panose="020B0604030504040204" pitchFamily="50" charset="-128"/>
                <a:ea typeface="Meiryo UI" panose="020B0604030504040204" pitchFamily="50" charset="-128"/>
              </a:rPr>
              <a:t>性能発注により包括的に委託して</a:t>
            </a:r>
            <a:r>
              <a:rPr lang="ja-JP" altLang="en-US" dirty="0">
                <a:solidFill>
                  <a:prstClr val="black"/>
                </a:solidFill>
                <a:latin typeface="Meiryo UI" panose="020B0604030504040204" pitchFamily="50" charset="-128"/>
                <a:ea typeface="Meiryo UI" panose="020B0604030504040204" pitchFamily="50" charset="-128"/>
              </a:rPr>
              <a:t>いる。</a:t>
            </a:r>
            <a:endParaRPr lang="en-US" altLang="ja-JP" dirty="0">
              <a:solidFill>
                <a:prstClr val="black"/>
              </a:solidFill>
              <a:latin typeface="Meiryo UI" panose="020B0604030504040204" pitchFamily="50" charset="-128"/>
              <a:ea typeface="Meiryo UI" panose="020B0604030504040204" pitchFamily="50" charset="-128"/>
            </a:endParaRPr>
          </a:p>
          <a:p>
            <a:endParaRPr lang="en-US" altLang="ja-JP" sz="500" dirty="0">
              <a:solidFill>
                <a:prstClr val="black"/>
              </a:solidFill>
              <a:latin typeface="Meiryo UI" panose="020B0604030504040204" pitchFamily="50" charset="-128"/>
              <a:ea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rPr>
              <a:t>・受注者の過失や重過失によって要求水準に達しない事項や一般規定に抵触する事項が発生した場合、</a:t>
            </a:r>
            <a:endParaRPr lang="en-US" altLang="ja-JP" dirty="0">
              <a:solidFill>
                <a:prstClr val="black"/>
              </a:solidFill>
              <a:latin typeface="Meiryo UI" panose="020B0604030504040204" pitchFamily="50" charset="-128"/>
              <a:ea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rPr>
              <a:t>　「業務委託料の減額」「違約金相当額の支払い」「是正措置」などの</a:t>
            </a:r>
            <a:r>
              <a:rPr lang="ja-JP" altLang="en-US" b="1" dirty="0">
                <a:solidFill>
                  <a:srgbClr val="FF0000"/>
                </a:solidFill>
                <a:latin typeface="Meiryo UI" panose="020B0604030504040204" pitchFamily="50" charset="-128"/>
                <a:ea typeface="Meiryo UI" panose="020B0604030504040204" pitchFamily="50" charset="-128"/>
              </a:rPr>
              <a:t>ペナルティを規定</a:t>
            </a:r>
            <a:r>
              <a:rPr lang="ja-JP" altLang="en-US" dirty="0">
                <a:solidFill>
                  <a:prstClr val="black"/>
                </a:solidFill>
                <a:latin typeface="Meiryo UI" panose="020B0604030504040204" pitchFamily="50" charset="-128"/>
                <a:ea typeface="Meiryo UI" panose="020B0604030504040204" pitchFamily="50" charset="-128"/>
              </a:rPr>
              <a:t>している。</a:t>
            </a:r>
            <a:endParaRPr lang="en-US" altLang="ja-JP" dirty="0">
              <a:solidFill>
                <a:prstClr val="black"/>
              </a:solidFill>
              <a:latin typeface="Meiryo UI" panose="020B0604030504040204" pitchFamily="50" charset="-128"/>
              <a:ea typeface="Meiryo UI" panose="020B0604030504040204" pitchFamily="50" charset="-128"/>
            </a:endParaRPr>
          </a:p>
          <a:p>
            <a:endParaRPr lang="en-US" altLang="ja-JP" sz="500" dirty="0">
              <a:solidFill>
                <a:prstClr val="black"/>
              </a:solidFill>
              <a:latin typeface="Meiryo UI" panose="020B0604030504040204" pitchFamily="50" charset="-128"/>
              <a:ea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rPr>
              <a:t>・一方、契約上「</a:t>
            </a:r>
            <a:r>
              <a:rPr lang="en-US" altLang="ja-JP" dirty="0">
                <a:solidFill>
                  <a:prstClr val="black"/>
                </a:solidFill>
                <a:latin typeface="Meiryo UI" panose="020B0604030504040204" pitchFamily="50" charset="-128"/>
                <a:ea typeface="Meiryo UI" panose="020B0604030504040204" pitchFamily="50" charset="-128"/>
              </a:rPr>
              <a:t>VE(</a:t>
            </a:r>
            <a:r>
              <a:rPr lang="ja-JP" altLang="en-US" dirty="0">
                <a:solidFill>
                  <a:prstClr val="black"/>
                </a:solidFill>
                <a:latin typeface="Meiryo UI" panose="020B0604030504040204" pitchFamily="50" charset="-128"/>
                <a:ea typeface="Meiryo UI" panose="020B0604030504040204" pitchFamily="50" charset="-128"/>
              </a:rPr>
              <a:t>バリューエンジニアリング</a:t>
            </a:r>
            <a:r>
              <a:rPr lang="en-US" altLang="ja-JP" dirty="0">
                <a:solidFill>
                  <a:prstClr val="black"/>
                </a:solidFill>
                <a:latin typeface="Meiryo UI" panose="020B0604030504040204" pitchFamily="50" charset="-128"/>
                <a:ea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rPr>
              <a:t>」を規定しているが、受注者の</a:t>
            </a:r>
            <a:r>
              <a:rPr lang="ja-JP" altLang="en-US" b="1" dirty="0">
                <a:solidFill>
                  <a:srgbClr val="FF0000"/>
                </a:solidFill>
                <a:latin typeface="Meiryo UI" panose="020B0604030504040204" pitchFamily="50" charset="-128"/>
                <a:ea typeface="Meiryo UI" panose="020B0604030504040204" pitchFamily="50" charset="-128"/>
              </a:rPr>
              <a:t>業務成果へのインセンティブは　</a:t>
            </a:r>
            <a:endParaRPr lang="en-US" altLang="ja-JP" b="1" dirty="0">
              <a:solidFill>
                <a:srgbClr val="FF0000"/>
              </a:solidFill>
              <a:latin typeface="Meiryo UI" panose="020B0604030504040204" pitchFamily="50" charset="-128"/>
              <a:ea typeface="Meiryo UI" panose="020B0604030504040204" pitchFamily="50" charset="-128"/>
            </a:endParaRPr>
          </a:p>
          <a:p>
            <a:r>
              <a:rPr lang="ja-JP" altLang="en-US" b="1" dirty="0">
                <a:solidFill>
                  <a:srgbClr val="FF0000"/>
                </a:solidFill>
                <a:latin typeface="Meiryo UI" panose="020B0604030504040204" pitchFamily="50" charset="-128"/>
                <a:ea typeface="Meiryo UI" panose="020B0604030504040204" pitchFamily="50" charset="-128"/>
              </a:rPr>
              <a:t>　規定していない</a:t>
            </a:r>
            <a:r>
              <a:rPr lang="ja-JP" altLang="en-US" dirty="0">
                <a:solidFill>
                  <a:prstClr val="black"/>
                </a:solidFill>
                <a:latin typeface="Meiryo UI" panose="020B0604030504040204" pitchFamily="50" charset="-128"/>
                <a:ea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endParaRPr>
          </a:p>
          <a:p>
            <a:endParaRPr lang="en-US" altLang="ja-JP" sz="1200" dirty="0">
              <a:solidFill>
                <a:prstClr val="black"/>
              </a:solidFill>
              <a:latin typeface="Meiryo UI" panose="020B0604030504040204" pitchFamily="50" charset="-128"/>
              <a:ea typeface="Meiryo UI" panose="020B0604030504040204" pitchFamily="50" charset="-128"/>
            </a:endParaRPr>
          </a:p>
          <a:p>
            <a:r>
              <a:rPr lang="en-US" altLang="ja-JP" b="1" dirty="0">
                <a:solidFill>
                  <a:prstClr val="black"/>
                </a:solidFill>
                <a:latin typeface="Meiryo UI" panose="020B0604030504040204" pitchFamily="50" charset="-128"/>
                <a:ea typeface="Meiryo UI" panose="020B0604030504040204" pitchFamily="50" charset="-128"/>
              </a:rPr>
              <a:t>【</a:t>
            </a:r>
            <a:r>
              <a:rPr lang="ja-JP" altLang="en-US" b="1" dirty="0">
                <a:latin typeface="+mn-ea"/>
              </a:rPr>
              <a:t>市の</a:t>
            </a:r>
            <a:r>
              <a:rPr lang="ja-JP" altLang="en-US" b="1" dirty="0">
                <a:solidFill>
                  <a:prstClr val="black"/>
                </a:solidFill>
                <a:latin typeface="Meiryo UI" panose="020B0604030504040204" pitchFamily="50" charset="-128"/>
                <a:ea typeface="Meiryo UI" panose="020B0604030504040204" pitchFamily="50" charset="-128"/>
              </a:rPr>
              <a:t>課題認識</a:t>
            </a:r>
            <a:r>
              <a:rPr lang="en-US" altLang="ja-JP" b="1" dirty="0">
                <a:solidFill>
                  <a:prstClr val="black"/>
                </a:solidFill>
                <a:latin typeface="Meiryo UI" panose="020B0604030504040204" pitchFamily="50" charset="-128"/>
                <a:ea typeface="Meiryo UI" panose="020B0604030504040204" pitchFamily="50" charset="-128"/>
              </a:rPr>
              <a:t>】</a:t>
            </a:r>
          </a:p>
          <a:p>
            <a:r>
              <a:rPr lang="ja-JP" altLang="en-US" dirty="0">
                <a:solidFill>
                  <a:prstClr val="black"/>
                </a:solidFill>
                <a:latin typeface="Meiryo UI" panose="020B0604030504040204" pitchFamily="50" charset="-128"/>
                <a:ea typeface="Meiryo UI" panose="020B0604030504040204" pitchFamily="50" charset="-128"/>
              </a:rPr>
              <a:t>・受注者のインセンティブが不明確であるため、業務履行に対する</a:t>
            </a:r>
            <a:r>
              <a:rPr lang="ja-JP" altLang="en-US" b="1" dirty="0">
                <a:solidFill>
                  <a:srgbClr val="FF0000"/>
                </a:solidFill>
                <a:latin typeface="Meiryo UI" panose="020B0604030504040204" pitchFamily="50" charset="-128"/>
                <a:ea typeface="Meiryo UI" panose="020B0604030504040204" pitchFamily="50" charset="-128"/>
              </a:rPr>
              <a:t>モチベーション向上につながっていない</a:t>
            </a:r>
            <a:r>
              <a:rPr lang="ja-JP" altLang="en-US" dirty="0">
                <a:solidFill>
                  <a:prstClr val="black"/>
                </a:solidFill>
                <a:latin typeface="Meiryo UI" panose="020B0604030504040204" pitchFamily="50" charset="-128"/>
                <a:ea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endParaRPr>
          </a:p>
          <a:p>
            <a:endParaRPr lang="en-US" altLang="ja-JP" sz="500" dirty="0">
              <a:solidFill>
                <a:prstClr val="black"/>
              </a:solidFill>
              <a:latin typeface="Meiryo UI" panose="020B0604030504040204" pitchFamily="50" charset="-128"/>
              <a:ea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rPr>
              <a:t>・ペナルティを回避することを重視するため、サービス向上に向けた</a:t>
            </a:r>
            <a:r>
              <a:rPr lang="ja-JP" altLang="en-US" b="1" dirty="0">
                <a:solidFill>
                  <a:srgbClr val="FF0000"/>
                </a:solidFill>
                <a:latin typeface="Meiryo UI" panose="020B0604030504040204" pitchFamily="50" charset="-128"/>
                <a:ea typeface="Meiryo UI" panose="020B0604030504040204" pitchFamily="50" charset="-128"/>
              </a:rPr>
              <a:t>創意工夫・チャレンジを進める風土が育</a:t>
            </a:r>
            <a:endParaRPr lang="en-US" altLang="ja-JP" b="1" dirty="0">
              <a:solidFill>
                <a:srgbClr val="FF0000"/>
              </a:solidFill>
              <a:latin typeface="Meiryo UI" panose="020B0604030504040204" pitchFamily="50" charset="-128"/>
              <a:ea typeface="Meiryo UI" panose="020B0604030504040204" pitchFamily="50" charset="-128"/>
            </a:endParaRPr>
          </a:p>
          <a:p>
            <a:r>
              <a:rPr lang="ja-JP" altLang="en-US" b="1" dirty="0">
                <a:solidFill>
                  <a:srgbClr val="FF0000"/>
                </a:solidFill>
                <a:latin typeface="Meiryo UI" panose="020B0604030504040204" pitchFamily="50" charset="-128"/>
                <a:ea typeface="Meiryo UI" panose="020B0604030504040204" pitchFamily="50" charset="-128"/>
              </a:rPr>
              <a:t> っていない</a:t>
            </a:r>
            <a:r>
              <a:rPr lang="ja-JP" altLang="en-US" dirty="0">
                <a:solidFill>
                  <a:prstClr val="black"/>
                </a:solidFill>
                <a:latin typeface="Meiryo UI" panose="020B0604030504040204" pitchFamily="50" charset="-128"/>
                <a:ea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endParaRPr>
          </a:p>
          <a:p>
            <a:pPr>
              <a:lnSpc>
                <a:spcPct val="125000"/>
              </a:lnSpc>
            </a:pPr>
            <a:endParaRPr lang="en-US" altLang="ja-JP" sz="1200" dirty="0">
              <a:latin typeface="+mj-ea"/>
            </a:endParaRPr>
          </a:p>
          <a:p>
            <a:pPr>
              <a:lnSpc>
                <a:spcPct val="125000"/>
              </a:lnSpc>
            </a:pPr>
            <a:r>
              <a:rPr lang="en-US" altLang="ja-JP" b="1" dirty="0">
                <a:latin typeface="+mj-ea"/>
              </a:rPr>
              <a:t>【</a:t>
            </a:r>
            <a:r>
              <a:rPr lang="ja-JP" altLang="en-US" b="1" dirty="0">
                <a:latin typeface="+mj-ea"/>
              </a:rPr>
              <a:t>他都市の事例</a:t>
            </a:r>
            <a:r>
              <a:rPr lang="en-US" altLang="ja-JP" b="1" dirty="0">
                <a:latin typeface="+mj-ea"/>
              </a:rPr>
              <a:t>】</a:t>
            </a:r>
            <a:r>
              <a:rPr lang="ja-JP" altLang="en-US" b="1" dirty="0">
                <a:latin typeface="+mj-ea"/>
              </a:rPr>
              <a:t>　</a:t>
            </a:r>
            <a:r>
              <a:rPr lang="en-US" altLang="ja-JP" dirty="0">
                <a:latin typeface="+mj-ea"/>
              </a:rPr>
              <a:t>※</a:t>
            </a:r>
            <a:r>
              <a:rPr lang="ja-JP" altLang="en-US" dirty="0">
                <a:latin typeface="+mj-ea"/>
              </a:rPr>
              <a:t>千葉県柏市</a:t>
            </a:r>
            <a:endParaRPr lang="en-US" altLang="ja-JP" dirty="0">
              <a:latin typeface="+mj-ea"/>
            </a:endParaRPr>
          </a:p>
          <a:p>
            <a:pPr>
              <a:lnSpc>
                <a:spcPct val="125000"/>
              </a:lnSpc>
            </a:pPr>
            <a:r>
              <a:rPr lang="ja-JP" altLang="en-US" dirty="0">
                <a:latin typeface="+mj-ea"/>
              </a:rPr>
              <a:t>・受注者の業務履行状況（対応の迅速性、各種</a:t>
            </a:r>
            <a:r>
              <a:rPr lang="en-US" altLang="ja-JP" dirty="0">
                <a:latin typeface="+mj-ea"/>
              </a:rPr>
              <a:t>PR</a:t>
            </a:r>
            <a:r>
              <a:rPr lang="ja-JP" altLang="en-US" dirty="0">
                <a:latin typeface="+mj-ea"/>
              </a:rPr>
              <a:t>、自己評価による改善、課題解決への対応など）を評価して</a:t>
            </a:r>
            <a:r>
              <a:rPr lang="ja-JP" altLang="en-US" b="1" dirty="0">
                <a:latin typeface="+mj-ea"/>
              </a:rPr>
              <a:t>インセンティブを付与　→ペナルティ発生時に相殺</a:t>
            </a:r>
            <a:r>
              <a:rPr lang="ja-JP" altLang="en-US" dirty="0">
                <a:latin typeface="+mj-ea"/>
              </a:rPr>
              <a:t>できる仕組み</a:t>
            </a:r>
            <a:endParaRPr lang="en-US" altLang="ja-JP" dirty="0">
              <a:latin typeface="+mj-ea"/>
            </a:endParaRPr>
          </a:p>
        </p:txBody>
      </p:sp>
    </p:spTree>
    <p:extLst>
      <p:ext uri="{BB962C8B-B14F-4D97-AF65-F5344CB8AC3E}">
        <p14:creationId xmlns:p14="http://schemas.microsoft.com/office/powerpoint/2010/main" val="2110131309"/>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01E5BB85-F7AE-693E-7AF5-24306F626297}"/>
              </a:ext>
            </a:extLst>
          </p:cNvPr>
          <p:cNvSpPr>
            <a:spLocks noGrp="1"/>
          </p:cNvSpPr>
          <p:nvPr>
            <p:ph type="ctrTitle"/>
          </p:nvPr>
        </p:nvSpPr>
        <p:spPr>
          <a:xfrm>
            <a:off x="815340" y="1660736"/>
            <a:ext cx="8275320" cy="2275823"/>
          </a:xfrm>
        </p:spPr>
        <p:txBody>
          <a:bodyPr anchor="ctr">
            <a:normAutofit/>
          </a:bodyPr>
          <a:lstStyle/>
          <a:p>
            <a:pPr>
              <a:lnSpc>
                <a:spcPct val="100000"/>
              </a:lnSpc>
            </a:pPr>
            <a:r>
              <a:rPr lang="ja-JP" altLang="en-US" sz="3200" b="1" dirty="0">
                <a:latin typeface="+mn-ea"/>
                <a:ea typeface="+mn-ea"/>
              </a:rPr>
              <a:t>③　評価基準値の見直しについて</a:t>
            </a:r>
            <a:endParaRPr lang="ja-JP" altLang="en-US" sz="2800" b="1" dirty="0">
              <a:latin typeface="+mn-ea"/>
              <a:ea typeface="+mn-ea"/>
            </a:endParaRPr>
          </a:p>
        </p:txBody>
      </p:sp>
      <p:sp>
        <p:nvSpPr>
          <p:cNvPr id="4" name="スライド番号プレースホルダー 3">
            <a:extLst>
              <a:ext uri="{FF2B5EF4-FFF2-40B4-BE49-F238E27FC236}">
                <a16:creationId xmlns:a16="http://schemas.microsoft.com/office/drawing/2014/main" id="{B7D9E987-737F-1AC1-765B-7F5893106147}"/>
              </a:ext>
            </a:extLst>
          </p:cNvPr>
          <p:cNvSpPr>
            <a:spLocks noGrp="1"/>
          </p:cNvSpPr>
          <p:nvPr>
            <p:ph type="sldNum" sz="quarter" idx="12"/>
          </p:nvPr>
        </p:nvSpPr>
        <p:spPr/>
        <p:txBody>
          <a:bodyPr/>
          <a:lstStyle/>
          <a:p>
            <a:pPr defTabSz="422041"/>
            <a:fld id="{36EC18DB-A5DF-4E0E-B815-FCD04A2C4B2C}" type="slidenum">
              <a:rPr lang="ja-JP" altLang="en-US">
                <a:solidFill>
                  <a:prstClr val="black"/>
                </a:solidFill>
                <a:latin typeface="Segoe UI"/>
                <a:ea typeface="Meiryo UI"/>
              </a:rPr>
              <a:pPr defTabSz="422041"/>
              <a:t>44</a:t>
            </a:fld>
            <a:endParaRPr lang="ja-JP" altLang="en-US">
              <a:solidFill>
                <a:prstClr val="black"/>
              </a:solidFill>
              <a:latin typeface="Segoe UI"/>
              <a:ea typeface="Meiryo UI"/>
            </a:endParaRPr>
          </a:p>
        </p:txBody>
      </p:sp>
    </p:spTree>
    <p:extLst>
      <p:ext uri="{BB962C8B-B14F-4D97-AF65-F5344CB8AC3E}">
        <p14:creationId xmlns:p14="http://schemas.microsoft.com/office/powerpoint/2010/main" val="195417656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17">
            <a:extLst>
              <a:ext uri="{FF2B5EF4-FFF2-40B4-BE49-F238E27FC236}">
                <a16:creationId xmlns:a16="http://schemas.microsoft.com/office/drawing/2014/main" id="{54057F17-18DE-66A5-8783-BAE7FD889716}"/>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4" name="テキスト ボックス 3">
            <a:extLst>
              <a:ext uri="{FF2B5EF4-FFF2-40B4-BE49-F238E27FC236}">
                <a16:creationId xmlns:a16="http://schemas.microsoft.com/office/drawing/2014/main" id="{36980866-56C3-C848-41DA-BC5AF866F9E6}"/>
              </a:ext>
            </a:extLst>
          </p:cNvPr>
          <p:cNvSpPr txBox="1"/>
          <p:nvPr/>
        </p:nvSpPr>
        <p:spPr>
          <a:xfrm>
            <a:off x="39189" y="975267"/>
            <a:ext cx="9788447" cy="348813"/>
          </a:xfrm>
          <a:prstGeom prst="rect">
            <a:avLst/>
          </a:prstGeom>
          <a:noFill/>
        </p:spPr>
        <p:txBody>
          <a:bodyPr wrap="square" rtlCol="0">
            <a:spAutoFit/>
          </a:bodyPr>
          <a:lstStyle/>
          <a:p>
            <a:pPr lvl="0">
              <a:lnSpc>
                <a:spcPts val="2000"/>
              </a:lnSpc>
            </a:pP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契約上の規定</a:t>
            </a: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　</a:t>
            </a:r>
            <a:endParaRPr lang="en-US" altLang="ja-JP" dirty="0">
              <a:latin typeface="BIZ UDPゴシック" panose="020B0400000000000000" pitchFamily="50" charset="-128"/>
              <a:ea typeface="BIZ UDPゴシック" panose="020B0400000000000000" pitchFamily="50" charset="-128"/>
            </a:endParaRPr>
          </a:p>
        </p:txBody>
      </p:sp>
      <p:sp>
        <p:nvSpPr>
          <p:cNvPr id="26" name="角丸四角形 17">
            <a:extLst>
              <a:ext uri="{FF2B5EF4-FFF2-40B4-BE49-F238E27FC236}">
                <a16:creationId xmlns:a16="http://schemas.microsoft.com/office/drawing/2014/main" id="{53403B04-07C6-B648-E5FF-C415F56CEFAF}"/>
              </a:ext>
            </a:extLst>
          </p:cNvPr>
          <p:cNvSpPr/>
          <p:nvPr/>
        </p:nvSpPr>
        <p:spPr>
          <a:xfrm>
            <a:off x="17811" y="62333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③　評価基準値の見直しについて（各種基準の定義）　</a:t>
            </a:r>
            <a:endParaRPr lang="en-US" altLang="ja-JP" sz="2275" u="sng" dirty="0">
              <a:solidFill>
                <a:schemeClr val="tx1"/>
              </a:solidFill>
              <a:latin typeface="HGPｺﾞｼｯｸE" panose="020B0900000000000000" pitchFamily="50" charset="-128"/>
              <a:ea typeface="HGPｺﾞｼｯｸE" panose="020B0900000000000000" pitchFamily="50" charset="-128"/>
            </a:endParaRPr>
          </a:p>
        </p:txBody>
      </p:sp>
      <p:sp>
        <p:nvSpPr>
          <p:cNvPr id="25" name="テキスト ボックス 24">
            <a:extLst>
              <a:ext uri="{FF2B5EF4-FFF2-40B4-BE49-F238E27FC236}">
                <a16:creationId xmlns:a16="http://schemas.microsoft.com/office/drawing/2014/main" id="{FEFD4317-5A6D-2BA3-1561-3A1589FE591A}"/>
              </a:ext>
            </a:extLst>
          </p:cNvPr>
          <p:cNvSpPr txBox="1"/>
          <p:nvPr/>
        </p:nvSpPr>
        <p:spPr>
          <a:xfrm>
            <a:off x="4122932" y="4417212"/>
            <a:ext cx="5635526" cy="2366097"/>
          </a:xfrm>
          <a:prstGeom prst="rect">
            <a:avLst/>
          </a:prstGeom>
          <a:solidFill>
            <a:schemeClr val="bg1"/>
          </a:solidFill>
          <a:ln>
            <a:solidFill>
              <a:schemeClr val="tx1"/>
            </a:solidFill>
          </a:ln>
        </p:spPr>
        <p:txBody>
          <a:bodyPr wrap="square" rtlCol="0">
            <a:spAutoFit/>
          </a:bodyPr>
          <a:lstStyle/>
          <a:p>
            <a:pPr>
              <a:lnSpc>
                <a:spcPts val="2000"/>
              </a:lnSpc>
            </a:pPr>
            <a:r>
              <a:rPr lang="ja-JP" altLang="en-US" sz="1600" dirty="0">
                <a:latin typeface="BIZ UDPゴシック" panose="020B0400000000000000" pitchFamily="50" charset="-128"/>
                <a:ea typeface="BIZ UDPゴシック" panose="020B0400000000000000" pitchFamily="50" charset="-128"/>
              </a:rPr>
              <a:t>（特記　第</a:t>
            </a:r>
            <a:r>
              <a:rPr lang="en-US" altLang="ja-JP" sz="1600" dirty="0">
                <a:latin typeface="BIZ UDPゴシック" panose="020B0400000000000000" pitchFamily="50" charset="-128"/>
                <a:ea typeface="BIZ UDPゴシック" panose="020B0400000000000000" pitchFamily="50" charset="-128"/>
              </a:rPr>
              <a:t>49</a:t>
            </a:r>
            <a:r>
              <a:rPr lang="ja-JP" altLang="en-US" sz="1600" dirty="0">
                <a:latin typeface="BIZ UDPゴシック" panose="020B0400000000000000" pitchFamily="50" charset="-128"/>
                <a:ea typeface="BIZ UDPゴシック" panose="020B0400000000000000" pitchFamily="50" charset="-128"/>
              </a:rPr>
              <a:t>条）</a:t>
            </a:r>
            <a:endParaRPr lang="en-US" altLang="ja-JP" sz="1600" dirty="0">
              <a:latin typeface="BIZ UDPゴシック" panose="020B0400000000000000" pitchFamily="50" charset="-128"/>
              <a:ea typeface="BIZ UDPゴシック" panose="020B0400000000000000" pitchFamily="50" charset="-128"/>
            </a:endParaRPr>
          </a:p>
          <a:p>
            <a:pPr lvl="0">
              <a:lnSpc>
                <a:spcPts val="2000"/>
              </a:lnSpc>
            </a:pPr>
            <a:r>
              <a:rPr lang="ja-JP" altLang="en-US" sz="1600" dirty="0">
                <a:latin typeface="BIZ UDPゴシック" panose="020B0400000000000000" pitchFamily="50" charset="-128"/>
                <a:ea typeface="BIZ UDPゴシック" panose="020B0400000000000000" pitchFamily="50" charset="-128"/>
              </a:rPr>
              <a:t>　本業務の履行において、発注者は、下水道管理者として</a:t>
            </a:r>
            <a:r>
              <a:rPr lang="ja-JP" altLang="en-US" sz="1600" b="1" dirty="0">
                <a:solidFill>
                  <a:srgbClr val="FF0000"/>
                </a:solidFill>
                <a:latin typeface="BIZ UDPゴシック" panose="020B0400000000000000" pitchFamily="50" charset="-128"/>
                <a:ea typeface="BIZ UDPゴシック" panose="020B0400000000000000" pitchFamily="50" charset="-128"/>
              </a:rPr>
              <a:t>市民に提供すべきサービス（公衆衛生の向上、浸水の防除、水環境の保全）を継続的に維持するため</a:t>
            </a:r>
            <a:r>
              <a:rPr lang="ja-JP" altLang="en-US" sz="1600" dirty="0">
                <a:latin typeface="BIZ UDPゴシック" panose="020B0400000000000000" pitchFamily="50" charset="-128"/>
                <a:ea typeface="BIZ UDPゴシック" panose="020B0400000000000000" pitchFamily="50" charset="-128"/>
              </a:rPr>
              <a:t>に、受注者に対し、</a:t>
            </a:r>
            <a:r>
              <a:rPr lang="ja-JP" altLang="en-US" sz="1600" b="1" u="sng" dirty="0">
                <a:solidFill>
                  <a:srgbClr val="FF0000"/>
                </a:solidFill>
                <a:latin typeface="BIZ UDPゴシック" panose="020B0400000000000000" pitchFamily="50" charset="-128"/>
                <a:ea typeface="BIZ UDPゴシック" panose="020B0400000000000000" pitchFamily="50" charset="-128"/>
              </a:rPr>
              <a:t>要求水準及び評価基準を</a:t>
            </a:r>
            <a:r>
              <a:rPr lang="ja-JP" altLang="en-US" sz="1600" dirty="0">
                <a:latin typeface="BIZ UDPゴシック" panose="020B0400000000000000" pitchFamily="50" charset="-128"/>
                <a:ea typeface="BIZ UDPゴシック" panose="020B0400000000000000" pitchFamily="50" charset="-128"/>
              </a:rPr>
              <a:t>別紙－７－１及び別紙－７－２に</a:t>
            </a:r>
            <a:r>
              <a:rPr lang="ja-JP" altLang="en-US" sz="1600" b="1" u="sng" dirty="0">
                <a:solidFill>
                  <a:srgbClr val="FF0000"/>
                </a:solidFill>
                <a:latin typeface="BIZ UDPゴシック" panose="020B0400000000000000" pitchFamily="50" charset="-128"/>
                <a:ea typeface="BIZ UDPゴシック" panose="020B0400000000000000" pitchFamily="50" charset="-128"/>
              </a:rPr>
              <a:t>規定する。 </a:t>
            </a:r>
          </a:p>
          <a:p>
            <a:pPr lvl="0">
              <a:lnSpc>
                <a:spcPts val="2000"/>
              </a:lnSpc>
            </a:pPr>
            <a:r>
              <a:rPr lang="ja-JP" altLang="en-US" sz="1600" dirty="0">
                <a:latin typeface="BIZ UDPゴシック" panose="020B0400000000000000" pitchFamily="50" charset="-128"/>
                <a:ea typeface="BIZ UDPゴシック" panose="020B0400000000000000" pitchFamily="50" charset="-128"/>
              </a:rPr>
              <a:t>　また、受注者は、別紙－７－１及び別紙－７－２に規定する</a:t>
            </a:r>
            <a:r>
              <a:rPr lang="ja-JP" altLang="en-US" sz="1600" b="1" u="sng" dirty="0">
                <a:solidFill>
                  <a:srgbClr val="0000FF"/>
                </a:solidFill>
                <a:latin typeface="BIZ UDPゴシック" panose="020B0400000000000000" pitchFamily="50" charset="-128"/>
                <a:ea typeface="BIZ UDPゴシック" panose="020B0400000000000000" pitchFamily="50" charset="-128"/>
              </a:rPr>
              <a:t>基準を遵守するために、管理目標（自主管理基準）を定め</a:t>
            </a:r>
            <a:r>
              <a:rPr lang="ja-JP" altLang="en-US" sz="1600" dirty="0">
                <a:latin typeface="BIZ UDPゴシック" panose="020B0400000000000000" pitchFamily="50" charset="-128"/>
                <a:ea typeface="BIZ UDPゴシック" panose="020B0400000000000000" pitchFamily="50" charset="-128"/>
              </a:rPr>
              <a:t>、適切な維持管理手法を検討し、適切かつ効率的な維持管理に努めなければならない。</a:t>
            </a:r>
            <a:endParaRPr lang="en-US" altLang="ja-JP" sz="1600" dirty="0">
              <a:latin typeface="BIZ UDPゴシック" panose="020B0400000000000000" pitchFamily="50" charset="-128"/>
              <a:ea typeface="BIZ UDPゴシック" panose="020B0400000000000000" pitchFamily="50" charset="-128"/>
            </a:endParaRPr>
          </a:p>
        </p:txBody>
      </p:sp>
      <p:grpSp>
        <p:nvGrpSpPr>
          <p:cNvPr id="41" name="グループ化 40">
            <a:extLst>
              <a:ext uri="{FF2B5EF4-FFF2-40B4-BE49-F238E27FC236}">
                <a16:creationId xmlns:a16="http://schemas.microsoft.com/office/drawing/2014/main" id="{65B171EB-D8DC-BA9B-0BB5-5E5BACBBBA82}"/>
              </a:ext>
            </a:extLst>
          </p:cNvPr>
          <p:cNvGrpSpPr/>
          <p:nvPr/>
        </p:nvGrpSpPr>
        <p:grpSpPr>
          <a:xfrm>
            <a:off x="295645" y="1506136"/>
            <a:ext cx="2248268" cy="4860000"/>
            <a:chOff x="482298" y="1466953"/>
            <a:chExt cx="2248268" cy="4860000"/>
          </a:xfrm>
        </p:grpSpPr>
        <p:grpSp>
          <p:nvGrpSpPr>
            <p:cNvPr id="36" name="グループ化 35">
              <a:extLst>
                <a:ext uri="{FF2B5EF4-FFF2-40B4-BE49-F238E27FC236}">
                  <a16:creationId xmlns:a16="http://schemas.microsoft.com/office/drawing/2014/main" id="{9FA65EF3-615A-D193-8F6C-AEBAC3BE2457}"/>
                </a:ext>
              </a:extLst>
            </p:cNvPr>
            <p:cNvGrpSpPr/>
            <p:nvPr/>
          </p:nvGrpSpPr>
          <p:grpSpPr>
            <a:xfrm>
              <a:off x="526432" y="1466953"/>
              <a:ext cx="2160000" cy="4860000"/>
              <a:chOff x="426832" y="1466953"/>
              <a:chExt cx="2160000" cy="4860000"/>
            </a:xfrm>
          </p:grpSpPr>
          <p:sp>
            <p:nvSpPr>
              <p:cNvPr id="33" name="二等辺三角形 32">
                <a:extLst>
                  <a:ext uri="{FF2B5EF4-FFF2-40B4-BE49-F238E27FC236}">
                    <a16:creationId xmlns:a16="http://schemas.microsoft.com/office/drawing/2014/main" id="{9BDCCBB7-7A10-F5B0-2EA8-E209F75CECFE}"/>
                  </a:ext>
                </a:extLst>
              </p:cNvPr>
              <p:cNvSpPr/>
              <p:nvPr/>
            </p:nvSpPr>
            <p:spPr>
              <a:xfrm>
                <a:off x="426832" y="1466953"/>
                <a:ext cx="2160000" cy="4860000"/>
              </a:xfrm>
              <a:prstGeom prst="triangle">
                <a:avLst/>
              </a:prstGeom>
              <a:solidFill>
                <a:srgbClr val="CCFFFF"/>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二等辺三角形 33">
                <a:extLst>
                  <a:ext uri="{FF2B5EF4-FFF2-40B4-BE49-F238E27FC236}">
                    <a16:creationId xmlns:a16="http://schemas.microsoft.com/office/drawing/2014/main" id="{DF246B97-CC69-65CA-2057-2D899FF78018}"/>
                  </a:ext>
                </a:extLst>
              </p:cNvPr>
              <p:cNvSpPr/>
              <p:nvPr/>
            </p:nvSpPr>
            <p:spPr>
              <a:xfrm>
                <a:off x="786832" y="1466953"/>
                <a:ext cx="1440000" cy="3240000"/>
              </a:xfrm>
              <a:prstGeom prst="triangle">
                <a:avLst/>
              </a:prstGeom>
              <a:solidFill>
                <a:srgbClr val="FFFF00"/>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二等辺三角形 34">
                <a:extLst>
                  <a:ext uri="{FF2B5EF4-FFF2-40B4-BE49-F238E27FC236}">
                    <a16:creationId xmlns:a16="http://schemas.microsoft.com/office/drawing/2014/main" id="{7A318AE1-077C-E353-EBF8-0A6B1E945F76}"/>
                  </a:ext>
                </a:extLst>
              </p:cNvPr>
              <p:cNvSpPr/>
              <p:nvPr/>
            </p:nvSpPr>
            <p:spPr>
              <a:xfrm>
                <a:off x="1146832" y="1466953"/>
                <a:ext cx="720000" cy="1620000"/>
              </a:xfrm>
              <a:prstGeom prst="triangle">
                <a:avLst/>
              </a:prstGeom>
              <a:solidFill>
                <a:srgbClr val="FF0000"/>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0" name="グループ化 39">
              <a:extLst>
                <a:ext uri="{FF2B5EF4-FFF2-40B4-BE49-F238E27FC236}">
                  <a16:creationId xmlns:a16="http://schemas.microsoft.com/office/drawing/2014/main" id="{393F1C83-279B-29F7-E310-B3EFB9153FC0}"/>
                </a:ext>
              </a:extLst>
            </p:cNvPr>
            <p:cNvGrpSpPr/>
            <p:nvPr/>
          </p:nvGrpSpPr>
          <p:grpSpPr>
            <a:xfrm>
              <a:off x="482298" y="2065571"/>
              <a:ext cx="2248268" cy="3801902"/>
              <a:chOff x="482298" y="2065571"/>
              <a:chExt cx="2248268" cy="3801902"/>
            </a:xfrm>
          </p:grpSpPr>
          <p:sp>
            <p:nvSpPr>
              <p:cNvPr id="30" name="四角形: 角を丸くする 29">
                <a:extLst>
                  <a:ext uri="{FF2B5EF4-FFF2-40B4-BE49-F238E27FC236}">
                    <a16:creationId xmlns:a16="http://schemas.microsoft.com/office/drawing/2014/main" id="{01045376-E7EE-E9DD-6F24-BF8F54653837}"/>
                  </a:ext>
                </a:extLst>
              </p:cNvPr>
              <p:cNvSpPr/>
              <p:nvPr/>
            </p:nvSpPr>
            <p:spPr>
              <a:xfrm>
                <a:off x="482298" y="2065571"/>
                <a:ext cx="2248268" cy="701040"/>
              </a:xfrm>
              <a:prstGeom prst="roundRect">
                <a:avLst>
                  <a:gd name="adj" fmla="val 29710"/>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t>要求水準</a:t>
                </a:r>
              </a:p>
            </p:txBody>
          </p:sp>
          <p:sp>
            <p:nvSpPr>
              <p:cNvPr id="31" name="四角形: 角を丸くする 30">
                <a:extLst>
                  <a:ext uri="{FF2B5EF4-FFF2-40B4-BE49-F238E27FC236}">
                    <a16:creationId xmlns:a16="http://schemas.microsoft.com/office/drawing/2014/main" id="{330B15E1-BD75-857C-AFC3-441DBF5E7F7F}"/>
                  </a:ext>
                </a:extLst>
              </p:cNvPr>
              <p:cNvSpPr/>
              <p:nvPr/>
            </p:nvSpPr>
            <p:spPr>
              <a:xfrm>
                <a:off x="482298" y="3616002"/>
                <a:ext cx="2248268" cy="701040"/>
              </a:xfrm>
              <a:prstGeom prst="roundRect">
                <a:avLst>
                  <a:gd name="adj" fmla="val 29710"/>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t>評価基準</a:t>
                </a:r>
              </a:p>
            </p:txBody>
          </p:sp>
          <p:sp>
            <p:nvSpPr>
              <p:cNvPr id="32" name="四角形: 角を丸くする 31">
                <a:extLst>
                  <a:ext uri="{FF2B5EF4-FFF2-40B4-BE49-F238E27FC236}">
                    <a16:creationId xmlns:a16="http://schemas.microsoft.com/office/drawing/2014/main" id="{FB9E8956-FFF9-DB95-9099-2209CC0848D4}"/>
                  </a:ext>
                </a:extLst>
              </p:cNvPr>
              <p:cNvSpPr/>
              <p:nvPr/>
            </p:nvSpPr>
            <p:spPr>
              <a:xfrm>
                <a:off x="482298" y="5166433"/>
                <a:ext cx="2248268" cy="701040"/>
              </a:xfrm>
              <a:prstGeom prst="roundRect">
                <a:avLst>
                  <a:gd name="adj" fmla="val 29710"/>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t>自主管理値</a:t>
                </a:r>
              </a:p>
            </p:txBody>
          </p:sp>
        </p:grpSp>
      </p:grpSp>
      <p:sp>
        <p:nvSpPr>
          <p:cNvPr id="2" name="スライド番号プレースホルダー 2">
            <a:extLst>
              <a:ext uri="{FF2B5EF4-FFF2-40B4-BE49-F238E27FC236}">
                <a16:creationId xmlns:a16="http://schemas.microsoft.com/office/drawing/2014/main" id="{8A0D2151-340B-EB66-5F9E-D73647B7E3A3}"/>
              </a:ext>
            </a:extLst>
          </p:cNvPr>
          <p:cNvSpPr txBox="1">
            <a:spLocks/>
          </p:cNvSpPr>
          <p:nvPr/>
        </p:nvSpPr>
        <p:spPr>
          <a:xfrm>
            <a:off x="7677150" y="6462941"/>
            <a:ext cx="2228850" cy="365125"/>
          </a:xfrm>
          <a:prstGeom prst="rect">
            <a:avLst/>
          </a:prstGeom>
        </p:spPr>
        <p:txBody>
          <a:bodyPr vert="horz" lIns="91440" tIns="45720" rIns="91440" bIns="45720" rtlCol="0" anchor="ctr"/>
          <a:lstStyle>
            <a:defPPr>
              <a:defRPr lang="en-US"/>
            </a:defPPr>
            <a:lvl1pPr marL="0" algn="r" defTabSz="457200" rtl="0" eaLnBrk="1" latinLnBrk="0" hangingPunct="1">
              <a:defRPr sz="16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6EC18DB-A5DF-4E0E-B815-FCD04A2C4B2C}" type="slidenum">
              <a:rPr kumimoji="1" lang="ja-JP" altLang="en-US" smtClean="0"/>
              <a:pPr/>
              <a:t>45</a:t>
            </a:fld>
            <a:endParaRPr kumimoji="1" lang="ja-JP" altLang="en-US"/>
          </a:p>
        </p:txBody>
      </p:sp>
      <p:sp>
        <p:nvSpPr>
          <p:cNvPr id="37" name="テキスト ボックス 36">
            <a:extLst>
              <a:ext uri="{FF2B5EF4-FFF2-40B4-BE49-F238E27FC236}">
                <a16:creationId xmlns:a16="http://schemas.microsoft.com/office/drawing/2014/main" id="{695DD9BD-A430-4DE6-B7A0-A643C0FD6DCF}"/>
              </a:ext>
            </a:extLst>
          </p:cNvPr>
          <p:cNvSpPr txBox="1"/>
          <p:nvPr/>
        </p:nvSpPr>
        <p:spPr>
          <a:xfrm>
            <a:off x="4051070" y="910598"/>
            <a:ext cx="5920100" cy="3462486"/>
          </a:xfrm>
          <a:prstGeom prst="rect">
            <a:avLst/>
          </a:prstGeom>
          <a:noFill/>
        </p:spPr>
        <p:txBody>
          <a:bodyPr wrap="square" rtlCol="0">
            <a:spAutoFit/>
          </a:bodyPr>
          <a:lstStyle/>
          <a:p>
            <a:r>
              <a:rPr lang="ja-JP" altLang="en-US" b="1" dirty="0">
                <a:latin typeface="+mn-ea"/>
              </a:rPr>
              <a:t>（</a:t>
            </a:r>
            <a:r>
              <a:rPr lang="en-US" altLang="ja-JP" b="1" dirty="0">
                <a:latin typeface="+mn-ea"/>
              </a:rPr>
              <a:t>CWO</a:t>
            </a:r>
            <a:r>
              <a:rPr lang="ja-JP" altLang="en-US" b="1" dirty="0">
                <a:latin typeface="+mn-ea"/>
              </a:rPr>
              <a:t>の課題認識）</a:t>
            </a:r>
            <a:endParaRPr lang="en-US" altLang="ja-JP" b="1" dirty="0">
              <a:latin typeface="+mn-ea"/>
            </a:endParaRPr>
          </a:p>
          <a:p>
            <a:r>
              <a:rPr lang="ja-JP" altLang="en-US" dirty="0">
                <a:latin typeface="+mj-ea"/>
              </a:rPr>
              <a:t>　　市と</a:t>
            </a:r>
            <a:r>
              <a:rPr lang="en-US" altLang="ja-JP" dirty="0">
                <a:latin typeface="+mj-ea"/>
              </a:rPr>
              <a:t>CWO</a:t>
            </a:r>
            <a:r>
              <a:rPr lang="ja-JP" altLang="en-US" dirty="0">
                <a:latin typeface="+mj-ea"/>
              </a:rPr>
              <a:t>で「評価基準値」の捉え方に相違があると、</a:t>
            </a:r>
            <a:endParaRPr lang="en-US" altLang="ja-JP" dirty="0">
              <a:latin typeface="+mj-ea"/>
            </a:endParaRPr>
          </a:p>
          <a:p>
            <a:r>
              <a:rPr lang="ja-JP" altLang="en-US" dirty="0">
                <a:solidFill>
                  <a:srgbClr val="FF0000"/>
                </a:solidFill>
                <a:latin typeface="+mj-ea"/>
              </a:rPr>
              <a:t>　</a:t>
            </a:r>
            <a:r>
              <a:rPr lang="ja-JP" altLang="en-US" u="sng" dirty="0">
                <a:solidFill>
                  <a:srgbClr val="FF0000"/>
                </a:solidFill>
                <a:latin typeface="+mj-ea"/>
              </a:rPr>
              <a:t>基準超過時に過大な対応が必要となる</a:t>
            </a:r>
            <a:r>
              <a:rPr lang="ja-JP" altLang="en-US" dirty="0">
                <a:latin typeface="+mj-ea"/>
              </a:rPr>
              <a:t>。</a:t>
            </a:r>
            <a:endParaRPr lang="en-US" altLang="ja-JP" dirty="0">
              <a:latin typeface="+mj-ea"/>
            </a:endParaRPr>
          </a:p>
          <a:p>
            <a:endParaRPr lang="en-US" altLang="ja-JP" sz="1200" dirty="0">
              <a:latin typeface="+mj-ea"/>
            </a:endParaRPr>
          </a:p>
          <a:p>
            <a:r>
              <a:rPr lang="ja-JP" altLang="en-US" b="1" dirty="0">
                <a:latin typeface="+mn-ea"/>
              </a:rPr>
              <a:t>（市の考え）</a:t>
            </a:r>
            <a:endParaRPr lang="en-US" altLang="ja-JP" b="1" dirty="0">
              <a:latin typeface="+mn-ea"/>
            </a:endParaRPr>
          </a:p>
          <a:p>
            <a:r>
              <a:rPr lang="ja-JP" altLang="en-US" dirty="0">
                <a:latin typeface="+mn-ea"/>
              </a:rPr>
              <a:t>　　評価基準値は要求水準を遵守するための警報値であり、</a:t>
            </a:r>
            <a:endParaRPr lang="en-US" altLang="ja-JP" dirty="0">
              <a:latin typeface="+mn-ea"/>
            </a:endParaRPr>
          </a:p>
          <a:p>
            <a:r>
              <a:rPr lang="ja-JP" altLang="en-US" dirty="0">
                <a:latin typeface="+mn-ea"/>
              </a:rPr>
              <a:t>　</a:t>
            </a:r>
            <a:r>
              <a:rPr lang="en-US" altLang="ja-JP" dirty="0">
                <a:latin typeface="+mn-ea"/>
              </a:rPr>
              <a:t>CWO</a:t>
            </a:r>
            <a:r>
              <a:rPr lang="ja-JP" altLang="en-US" dirty="0">
                <a:latin typeface="+mn-ea"/>
              </a:rPr>
              <a:t>に</a:t>
            </a:r>
            <a:r>
              <a:rPr lang="ja-JP" altLang="en-US" u="sng" dirty="0">
                <a:solidFill>
                  <a:srgbClr val="FF0000"/>
                </a:solidFill>
                <a:latin typeface="+mn-ea"/>
              </a:rPr>
              <a:t>過失が無ければ是正措置は不要</a:t>
            </a:r>
            <a:r>
              <a:rPr lang="ja-JP" altLang="en-US" dirty="0">
                <a:solidFill>
                  <a:srgbClr val="FF0000"/>
                </a:solidFill>
                <a:latin typeface="+mn-ea"/>
              </a:rPr>
              <a:t>（今回提案）</a:t>
            </a:r>
            <a:endParaRPr lang="en-US" altLang="ja-JP" dirty="0">
              <a:solidFill>
                <a:srgbClr val="FF0000"/>
              </a:solidFill>
              <a:latin typeface="+mn-ea"/>
            </a:endParaRPr>
          </a:p>
          <a:p>
            <a:r>
              <a:rPr lang="ja-JP" altLang="en-US" dirty="0">
                <a:latin typeface="+mn-ea"/>
              </a:rPr>
              <a:t>　　</a:t>
            </a:r>
            <a:r>
              <a:rPr lang="en-US" altLang="ja-JP" dirty="0">
                <a:latin typeface="+mn-ea"/>
              </a:rPr>
              <a:t>※</a:t>
            </a:r>
            <a:r>
              <a:rPr lang="ja-JP" altLang="en-US" dirty="0">
                <a:latin typeface="+mn-ea"/>
              </a:rPr>
              <a:t>ただし、過失が無いことの説明責任は</a:t>
            </a:r>
            <a:r>
              <a:rPr lang="en-US" altLang="ja-JP" dirty="0">
                <a:latin typeface="+mn-ea"/>
              </a:rPr>
              <a:t>CWO</a:t>
            </a:r>
            <a:r>
              <a:rPr lang="ja-JP" altLang="en-US" dirty="0">
                <a:latin typeface="+mn-ea"/>
              </a:rPr>
              <a:t>にある。</a:t>
            </a:r>
            <a:endParaRPr lang="en-US" altLang="ja-JP" dirty="0">
              <a:latin typeface="+mn-ea"/>
            </a:endParaRPr>
          </a:p>
          <a:p>
            <a:endParaRPr lang="en-US" altLang="ja-JP" sz="900" b="1" u="sng" dirty="0">
              <a:latin typeface="+mj-ea"/>
            </a:endParaRPr>
          </a:p>
          <a:p>
            <a:r>
              <a:rPr lang="ja-JP" altLang="en-US" b="1" dirty="0">
                <a:latin typeface="+mn-ea"/>
              </a:rPr>
              <a:t>（論点）</a:t>
            </a:r>
            <a:endParaRPr lang="en-US" altLang="ja-JP" b="1" dirty="0">
              <a:latin typeface="+mn-ea"/>
            </a:endParaRPr>
          </a:p>
          <a:p>
            <a:r>
              <a:rPr lang="ja-JP" altLang="en-US" dirty="0">
                <a:latin typeface="+mj-ea"/>
              </a:rPr>
              <a:t>　　・評価基準値超過時の対応について</a:t>
            </a:r>
            <a:endParaRPr lang="en-US" altLang="ja-JP" dirty="0">
              <a:latin typeface="+mj-ea"/>
            </a:endParaRPr>
          </a:p>
          <a:p>
            <a:endParaRPr lang="en-US" altLang="ja-JP" b="1" u="sng" dirty="0">
              <a:latin typeface="+mj-ea"/>
            </a:endParaRPr>
          </a:p>
          <a:p>
            <a:endParaRPr lang="en-US" altLang="ja-JP" b="1" u="sng" dirty="0">
              <a:latin typeface="+mj-ea"/>
            </a:endParaRPr>
          </a:p>
        </p:txBody>
      </p:sp>
      <p:sp>
        <p:nvSpPr>
          <p:cNvPr id="39" name="テキスト ボックス 38">
            <a:extLst>
              <a:ext uri="{FF2B5EF4-FFF2-40B4-BE49-F238E27FC236}">
                <a16:creationId xmlns:a16="http://schemas.microsoft.com/office/drawing/2014/main" id="{A6A37BDE-1202-D375-483C-19D3A43626D6}"/>
              </a:ext>
            </a:extLst>
          </p:cNvPr>
          <p:cNvSpPr txBox="1"/>
          <p:nvPr/>
        </p:nvSpPr>
        <p:spPr>
          <a:xfrm>
            <a:off x="2433531" y="2314663"/>
            <a:ext cx="1595208" cy="319388"/>
          </a:xfrm>
          <a:prstGeom prst="rect">
            <a:avLst/>
          </a:prstGeom>
          <a:noFill/>
        </p:spPr>
        <p:txBody>
          <a:bodyPr wrap="square" rtlCol="0">
            <a:spAutoFit/>
          </a:bodyPr>
          <a:lstStyle/>
          <a:p>
            <a:pPr lvl="0" algn="ctr">
              <a:lnSpc>
                <a:spcPts val="2000"/>
              </a:lnSpc>
            </a:pPr>
            <a:r>
              <a:rPr lang="ja-JP" altLang="en-US" sz="1600" dirty="0">
                <a:latin typeface="BIZ UDPゴシック" panose="020B0400000000000000" pitchFamily="50" charset="-128"/>
                <a:ea typeface="BIZ UDPゴシック" panose="020B0400000000000000" pitchFamily="50" charset="-128"/>
              </a:rPr>
              <a:t>ペナルティ　</a:t>
            </a:r>
            <a:endParaRPr lang="en-US" altLang="ja-JP" sz="1600" dirty="0">
              <a:latin typeface="BIZ UDPゴシック" panose="020B0400000000000000" pitchFamily="50" charset="-128"/>
              <a:ea typeface="BIZ UDPゴシック" panose="020B0400000000000000" pitchFamily="50" charset="-128"/>
            </a:endParaRPr>
          </a:p>
        </p:txBody>
      </p:sp>
      <p:sp>
        <p:nvSpPr>
          <p:cNvPr id="42" name="テキスト ボックス 41">
            <a:extLst>
              <a:ext uri="{FF2B5EF4-FFF2-40B4-BE49-F238E27FC236}">
                <a16:creationId xmlns:a16="http://schemas.microsoft.com/office/drawing/2014/main" id="{F27758AB-F770-5745-E4C8-820EDBB9C684}"/>
              </a:ext>
            </a:extLst>
          </p:cNvPr>
          <p:cNvSpPr txBox="1"/>
          <p:nvPr/>
        </p:nvSpPr>
        <p:spPr>
          <a:xfrm>
            <a:off x="2479486" y="3842020"/>
            <a:ext cx="1595208" cy="319388"/>
          </a:xfrm>
          <a:prstGeom prst="rect">
            <a:avLst/>
          </a:prstGeom>
          <a:noFill/>
        </p:spPr>
        <p:txBody>
          <a:bodyPr wrap="square" rtlCol="0">
            <a:spAutoFit/>
          </a:bodyPr>
          <a:lstStyle/>
          <a:p>
            <a:pPr lvl="0" algn="ctr">
              <a:lnSpc>
                <a:spcPts val="2000"/>
              </a:lnSpc>
            </a:pPr>
            <a:r>
              <a:rPr lang="ja-JP" altLang="en-US" sz="1600" dirty="0">
                <a:latin typeface="BIZ UDPゴシック" panose="020B0400000000000000" pitchFamily="50" charset="-128"/>
                <a:ea typeface="BIZ UDPゴシック" panose="020B0400000000000000" pitchFamily="50" charset="-128"/>
              </a:rPr>
              <a:t>是　正　</a:t>
            </a:r>
            <a:endParaRPr lang="en-US" altLang="ja-JP" sz="1600" dirty="0">
              <a:latin typeface="BIZ UDPゴシック" panose="020B0400000000000000" pitchFamily="50" charset="-128"/>
              <a:ea typeface="BIZ UDPゴシック" panose="020B0400000000000000" pitchFamily="50" charset="-128"/>
            </a:endParaRPr>
          </a:p>
        </p:txBody>
      </p:sp>
      <p:sp>
        <p:nvSpPr>
          <p:cNvPr id="43" name="テキスト ボックス 42">
            <a:extLst>
              <a:ext uri="{FF2B5EF4-FFF2-40B4-BE49-F238E27FC236}">
                <a16:creationId xmlns:a16="http://schemas.microsoft.com/office/drawing/2014/main" id="{6C981FAB-F13E-82F6-3F99-F77473CB75E1}"/>
              </a:ext>
            </a:extLst>
          </p:cNvPr>
          <p:cNvSpPr txBox="1"/>
          <p:nvPr/>
        </p:nvSpPr>
        <p:spPr>
          <a:xfrm>
            <a:off x="2443419" y="5423342"/>
            <a:ext cx="1595208" cy="314253"/>
          </a:xfrm>
          <a:prstGeom prst="rect">
            <a:avLst/>
          </a:prstGeom>
          <a:noFill/>
        </p:spPr>
        <p:txBody>
          <a:bodyPr wrap="square" rtlCol="0">
            <a:spAutoFit/>
          </a:bodyPr>
          <a:lstStyle/>
          <a:p>
            <a:pPr lvl="0" algn="ctr">
              <a:lnSpc>
                <a:spcPts val="2000"/>
              </a:lnSpc>
            </a:pPr>
            <a:r>
              <a:rPr lang="ja-JP" altLang="en-US" sz="1600" dirty="0">
                <a:latin typeface="BIZ UDPゴシック" panose="020B0400000000000000" pitchFamily="50" charset="-128"/>
                <a:ea typeface="BIZ UDPゴシック" panose="020B0400000000000000" pitchFamily="50" charset="-128"/>
              </a:rPr>
              <a:t>自主改善　</a:t>
            </a:r>
            <a:endParaRPr lang="en-US" altLang="ja-JP" sz="1600" dirty="0">
              <a:latin typeface="BIZ UDPゴシック" panose="020B0400000000000000" pitchFamily="50" charset="-128"/>
              <a:ea typeface="BIZ UDPゴシック" panose="020B0400000000000000" pitchFamily="50" charset="-128"/>
            </a:endParaRPr>
          </a:p>
        </p:txBody>
      </p:sp>
      <p:sp>
        <p:nvSpPr>
          <p:cNvPr id="44" name="テキスト ボックス 43">
            <a:extLst>
              <a:ext uri="{FF2B5EF4-FFF2-40B4-BE49-F238E27FC236}">
                <a16:creationId xmlns:a16="http://schemas.microsoft.com/office/drawing/2014/main" id="{B2BA7147-FE34-142D-8F7E-8CFA034D3D58}"/>
              </a:ext>
            </a:extLst>
          </p:cNvPr>
          <p:cNvSpPr txBox="1"/>
          <p:nvPr/>
        </p:nvSpPr>
        <p:spPr>
          <a:xfrm>
            <a:off x="2319286" y="1682534"/>
            <a:ext cx="1789305" cy="314253"/>
          </a:xfrm>
          <a:prstGeom prst="rect">
            <a:avLst/>
          </a:prstGeom>
          <a:noFill/>
        </p:spPr>
        <p:txBody>
          <a:bodyPr wrap="square" rtlCol="0">
            <a:spAutoFit/>
          </a:bodyPr>
          <a:lstStyle/>
          <a:p>
            <a:pPr lvl="0" algn="ctr">
              <a:lnSpc>
                <a:spcPts val="2000"/>
              </a:lnSpc>
            </a:pPr>
            <a:r>
              <a:rPr lang="ja-JP" altLang="en-US" sz="1600" dirty="0">
                <a:latin typeface="BIZ UDPゴシック" panose="020B0400000000000000" pitchFamily="50" charset="-128"/>
                <a:ea typeface="BIZ UDPゴシック" panose="020B0400000000000000" pitchFamily="50" charset="-128"/>
              </a:rPr>
              <a:t>（超過時の対応）</a:t>
            </a:r>
            <a:endParaRPr lang="en-US" altLang="ja-JP" sz="16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494775989"/>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テキスト ボックス 11">
            <a:extLst>
              <a:ext uri="{FF2B5EF4-FFF2-40B4-BE49-F238E27FC236}">
                <a16:creationId xmlns:a16="http://schemas.microsoft.com/office/drawing/2014/main" id="{11A38A9B-86DB-53E3-D0F3-480F9CF898E6}"/>
              </a:ext>
            </a:extLst>
          </p:cNvPr>
          <p:cNvSpPr txBox="1"/>
          <p:nvPr/>
        </p:nvSpPr>
        <p:spPr>
          <a:xfrm>
            <a:off x="0" y="1001393"/>
            <a:ext cx="9788447" cy="348813"/>
          </a:xfrm>
          <a:prstGeom prst="rect">
            <a:avLst/>
          </a:prstGeom>
          <a:noFill/>
        </p:spPr>
        <p:txBody>
          <a:bodyPr wrap="square" rtlCol="0">
            <a:spAutoFit/>
          </a:bodyPr>
          <a:lstStyle/>
          <a:p>
            <a:pPr lvl="0">
              <a:lnSpc>
                <a:spcPts val="2000"/>
              </a:lnSpc>
            </a:pP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管路施設に対する要求水準・評価基準</a:t>
            </a: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　</a:t>
            </a:r>
            <a:endParaRPr lang="en-US" altLang="ja-JP" dirty="0">
              <a:latin typeface="BIZ UDPゴシック" panose="020B0400000000000000" pitchFamily="50" charset="-128"/>
              <a:ea typeface="BIZ UDPゴシック" panose="020B0400000000000000" pitchFamily="50" charset="-128"/>
            </a:endParaRPr>
          </a:p>
        </p:txBody>
      </p:sp>
      <p:sp>
        <p:nvSpPr>
          <p:cNvPr id="5" name="スライド番号プレースホルダー 4">
            <a:extLst>
              <a:ext uri="{FF2B5EF4-FFF2-40B4-BE49-F238E27FC236}">
                <a16:creationId xmlns:a16="http://schemas.microsoft.com/office/drawing/2014/main" id="{CF0B7D60-5515-433C-2201-F6210F72FA1A}"/>
              </a:ext>
            </a:extLst>
          </p:cNvPr>
          <p:cNvSpPr>
            <a:spLocks noGrp="1"/>
          </p:cNvSpPr>
          <p:nvPr>
            <p:ph type="sldNum" sz="quarter" idx="12"/>
          </p:nvPr>
        </p:nvSpPr>
        <p:spPr/>
        <p:txBody>
          <a:bodyPr/>
          <a:lstStyle/>
          <a:p>
            <a:fld id="{36EC18DB-A5DF-4E0E-B815-FCD04A2C4B2C}" type="slidenum">
              <a:rPr kumimoji="1" lang="ja-JP" altLang="en-US" smtClean="0"/>
              <a:t>46</a:t>
            </a:fld>
            <a:endParaRPr kumimoji="1" lang="ja-JP" altLang="en-US"/>
          </a:p>
        </p:txBody>
      </p:sp>
      <p:graphicFrame>
        <p:nvGraphicFramePr>
          <p:cNvPr id="3" name="表 2">
            <a:extLst>
              <a:ext uri="{FF2B5EF4-FFF2-40B4-BE49-F238E27FC236}">
                <a16:creationId xmlns:a16="http://schemas.microsoft.com/office/drawing/2014/main" id="{02E7BC36-F6E3-5F74-52D2-241CF05A6BC1}"/>
              </a:ext>
            </a:extLst>
          </p:cNvPr>
          <p:cNvGraphicFramePr>
            <a:graphicFrameLocks noGrp="1"/>
          </p:cNvGraphicFramePr>
          <p:nvPr>
            <p:extLst>
              <p:ext uri="{D42A27DB-BD31-4B8C-83A1-F6EECF244321}">
                <p14:modId xmlns:p14="http://schemas.microsoft.com/office/powerpoint/2010/main" val="70366441"/>
              </p:ext>
            </p:extLst>
          </p:nvPr>
        </p:nvGraphicFramePr>
        <p:xfrm>
          <a:off x="66907" y="1362928"/>
          <a:ext cx="4577829" cy="1361124"/>
        </p:xfrm>
        <a:graphic>
          <a:graphicData uri="http://schemas.openxmlformats.org/drawingml/2006/table">
            <a:tbl>
              <a:tblPr firstRow="1" bandRow="1">
                <a:tableStyleId>{5C22544A-7EE6-4342-B048-85BDC9FD1C3A}</a:tableStyleId>
              </a:tblPr>
              <a:tblGrid>
                <a:gridCol w="3039681">
                  <a:extLst>
                    <a:ext uri="{9D8B030D-6E8A-4147-A177-3AD203B41FA5}">
                      <a16:colId xmlns:a16="http://schemas.microsoft.com/office/drawing/2014/main" val="541223985"/>
                    </a:ext>
                  </a:extLst>
                </a:gridCol>
                <a:gridCol w="1538148">
                  <a:extLst>
                    <a:ext uri="{9D8B030D-6E8A-4147-A177-3AD203B41FA5}">
                      <a16:colId xmlns:a16="http://schemas.microsoft.com/office/drawing/2014/main" val="2773240376"/>
                    </a:ext>
                  </a:extLst>
                </a:gridCol>
              </a:tblGrid>
              <a:tr h="252848">
                <a:tc>
                  <a:txBody>
                    <a:bodyPr/>
                    <a:lstStyle/>
                    <a:p>
                      <a:pPr algn="ctr"/>
                      <a:r>
                        <a:rPr kumimoji="1" lang="ja-JP" altLang="en-US" sz="1400" dirty="0"/>
                        <a:t>要求水準</a:t>
                      </a:r>
                    </a:p>
                  </a:txBody>
                  <a:tcPr/>
                </a:tc>
                <a:tc>
                  <a:txBody>
                    <a:bodyPr/>
                    <a:lstStyle/>
                    <a:p>
                      <a:pPr algn="ctr"/>
                      <a:r>
                        <a:rPr kumimoji="1" lang="ja-JP" altLang="en-US" sz="1400" dirty="0"/>
                        <a:t>基準値</a:t>
                      </a:r>
                    </a:p>
                  </a:txBody>
                  <a:tcPr/>
                </a:tc>
                <a:extLst>
                  <a:ext uri="{0D108BD9-81ED-4DB2-BD59-A6C34878D82A}">
                    <a16:rowId xmlns:a16="http://schemas.microsoft.com/office/drawing/2014/main" val="323263214"/>
                  </a:ext>
                </a:extLst>
              </a:tr>
              <a:tr h="1056324">
                <a:tc>
                  <a:txBody>
                    <a:bodyPr/>
                    <a:lstStyle/>
                    <a:p>
                      <a:r>
                        <a:rPr kumimoji="1" lang="ja-JP" altLang="en-US" sz="1400" dirty="0">
                          <a:solidFill>
                            <a:srgbClr val="FF0000"/>
                          </a:solidFill>
                        </a:rPr>
                        <a:t>道路陥没、下水つまり</a:t>
                      </a:r>
                      <a:r>
                        <a:rPr kumimoji="1" lang="ja-JP" altLang="en-US" sz="1400" dirty="0">
                          <a:solidFill>
                            <a:schemeClr val="tx1"/>
                          </a:solidFill>
                        </a:rPr>
                        <a:t>による第三者被害件数</a:t>
                      </a:r>
                      <a:endParaRPr kumimoji="1" lang="en-US" altLang="ja-JP" sz="1400" dirty="0">
                        <a:solidFill>
                          <a:schemeClr val="tx1"/>
                        </a:solidFill>
                      </a:endParaRPr>
                    </a:p>
                    <a:p>
                      <a:endParaRPr kumimoji="1" lang="en-US" altLang="ja-JP" sz="500" dirty="0"/>
                    </a:p>
                    <a:p>
                      <a:r>
                        <a:rPr kumimoji="1" lang="ja-JP" altLang="en-US" sz="1200" dirty="0"/>
                        <a:t>ただし、その原因が本市の管理施設に起因しない場合や</a:t>
                      </a:r>
                      <a:r>
                        <a:rPr kumimoji="1" lang="ja-JP" altLang="en-US" sz="1200" u="sng" dirty="0">
                          <a:solidFill>
                            <a:schemeClr val="tx1"/>
                          </a:solidFill>
                        </a:rPr>
                        <a:t>受注者の過失によらない場合を除く</a:t>
                      </a:r>
                      <a:r>
                        <a:rPr kumimoji="1" lang="ja-JP" altLang="en-US" sz="1200" dirty="0">
                          <a:solidFill>
                            <a:schemeClr val="tx1"/>
                          </a:solidFill>
                        </a:rPr>
                        <a:t>。</a:t>
                      </a:r>
                    </a:p>
                  </a:txBody>
                  <a:tcPr/>
                </a:tc>
                <a:tc>
                  <a:txBody>
                    <a:bodyPr/>
                    <a:lstStyle/>
                    <a:p>
                      <a:pPr algn="ctr"/>
                      <a:r>
                        <a:rPr kumimoji="1" lang="ja-JP" altLang="en-US" sz="1400" dirty="0"/>
                        <a:t>０件</a:t>
                      </a:r>
                      <a:r>
                        <a:rPr kumimoji="1" lang="en-US" altLang="ja-JP" sz="1400" dirty="0"/>
                        <a:t>/</a:t>
                      </a:r>
                      <a:r>
                        <a:rPr kumimoji="1" lang="ja-JP" altLang="en-US" sz="1400" dirty="0"/>
                        <a:t>年</a:t>
                      </a:r>
                    </a:p>
                  </a:txBody>
                  <a:tcPr/>
                </a:tc>
                <a:extLst>
                  <a:ext uri="{0D108BD9-81ED-4DB2-BD59-A6C34878D82A}">
                    <a16:rowId xmlns:a16="http://schemas.microsoft.com/office/drawing/2014/main" val="3837916373"/>
                  </a:ext>
                </a:extLst>
              </a:tr>
            </a:tbl>
          </a:graphicData>
        </a:graphic>
      </p:graphicFrame>
      <p:graphicFrame>
        <p:nvGraphicFramePr>
          <p:cNvPr id="7" name="表 6">
            <a:extLst>
              <a:ext uri="{FF2B5EF4-FFF2-40B4-BE49-F238E27FC236}">
                <a16:creationId xmlns:a16="http://schemas.microsoft.com/office/drawing/2014/main" id="{E0DDBB6C-9A4E-1F9F-C35C-A321C7614181}"/>
              </a:ext>
            </a:extLst>
          </p:cNvPr>
          <p:cNvGraphicFramePr>
            <a:graphicFrameLocks noGrp="1"/>
          </p:cNvGraphicFramePr>
          <p:nvPr>
            <p:extLst>
              <p:ext uri="{D42A27DB-BD31-4B8C-83A1-F6EECF244321}">
                <p14:modId xmlns:p14="http://schemas.microsoft.com/office/powerpoint/2010/main" val="2495284104"/>
              </p:ext>
            </p:extLst>
          </p:nvPr>
        </p:nvGraphicFramePr>
        <p:xfrm>
          <a:off x="4743578" y="1335477"/>
          <a:ext cx="5086223" cy="1388575"/>
        </p:xfrm>
        <a:graphic>
          <a:graphicData uri="http://schemas.openxmlformats.org/drawingml/2006/table">
            <a:tbl>
              <a:tblPr firstRow="1" bandRow="1">
                <a:tableStyleId>{5C22544A-7EE6-4342-B048-85BDC9FD1C3A}</a:tableStyleId>
              </a:tblPr>
              <a:tblGrid>
                <a:gridCol w="3070387">
                  <a:extLst>
                    <a:ext uri="{9D8B030D-6E8A-4147-A177-3AD203B41FA5}">
                      <a16:colId xmlns:a16="http://schemas.microsoft.com/office/drawing/2014/main" val="541223985"/>
                    </a:ext>
                  </a:extLst>
                </a:gridCol>
                <a:gridCol w="2015836">
                  <a:extLst>
                    <a:ext uri="{9D8B030D-6E8A-4147-A177-3AD203B41FA5}">
                      <a16:colId xmlns:a16="http://schemas.microsoft.com/office/drawing/2014/main" val="2773240376"/>
                    </a:ext>
                  </a:extLst>
                </a:gridCol>
              </a:tblGrid>
              <a:tr h="274523">
                <a:tc>
                  <a:txBody>
                    <a:bodyPr/>
                    <a:lstStyle/>
                    <a:p>
                      <a:pPr algn="ctr"/>
                      <a:r>
                        <a:rPr kumimoji="1" lang="ja-JP" altLang="en-US" sz="1400" dirty="0"/>
                        <a:t>評価基準</a:t>
                      </a:r>
                    </a:p>
                  </a:txBody>
                  <a:tcPr/>
                </a:tc>
                <a:tc>
                  <a:txBody>
                    <a:bodyPr/>
                    <a:lstStyle/>
                    <a:p>
                      <a:pPr algn="ctr"/>
                      <a:r>
                        <a:rPr kumimoji="1" lang="ja-JP" altLang="en-US" sz="1400" dirty="0"/>
                        <a:t>基準値</a:t>
                      </a:r>
                    </a:p>
                  </a:txBody>
                  <a:tcPr/>
                </a:tc>
                <a:extLst>
                  <a:ext uri="{0D108BD9-81ED-4DB2-BD59-A6C34878D82A}">
                    <a16:rowId xmlns:a16="http://schemas.microsoft.com/office/drawing/2014/main" val="323263214"/>
                  </a:ext>
                </a:extLst>
              </a:tr>
              <a:tr h="274523">
                <a:tc>
                  <a:txBody>
                    <a:bodyPr/>
                    <a:lstStyle/>
                    <a:p>
                      <a:r>
                        <a:rPr kumimoji="1" lang="ja-JP" altLang="en-US" sz="1400" dirty="0">
                          <a:solidFill>
                            <a:srgbClr val="FF0000"/>
                          </a:solidFill>
                        </a:rPr>
                        <a:t>道路陥没</a:t>
                      </a:r>
                      <a:r>
                        <a:rPr kumimoji="1" lang="ja-JP" altLang="en-US" sz="1400" dirty="0">
                          <a:solidFill>
                            <a:schemeClr val="tx1"/>
                          </a:solidFill>
                        </a:rPr>
                        <a:t>の発生件数</a:t>
                      </a:r>
                      <a:endParaRPr kumimoji="1" lang="en-US" altLang="ja-JP" sz="1400" dirty="0">
                        <a:solidFill>
                          <a:schemeClr val="tx1"/>
                        </a:solidFill>
                      </a:endParaRPr>
                    </a:p>
                  </a:txBody>
                  <a:tcPr/>
                </a:tc>
                <a:tc>
                  <a:txBody>
                    <a:bodyPr/>
                    <a:lstStyle/>
                    <a:p>
                      <a:pPr algn="ctr"/>
                      <a:r>
                        <a:rPr kumimoji="1" lang="en-US" altLang="ja-JP" sz="1400" dirty="0">
                          <a:solidFill>
                            <a:srgbClr val="FF0000"/>
                          </a:solidFill>
                        </a:rPr>
                        <a:t>265</a:t>
                      </a:r>
                      <a:r>
                        <a:rPr kumimoji="1" lang="ja-JP" altLang="en-US" sz="1400" dirty="0">
                          <a:solidFill>
                            <a:srgbClr val="FF0000"/>
                          </a:solidFill>
                        </a:rPr>
                        <a:t>件</a:t>
                      </a:r>
                      <a:r>
                        <a:rPr kumimoji="1" lang="en-US" altLang="ja-JP" sz="1400" dirty="0">
                          <a:solidFill>
                            <a:srgbClr val="FF0000"/>
                          </a:solidFill>
                        </a:rPr>
                        <a:t>/</a:t>
                      </a:r>
                      <a:r>
                        <a:rPr kumimoji="1" lang="ja-JP" altLang="en-US" sz="1400" dirty="0">
                          <a:solidFill>
                            <a:srgbClr val="FF0000"/>
                          </a:solidFill>
                        </a:rPr>
                        <a:t>年　以下</a:t>
                      </a:r>
                    </a:p>
                  </a:txBody>
                  <a:tcPr/>
                </a:tc>
                <a:extLst>
                  <a:ext uri="{0D108BD9-81ED-4DB2-BD59-A6C34878D82A}">
                    <a16:rowId xmlns:a16="http://schemas.microsoft.com/office/drawing/2014/main" val="3837916373"/>
                  </a:ext>
                </a:extLst>
              </a:tr>
              <a:tr h="27452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rgbClr val="FF0000"/>
                          </a:solidFill>
                        </a:rPr>
                        <a:t>下水つまり</a:t>
                      </a:r>
                      <a:r>
                        <a:rPr kumimoji="1" lang="ja-JP" altLang="en-US" sz="1400" dirty="0">
                          <a:solidFill>
                            <a:schemeClr val="tx1"/>
                          </a:solidFill>
                        </a:rPr>
                        <a:t>の発生件数</a:t>
                      </a:r>
                      <a:endParaRPr kumimoji="1" lang="en-US" altLang="ja-JP" sz="1400" dirty="0">
                        <a:solidFill>
                          <a:schemeClr val="tx1"/>
                        </a:solidFill>
                      </a:endParaRPr>
                    </a:p>
                  </a:txBody>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rgbClr val="FF0000"/>
                          </a:solidFill>
                        </a:rPr>
                        <a:t>935</a:t>
                      </a:r>
                      <a:r>
                        <a:rPr kumimoji="1" lang="ja-JP" altLang="en-US" sz="1400" dirty="0">
                          <a:solidFill>
                            <a:srgbClr val="FF0000"/>
                          </a:solidFill>
                        </a:rPr>
                        <a:t>件</a:t>
                      </a:r>
                      <a:r>
                        <a:rPr kumimoji="1" lang="en-US" altLang="ja-JP" sz="1400" dirty="0">
                          <a:solidFill>
                            <a:srgbClr val="FF0000"/>
                          </a:solidFill>
                        </a:rPr>
                        <a:t>/</a:t>
                      </a:r>
                      <a:r>
                        <a:rPr kumimoji="1" lang="ja-JP" altLang="en-US" sz="1400" dirty="0">
                          <a:solidFill>
                            <a:srgbClr val="FF0000"/>
                          </a:solidFill>
                        </a:rPr>
                        <a:t>年　以下</a:t>
                      </a:r>
                    </a:p>
                  </a:txBody>
                  <a:tcPr/>
                </a:tc>
                <a:extLst>
                  <a:ext uri="{0D108BD9-81ED-4DB2-BD59-A6C34878D82A}">
                    <a16:rowId xmlns:a16="http://schemas.microsoft.com/office/drawing/2014/main" val="892705701"/>
                  </a:ext>
                </a:extLst>
              </a:tr>
              <a:tr h="474175">
                <a:tc>
                  <a:txBody>
                    <a:bodyPr/>
                    <a:lstStyle/>
                    <a:p>
                      <a:r>
                        <a:rPr kumimoji="1" lang="ja-JP" altLang="en-US" sz="1400" dirty="0">
                          <a:solidFill>
                            <a:srgbClr val="FF0000"/>
                          </a:solidFill>
                        </a:rPr>
                        <a:t>道路陥没、下水つまり</a:t>
                      </a:r>
                      <a:r>
                        <a:rPr kumimoji="1" lang="ja-JP" altLang="en-US" sz="1400" dirty="0">
                          <a:solidFill>
                            <a:schemeClr val="tx1"/>
                          </a:solidFill>
                        </a:rPr>
                        <a:t>の申告対応時間</a:t>
                      </a:r>
                    </a:p>
                  </a:txBody>
                  <a:tcPr/>
                </a:tc>
                <a:tc>
                  <a:txBody>
                    <a:bodyPr/>
                    <a:lstStyle/>
                    <a:p>
                      <a:pPr algn="ctr"/>
                      <a:r>
                        <a:rPr kumimoji="1" lang="en-US" altLang="ja-JP" sz="1400" dirty="0"/>
                        <a:t>2</a:t>
                      </a:r>
                      <a:r>
                        <a:rPr kumimoji="1" lang="ja-JP" altLang="en-US" sz="1400" dirty="0"/>
                        <a:t>時間</a:t>
                      </a:r>
                      <a:r>
                        <a:rPr kumimoji="1" lang="en-US" altLang="ja-JP" sz="1400" dirty="0"/>
                        <a:t>45</a:t>
                      </a:r>
                      <a:r>
                        <a:rPr kumimoji="1" lang="ja-JP" altLang="en-US" sz="1400" dirty="0"/>
                        <a:t>分 以内</a:t>
                      </a:r>
                    </a:p>
                  </a:txBody>
                  <a:tcPr/>
                </a:tc>
                <a:extLst>
                  <a:ext uri="{0D108BD9-81ED-4DB2-BD59-A6C34878D82A}">
                    <a16:rowId xmlns:a16="http://schemas.microsoft.com/office/drawing/2014/main" val="1073826421"/>
                  </a:ext>
                </a:extLst>
              </a:tr>
            </a:tbl>
          </a:graphicData>
        </a:graphic>
      </p:graphicFrame>
      <p:sp>
        <p:nvSpPr>
          <p:cNvPr id="11" name="テキスト ボックス 10">
            <a:extLst>
              <a:ext uri="{FF2B5EF4-FFF2-40B4-BE49-F238E27FC236}">
                <a16:creationId xmlns:a16="http://schemas.microsoft.com/office/drawing/2014/main" id="{A3792C92-2E76-3B47-F44B-D2F6D4390E6A}"/>
              </a:ext>
            </a:extLst>
          </p:cNvPr>
          <p:cNvSpPr txBox="1"/>
          <p:nvPr/>
        </p:nvSpPr>
        <p:spPr>
          <a:xfrm>
            <a:off x="0" y="3254478"/>
            <a:ext cx="9788447" cy="348813"/>
          </a:xfrm>
          <a:prstGeom prst="rect">
            <a:avLst/>
          </a:prstGeom>
          <a:noFill/>
        </p:spPr>
        <p:txBody>
          <a:bodyPr wrap="square" rtlCol="0">
            <a:spAutoFit/>
          </a:bodyPr>
          <a:lstStyle/>
          <a:p>
            <a:pPr lvl="0">
              <a:lnSpc>
                <a:spcPts val="2000"/>
              </a:lnSpc>
            </a:pP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道路陥没・下水つまりの発生状況</a:t>
            </a: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　</a:t>
            </a:r>
            <a:endParaRPr lang="en-US" altLang="ja-JP" dirty="0">
              <a:latin typeface="BIZ UDPゴシック" panose="020B0400000000000000" pitchFamily="50" charset="-128"/>
              <a:ea typeface="BIZ UDPゴシック" panose="020B0400000000000000" pitchFamily="50" charset="-128"/>
            </a:endParaRPr>
          </a:p>
        </p:txBody>
      </p:sp>
      <p:pic>
        <p:nvPicPr>
          <p:cNvPr id="21" name="図 20">
            <a:extLst>
              <a:ext uri="{FF2B5EF4-FFF2-40B4-BE49-F238E27FC236}">
                <a16:creationId xmlns:a16="http://schemas.microsoft.com/office/drawing/2014/main" id="{A9938A56-F3FC-A004-420C-27A2C23EE05A}"/>
              </a:ext>
            </a:extLst>
          </p:cNvPr>
          <p:cNvPicPr>
            <a:picLocks noChangeAspect="1"/>
          </p:cNvPicPr>
          <p:nvPr/>
        </p:nvPicPr>
        <p:blipFill>
          <a:blip r:embed="rId3"/>
          <a:srcRect r="2575"/>
          <a:stretch/>
        </p:blipFill>
        <p:spPr>
          <a:xfrm>
            <a:off x="0" y="3483062"/>
            <a:ext cx="4985463" cy="2760980"/>
          </a:xfrm>
          <a:prstGeom prst="rect">
            <a:avLst/>
          </a:prstGeom>
          <a:ln>
            <a:solidFill>
              <a:schemeClr val="accent1">
                <a:alpha val="0"/>
              </a:schemeClr>
            </a:solidFill>
          </a:ln>
        </p:spPr>
      </p:pic>
      <p:pic>
        <p:nvPicPr>
          <p:cNvPr id="22" name="図 21">
            <a:extLst>
              <a:ext uri="{FF2B5EF4-FFF2-40B4-BE49-F238E27FC236}">
                <a16:creationId xmlns:a16="http://schemas.microsoft.com/office/drawing/2014/main" id="{4E3DE9E0-6A87-2F20-8D08-A78E998DCE67}"/>
              </a:ext>
            </a:extLst>
          </p:cNvPr>
          <p:cNvPicPr>
            <a:picLocks noChangeAspect="1"/>
          </p:cNvPicPr>
          <p:nvPr/>
        </p:nvPicPr>
        <p:blipFill>
          <a:blip r:embed="rId4"/>
          <a:srcRect r="2575"/>
          <a:stretch/>
        </p:blipFill>
        <p:spPr>
          <a:xfrm>
            <a:off x="4869739" y="3576203"/>
            <a:ext cx="5061662" cy="2694928"/>
          </a:xfrm>
          <a:prstGeom prst="rect">
            <a:avLst/>
          </a:prstGeom>
          <a:ln>
            <a:solidFill>
              <a:schemeClr val="accent1">
                <a:alpha val="0"/>
              </a:schemeClr>
            </a:solidFill>
          </a:ln>
        </p:spPr>
      </p:pic>
      <p:sp>
        <p:nvSpPr>
          <p:cNvPr id="23" name="テキスト ボックス 22">
            <a:extLst>
              <a:ext uri="{FF2B5EF4-FFF2-40B4-BE49-F238E27FC236}">
                <a16:creationId xmlns:a16="http://schemas.microsoft.com/office/drawing/2014/main" id="{FE2DCFEA-8319-D128-5CC8-18509B180242}"/>
              </a:ext>
            </a:extLst>
          </p:cNvPr>
          <p:cNvSpPr txBox="1"/>
          <p:nvPr/>
        </p:nvSpPr>
        <p:spPr>
          <a:xfrm>
            <a:off x="296625" y="2785223"/>
            <a:ext cx="9609375" cy="369332"/>
          </a:xfrm>
          <a:prstGeom prst="rect">
            <a:avLst/>
          </a:prstGeom>
          <a:noFill/>
        </p:spPr>
        <p:txBody>
          <a:bodyPr wrap="square" rtlCol="0">
            <a:spAutoFit/>
          </a:bodyPr>
          <a:lstStyle/>
          <a:p>
            <a:pPr lvl="0"/>
            <a:r>
              <a:rPr lang="ja-JP" altLang="en-US" dirty="0">
                <a:latin typeface="BIZ UDPゴシック" panose="020B0400000000000000" pitchFamily="50" charset="-128"/>
                <a:ea typeface="BIZ UDPゴシック" panose="020B0400000000000000" pitchFamily="50" charset="-128"/>
              </a:rPr>
              <a:t>➡　管路施設に対するサービスレベルは、</a:t>
            </a:r>
            <a:r>
              <a:rPr lang="ja-JP" altLang="en-US" u="sng" dirty="0">
                <a:solidFill>
                  <a:srgbClr val="FF0000"/>
                </a:solidFill>
                <a:latin typeface="BIZ UDPゴシック" panose="020B0400000000000000" pitchFamily="50" charset="-128"/>
                <a:ea typeface="BIZ UDPゴシック" panose="020B0400000000000000" pitchFamily="50" charset="-128"/>
              </a:rPr>
              <a:t>「道路陥没」と「下水つまり」を主要な指標</a:t>
            </a:r>
            <a:r>
              <a:rPr lang="ja-JP" altLang="en-US" dirty="0">
                <a:latin typeface="BIZ UDPゴシック" panose="020B0400000000000000" pitchFamily="50" charset="-128"/>
                <a:ea typeface="BIZ UDPゴシック" panose="020B0400000000000000" pitchFamily="50" charset="-128"/>
              </a:rPr>
              <a:t>としている。</a:t>
            </a:r>
            <a:endParaRPr lang="en-US" altLang="ja-JP" sz="1200" u="sng" dirty="0">
              <a:solidFill>
                <a:srgbClr val="FF0000"/>
              </a:solidFill>
              <a:latin typeface="BIZ UDPゴシック" panose="020B0400000000000000" pitchFamily="50" charset="-128"/>
              <a:ea typeface="BIZ UDPゴシック" panose="020B0400000000000000" pitchFamily="50" charset="-128"/>
            </a:endParaRPr>
          </a:p>
        </p:txBody>
      </p:sp>
      <p:sp>
        <p:nvSpPr>
          <p:cNvPr id="24" name="テキスト ボックス 23">
            <a:extLst>
              <a:ext uri="{FF2B5EF4-FFF2-40B4-BE49-F238E27FC236}">
                <a16:creationId xmlns:a16="http://schemas.microsoft.com/office/drawing/2014/main" id="{2C3438C8-C47F-5AC6-4D36-9268F9405EDD}"/>
              </a:ext>
            </a:extLst>
          </p:cNvPr>
          <p:cNvSpPr txBox="1"/>
          <p:nvPr/>
        </p:nvSpPr>
        <p:spPr>
          <a:xfrm>
            <a:off x="681948" y="6136978"/>
            <a:ext cx="9788447" cy="646331"/>
          </a:xfrm>
          <a:prstGeom prst="rect">
            <a:avLst/>
          </a:prstGeom>
          <a:noFill/>
        </p:spPr>
        <p:txBody>
          <a:bodyPr wrap="square" rtlCol="0">
            <a:spAutoFit/>
          </a:bodyPr>
          <a:lstStyle/>
          <a:p>
            <a:pPr lvl="0"/>
            <a:r>
              <a:rPr lang="ja-JP" altLang="en-US" dirty="0">
                <a:latin typeface="BIZ UDPゴシック" panose="020B0400000000000000" pitchFamily="50" charset="-128"/>
                <a:ea typeface="BIZ UDPゴシック" panose="020B0400000000000000" pitchFamily="50" charset="-128"/>
              </a:rPr>
              <a:t>➡　包括委託実施以前より、</a:t>
            </a:r>
            <a:r>
              <a:rPr lang="ja-JP" altLang="en-US" u="sng" dirty="0">
                <a:solidFill>
                  <a:srgbClr val="FF0000"/>
                </a:solidFill>
                <a:latin typeface="BIZ UDPゴシック" panose="020B0400000000000000" pitchFamily="50" charset="-128"/>
                <a:ea typeface="BIZ UDPゴシック" panose="020B0400000000000000" pitchFamily="50" charset="-128"/>
              </a:rPr>
              <a:t>評価基準値はおおむね達成</a:t>
            </a:r>
            <a:r>
              <a:rPr lang="ja-JP" altLang="en-US" dirty="0">
                <a:latin typeface="BIZ UDPゴシック" panose="020B0400000000000000" pitchFamily="50" charset="-128"/>
                <a:ea typeface="BIZ UDPゴシック" panose="020B0400000000000000" pitchFamily="50" charset="-128"/>
              </a:rPr>
              <a:t>している。</a:t>
            </a:r>
            <a:endParaRPr lang="en-US" altLang="ja-JP" dirty="0">
              <a:latin typeface="BIZ UDPゴシック" panose="020B0400000000000000" pitchFamily="50" charset="-128"/>
              <a:ea typeface="BIZ UDPゴシック" panose="020B0400000000000000" pitchFamily="50" charset="-128"/>
            </a:endParaRPr>
          </a:p>
          <a:p>
            <a:pPr lvl="0"/>
            <a:r>
              <a:rPr lang="ja-JP" altLang="en-US" dirty="0">
                <a:latin typeface="BIZ UDPゴシック" panose="020B0400000000000000" pitchFamily="50" charset="-128"/>
                <a:ea typeface="BIZ UDPゴシック" panose="020B0400000000000000" pitchFamily="50" charset="-128"/>
              </a:rPr>
              <a:t>　　　　　　（</a:t>
            </a:r>
            <a:r>
              <a:rPr lang="en-US" altLang="ja-JP" dirty="0">
                <a:latin typeface="BIZ UDPゴシック" panose="020B0400000000000000" pitchFamily="50" charset="-128"/>
                <a:ea typeface="BIZ UDPゴシック" panose="020B0400000000000000" pitchFamily="50" charset="-128"/>
              </a:rPr>
              <a:t>H23</a:t>
            </a:r>
            <a:r>
              <a:rPr lang="ja-JP" altLang="en-US" dirty="0">
                <a:latin typeface="BIZ UDPゴシック" panose="020B0400000000000000" pitchFamily="50" charset="-128"/>
                <a:ea typeface="BIZ UDPゴシック" panose="020B0400000000000000" pitchFamily="50" charset="-128"/>
              </a:rPr>
              <a:t>年度［道路陥没件数：</a:t>
            </a:r>
            <a:r>
              <a:rPr lang="en-US" altLang="ja-JP" dirty="0">
                <a:latin typeface="BIZ UDPゴシック" panose="020B0400000000000000" pitchFamily="50" charset="-128"/>
                <a:ea typeface="BIZ UDPゴシック" panose="020B0400000000000000" pitchFamily="50" charset="-128"/>
              </a:rPr>
              <a:t>301</a:t>
            </a:r>
            <a:r>
              <a:rPr lang="ja-JP" altLang="en-US" dirty="0">
                <a:latin typeface="BIZ UDPゴシック" panose="020B0400000000000000" pitchFamily="50" charset="-128"/>
                <a:ea typeface="BIZ UDPゴシック" panose="020B0400000000000000" pitchFamily="50" charset="-128"/>
              </a:rPr>
              <a:t>件</a:t>
            </a: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年］は、本市直営で維持管理を実施）</a:t>
            </a:r>
            <a:endParaRPr lang="en-US" altLang="ja-JP" dirty="0">
              <a:latin typeface="BIZ UDPゴシック" panose="020B0400000000000000" pitchFamily="50" charset="-128"/>
              <a:ea typeface="BIZ UDPゴシック" panose="020B0400000000000000" pitchFamily="50" charset="-128"/>
            </a:endParaRPr>
          </a:p>
        </p:txBody>
      </p:sp>
      <p:sp>
        <p:nvSpPr>
          <p:cNvPr id="4" name="角丸四角形 17">
            <a:extLst>
              <a:ext uri="{FF2B5EF4-FFF2-40B4-BE49-F238E27FC236}">
                <a16:creationId xmlns:a16="http://schemas.microsoft.com/office/drawing/2014/main" id="{A050CC44-23FF-04C2-8780-7D1D85EC321B}"/>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8" name="角丸四角形 17">
            <a:extLst>
              <a:ext uri="{FF2B5EF4-FFF2-40B4-BE49-F238E27FC236}">
                <a16:creationId xmlns:a16="http://schemas.microsoft.com/office/drawing/2014/main" id="{6C54F542-9ED0-AF0D-A596-DB7383DE2ADF}"/>
              </a:ext>
            </a:extLst>
          </p:cNvPr>
          <p:cNvSpPr/>
          <p:nvPr/>
        </p:nvSpPr>
        <p:spPr>
          <a:xfrm>
            <a:off x="17811" y="62333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③　評価基準値の見直しについて（評価基準値の定め方</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管路施設</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 ）　</a:t>
            </a:r>
            <a:endParaRPr lang="en-US" altLang="ja-JP" sz="2275" u="sng"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2903184458"/>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テキスト ボックス 11">
            <a:extLst>
              <a:ext uri="{FF2B5EF4-FFF2-40B4-BE49-F238E27FC236}">
                <a16:creationId xmlns:a16="http://schemas.microsoft.com/office/drawing/2014/main" id="{11A38A9B-86DB-53E3-D0F3-480F9CF898E6}"/>
              </a:ext>
            </a:extLst>
          </p:cNvPr>
          <p:cNvSpPr txBox="1"/>
          <p:nvPr/>
        </p:nvSpPr>
        <p:spPr>
          <a:xfrm>
            <a:off x="0" y="962202"/>
            <a:ext cx="9788447" cy="348813"/>
          </a:xfrm>
          <a:prstGeom prst="rect">
            <a:avLst/>
          </a:prstGeom>
          <a:noFill/>
        </p:spPr>
        <p:txBody>
          <a:bodyPr wrap="square" rtlCol="0">
            <a:spAutoFit/>
          </a:bodyPr>
          <a:lstStyle/>
          <a:p>
            <a:pPr lvl="0">
              <a:lnSpc>
                <a:spcPts val="2000"/>
              </a:lnSpc>
            </a:pPr>
            <a:r>
              <a:rPr lang="en-US" altLang="ja-JP" dirty="0">
                <a:latin typeface="BIZ UDPゴシック" panose="020B0400000000000000" pitchFamily="50" charset="-128"/>
                <a:ea typeface="BIZ UDPゴシック" panose="020B0400000000000000" pitchFamily="50" charset="-128"/>
              </a:rPr>
              <a:t>【CWO</a:t>
            </a:r>
            <a:r>
              <a:rPr lang="ja-JP" altLang="en-US" dirty="0">
                <a:latin typeface="BIZ UDPゴシック" panose="020B0400000000000000" pitchFamily="50" charset="-128"/>
                <a:ea typeface="BIZ UDPゴシック" panose="020B0400000000000000" pitchFamily="50" charset="-128"/>
              </a:rPr>
              <a:t>からの提案内容</a:t>
            </a:r>
            <a:r>
              <a:rPr lang="en-US" altLang="ja-JP" dirty="0">
                <a:latin typeface="BIZ UDPゴシック" panose="020B0400000000000000" pitchFamily="50" charset="-128"/>
                <a:ea typeface="BIZ UDPゴシック" panose="020B0400000000000000" pitchFamily="50" charset="-128"/>
              </a:rPr>
              <a:t>】</a:t>
            </a:r>
          </a:p>
        </p:txBody>
      </p:sp>
      <p:sp>
        <p:nvSpPr>
          <p:cNvPr id="5" name="スライド番号プレースホルダー 4">
            <a:extLst>
              <a:ext uri="{FF2B5EF4-FFF2-40B4-BE49-F238E27FC236}">
                <a16:creationId xmlns:a16="http://schemas.microsoft.com/office/drawing/2014/main" id="{CF0B7D60-5515-433C-2201-F6210F72FA1A}"/>
              </a:ext>
            </a:extLst>
          </p:cNvPr>
          <p:cNvSpPr>
            <a:spLocks noGrp="1"/>
          </p:cNvSpPr>
          <p:nvPr>
            <p:ph type="sldNum" sz="quarter" idx="12"/>
          </p:nvPr>
        </p:nvSpPr>
        <p:spPr/>
        <p:txBody>
          <a:bodyPr/>
          <a:lstStyle/>
          <a:p>
            <a:fld id="{36EC18DB-A5DF-4E0E-B815-FCD04A2C4B2C}" type="slidenum">
              <a:rPr kumimoji="1" lang="ja-JP" altLang="en-US" smtClean="0"/>
              <a:t>47</a:t>
            </a:fld>
            <a:endParaRPr kumimoji="1" lang="ja-JP" altLang="en-US"/>
          </a:p>
        </p:txBody>
      </p:sp>
      <p:pic>
        <p:nvPicPr>
          <p:cNvPr id="7" name="図 6">
            <a:extLst>
              <a:ext uri="{FF2B5EF4-FFF2-40B4-BE49-F238E27FC236}">
                <a16:creationId xmlns:a16="http://schemas.microsoft.com/office/drawing/2014/main" id="{95F143B2-FAD1-1FCE-AA37-3A39094093F0}"/>
              </a:ext>
            </a:extLst>
          </p:cNvPr>
          <p:cNvPicPr>
            <a:picLocks noChangeAspect="1"/>
          </p:cNvPicPr>
          <p:nvPr/>
        </p:nvPicPr>
        <p:blipFill>
          <a:blip r:embed="rId3"/>
          <a:srcRect t="9773"/>
          <a:stretch/>
        </p:blipFill>
        <p:spPr>
          <a:xfrm>
            <a:off x="581648" y="1310985"/>
            <a:ext cx="8742704" cy="5472324"/>
          </a:xfrm>
          <a:prstGeom prst="rect">
            <a:avLst/>
          </a:prstGeom>
          <a:ln>
            <a:solidFill>
              <a:schemeClr val="tx1"/>
            </a:solidFill>
          </a:ln>
        </p:spPr>
      </p:pic>
      <p:sp>
        <p:nvSpPr>
          <p:cNvPr id="3" name="角丸四角形 17">
            <a:extLst>
              <a:ext uri="{FF2B5EF4-FFF2-40B4-BE49-F238E27FC236}">
                <a16:creationId xmlns:a16="http://schemas.microsoft.com/office/drawing/2014/main" id="{277E3577-5A93-FFB8-E185-774E038E4557}"/>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6" name="四角形: 角を丸くする 5">
            <a:extLst>
              <a:ext uri="{FF2B5EF4-FFF2-40B4-BE49-F238E27FC236}">
                <a16:creationId xmlns:a16="http://schemas.microsoft.com/office/drawing/2014/main" id="{87071524-428D-8FE1-C824-C88032518508}"/>
              </a:ext>
            </a:extLst>
          </p:cNvPr>
          <p:cNvSpPr/>
          <p:nvPr/>
        </p:nvSpPr>
        <p:spPr>
          <a:xfrm>
            <a:off x="3729037" y="2281238"/>
            <a:ext cx="3033713" cy="290513"/>
          </a:xfrm>
          <a:prstGeom prst="roundRect">
            <a:avLst>
              <a:gd name="adj" fmla="val 7093"/>
            </a:avLst>
          </a:prstGeom>
          <a:noFill/>
          <a:ln w="76200">
            <a:solidFill>
              <a:srgbClr val="0000FF"/>
            </a:solidFill>
            <a:prstDash val="soli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17">
            <a:extLst>
              <a:ext uri="{FF2B5EF4-FFF2-40B4-BE49-F238E27FC236}">
                <a16:creationId xmlns:a16="http://schemas.microsoft.com/office/drawing/2014/main" id="{D5646D41-BA8E-35D8-111F-75041501E67D}"/>
              </a:ext>
            </a:extLst>
          </p:cNvPr>
          <p:cNvSpPr/>
          <p:nvPr/>
        </p:nvSpPr>
        <p:spPr>
          <a:xfrm>
            <a:off x="17811" y="62333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③　評価基準値の見直しについて（評価基準値の定め方</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管路施設</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 ）　</a:t>
            </a:r>
            <a:endParaRPr lang="en-US" altLang="ja-JP" sz="2275" u="sng"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1567703594"/>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CF0B7D60-5515-433C-2201-F6210F72FA1A}"/>
              </a:ext>
            </a:extLst>
          </p:cNvPr>
          <p:cNvSpPr>
            <a:spLocks noGrp="1"/>
          </p:cNvSpPr>
          <p:nvPr>
            <p:ph type="sldNum" sz="quarter" idx="12"/>
          </p:nvPr>
        </p:nvSpPr>
        <p:spPr/>
        <p:txBody>
          <a:bodyPr/>
          <a:lstStyle/>
          <a:p>
            <a:fld id="{36EC18DB-A5DF-4E0E-B815-FCD04A2C4B2C}" type="slidenum">
              <a:rPr kumimoji="1" lang="ja-JP" altLang="en-US" smtClean="0"/>
              <a:t>48</a:t>
            </a:fld>
            <a:endParaRPr kumimoji="1" lang="ja-JP" altLang="en-US"/>
          </a:p>
        </p:txBody>
      </p:sp>
      <p:sp>
        <p:nvSpPr>
          <p:cNvPr id="3" name="テキスト ボックス 2">
            <a:extLst>
              <a:ext uri="{FF2B5EF4-FFF2-40B4-BE49-F238E27FC236}">
                <a16:creationId xmlns:a16="http://schemas.microsoft.com/office/drawing/2014/main" id="{5945FC8E-2D14-222A-F2A0-C89B49236722}"/>
              </a:ext>
            </a:extLst>
          </p:cNvPr>
          <p:cNvSpPr txBox="1"/>
          <p:nvPr/>
        </p:nvSpPr>
        <p:spPr>
          <a:xfrm>
            <a:off x="0" y="949477"/>
            <a:ext cx="9788447" cy="348813"/>
          </a:xfrm>
          <a:prstGeom prst="rect">
            <a:avLst/>
          </a:prstGeom>
          <a:noFill/>
        </p:spPr>
        <p:txBody>
          <a:bodyPr wrap="square" rtlCol="0">
            <a:spAutoFit/>
          </a:bodyPr>
          <a:lstStyle/>
          <a:p>
            <a:pPr lvl="0">
              <a:lnSpc>
                <a:spcPts val="2000"/>
              </a:lnSpc>
            </a:pP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評価基準値の見直し</a:t>
            </a: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　</a:t>
            </a:r>
            <a:endParaRPr lang="en-US" altLang="ja-JP" dirty="0">
              <a:latin typeface="BIZ UDPゴシック" panose="020B0400000000000000" pitchFamily="50" charset="-128"/>
              <a:ea typeface="BIZ UDPゴシック" panose="020B0400000000000000" pitchFamily="50" charset="-128"/>
            </a:endParaRPr>
          </a:p>
        </p:txBody>
      </p:sp>
      <p:sp>
        <p:nvSpPr>
          <p:cNvPr id="6" name="テキスト ボックス 5">
            <a:extLst>
              <a:ext uri="{FF2B5EF4-FFF2-40B4-BE49-F238E27FC236}">
                <a16:creationId xmlns:a16="http://schemas.microsoft.com/office/drawing/2014/main" id="{E14AD379-272B-12E2-FB8C-DEDD05E5B8D3}"/>
              </a:ext>
            </a:extLst>
          </p:cNvPr>
          <p:cNvSpPr txBox="1"/>
          <p:nvPr/>
        </p:nvSpPr>
        <p:spPr>
          <a:xfrm>
            <a:off x="32658" y="1280398"/>
            <a:ext cx="9788447" cy="1374735"/>
          </a:xfrm>
          <a:prstGeom prst="rect">
            <a:avLst/>
          </a:prstGeom>
          <a:noFill/>
        </p:spPr>
        <p:txBody>
          <a:bodyPr wrap="square" rtlCol="0">
            <a:spAutoFit/>
          </a:bodyPr>
          <a:lstStyle/>
          <a:p>
            <a:pPr marL="285750" lvl="0" indent="-285750">
              <a:lnSpc>
                <a:spcPts val="2000"/>
              </a:lnSpc>
              <a:buFont typeface="Wingdings" panose="05000000000000000000" pitchFamily="2" charset="2"/>
              <a:buChar char="ü"/>
            </a:pPr>
            <a:r>
              <a:rPr lang="ja-JP" altLang="en-US" dirty="0">
                <a:latin typeface="BIZ UDPゴシック" panose="020B0400000000000000" pitchFamily="50" charset="-128"/>
                <a:ea typeface="BIZ UDPゴシック" panose="020B0400000000000000" pitchFamily="50" charset="-128"/>
              </a:rPr>
              <a:t>包括委託契約では、質の高い下水道サービスの提供の維持・</a:t>
            </a:r>
            <a:r>
              <a:rPr lang="ja-JP" altLang="en-US" dirty="0">
                <a:solidFill>
                  <a:srgbClr val="FF0000"/>
                </a:solidFill>
                <a:latin typeface="BIZ UDPゴシック" panose="020B0400000000000000" pitchFamily="50" charset="-128"/>
                <a:ea typeface="BIZ UDPゴシック" panose="020B0400000000000000" pitchFamily="50" charset="-128"/>
              </a:rPr>
              <a:t>向上を求めている</a:t>
            </a:r>
            <a:r>
              <a:rPr lang="ja-JP" altLang="en-US" dirty="0">
                <a:latin typeface="BIZ UDPゴシック" panose="020B0400000000000000" pitchFamily="50" charset="-128"/>
                <a:ea typeface="BIZ UDPゴシック" panose="020B0400000000000000" pitchFamily="50" charset="-128"/>
              </a:rPr>
              <a:t>。　　</a:t>
            </a:r>
            <a:endParaRPr lang="en-US" altLang="ja-JP" dirty="0">
              <a:latin typeface="BIZ UDPゴシック" panose="020B0400000000000000" pitchFamily="50" charset="-128"/>
              <a:ea typeface="BIZ UDPゴシック" panose="020B0400000000000000" pitchFamily="50" charset="-128"/>
            </a:endParaRPr>
          </a:p>
          <a:p>
            <a:pPr marL="285750" lvl="0" indent="-285750">
              <a:lnSpc>
                <a:spcPts val="2000"/>
              </a:lnSpc>
              <a:buFont typeface="Wingdings" panose="05000000000000000000" pitchFamily="2" charset="2"/>
              <a:buChar char="ü"/>
            </a:pPr>
            <a:r>
              <a:rPr lang="ja-JP" altLang="en-US" dirty="0">
                <a:latin typeface="BIZ UDPゴシック" panose="020B0400000000000000" pitchFamily="50" charset="-128"/>
                <a:ea typeface="BIZ UDPゴシック" panose="020B0400000000000000" pitchFamily="50" charset="-128"/>
              </a:rPr>
              <a:t>「道路陥没」「下水つまり」の事故をゼロにするのは困難であるが、他都市との比較を踏まえ、　</a:t>
            </a:r>
            <a:r>
              <a:rPr lang="ja-JP" altLang="en-US" dirty="0">
                <a:solidFill>
                  <a:srgbClr val="FF0000"/>
                </a:solidFill>
                <a:latin typeface="BIZ UDPゴシック" panose="020B0400000000000000" pitchFamily="50" charset="-128"/>
                <a:ea typeface="BIZ UDPゴシック" panose="020B0400000000000000" pitchFamily="50" charset="-128"/>
              </a:rPr>
              <a:t>事故削減に向けた取組みの強化が必要</a:t>
            </a:r>
            <a:r>
              <a:rPr lang="ja-JP" altLang="en-US" dirty="0">
                <a:latin typeface="BIZ UDPゴシック" panose="020B0400000000000000" pitchFamily="50" charset="-128"/>
                <a:ea typeface="BIZ UDPゴシック" panose="020B0400000000000000" pitchFamily="50" charset="-128"/>
              </a:rPr>
              <a:t>である。</a:t>
            </a:r>
            <a:endParaRPr lang="en-US" altLang="ja-JP" dirty="0">
              <a:latin typeface="BIZ UDPゴシック" panose="020B0400000000000000" pitchFamily="50" charset="-128"/>
              <a:ea typeface="BIZ UDPゴシック" panose="020B0400000000000000" pitchFamily="50" charset="-128"/>
            </a:endParaRPr>
          </a:p>
          <a:p>
            <a:pPr marL="285750" lvl="0" indent="-285750">
              <a:lnSpc>
                <a:spcPts val="2000"/>
              </a:lnSpc>
              <a:buFont typeface="Wingdings" panose="05000000000000000000" pitchFamily="2" charset="2"/>
              <a:buChar char="ü"/>
            </a:pPr>
            <a:r>
              <a:rPr lang="ja-JP" altLang="en-US" dirty="0">
                <a:latin typeface="BIZ UDPゴシック" panose="020B0400000000000000" pitchFamily="50" charset="-128"/>
                <a:ea typeface="BIZ UDPゴシック" panose="020B0400000000000000" pitchFamily="50" charset="-128"/>
              </a:rPr>
              <a:t>大阪市・</a:t>
            </a:r>
            <a:r>
              <a:rPr lang="en-US" altLang="ja-JP" dirty="0">
                <a:latin typeface="BIZ UDPゴシック" panose="020B0400000000000000" pitchFamily="50" charset="-128"/>
                <a:ea typeface="BIZ UDPゴシック" panose="020B0400000000000000" pitchFamily="50" charset="-128"/>
              </a:rPr>
              <a:t>CWO</a:t>
            </a:r>
            <a:r>
              <a:rPr lang="ja-JP" altLang="en-US" dirty="0">
                <a:latin typeface="BIZ UDPゴシック" panose="020B0400000000000000" pitchFamily="50" charset="-128"/>
                <a:ea typeface="BIZ UDPゴシック" panose="020B0400000000000000" pitchFamily="50" charset="-128"/>
              </a:rPr>
              <a:t>の双方で取組みを強化しているが、事故削減に対する寄与率は設定困難。　　　（どちらか一方にインセンティブを与えるのは無理）</a:t>
            </a:r>
            <a:endParaRPr lang="en-US" altLang="ja-JP" dirty="0">
              <a:latin typeface="BIZ UDPゴシック" panose="020B0400000000000000" pitchFamily="50" charset="-128"/>
              <a:ea typeface="BIZ UDPゴシック" panose="020B0400000000000000" pitchFamily="50" charset="-128"/>
            </a:endParaRPr>
          </a:p>
        </p:txBody>
      </p:sp>
      <p:pic>
        <p:nvPicPr>
          <p:cNvPr id="8" name="図 7">
            <a:extLst>
              <a:ext uri="{FF2B5EF4-FFF2-40B4-BE49-F238E27FC236}">
                <a16:creationId xmlns:a16="http://schemas.microsoft.com/office/drawing/2014/main" id="{728A109B-56AA-8E33-F416-8088D6CDFD34}"/>
              </a:ext>
            </a:extLst>
          </p:cNvPr>
          <p:cNvPicPr>
            <a:picLocks noChangeAspect="1"/>
          </p:cNvPicPr>
          <p:nvPr/>
        </p:nvPicPr>
        <p:blipFill>
          <a:blip r:embed="rId3"/>
          <a:srcRect r="20795"/>
          <a:stretch/>
        </p:blipFill>
        <p:spPr>
          <a:xfrm>
            <a:off x="642230" y="3304767"/>
            <a:ext cx="6585500" cy="1044000"/>
          </a:xfrm>
          <a:prstGeom prst="rect">
            <a:avLst/>
          </a:prstGeom>
        </p:spPr>
      </p:pic>
      <p:pic>
        <p:nvPicPr>
          <p:cNvPr id="9" name="図 8">
            <a:extLst>
              <a:ext uri="{FF2B5EF4-FFF2-40B4-BE49-F238E27FC236}">
                <a16:creationId xmlns:a16="http://schemas.microsoft.com/office/drawing/2014/main" id="{A6B6493E-9478-3C8C-7901-B38E6F6D6309}"/>
              </a:ext>
            </a:extLst>
          </p:cNvPr>
          <p:cNvPicPr>
            <a:picLocks noChangeAspect="1"/>
          </p:cNvPicPr>
          <p:nvPr/>
        </p:nvPicPr>
        <p:blipFill>
          <a:blip r:embed="rId4"/>
          <a:srcRect r="16872"/>
          <a:stretch/>
        </p:blipFill>
        <p:spPr>
          <a:xfrm>
            <a:off x="642229" y="4444686"/>
            <a:ext cx="8553731" cy="1050132"/>
          </a:xfrm>
          <a:prstGeom prst="rect">
            <a:avLst/>
          </a:prstGeom>
        </p:spPr>
      </p:pic>
      <p:sp>
        <p:nvSpPr>
          <p:cNvPr id="10" name="テキスト ボックス 9">
            <a:extLst>
              <a:ext uri="{FF2B5EF4-FFF2-40B4-BE49-F238E27FC236}">
                <a16:creationId xmlns:a16="http://schemas.microsoft.com/office/drawing/2014/main" id="{264CE6BC-1D97-C73D-85D2-67D8600129A7}"/>
              </a:ext>
            </a:extLst>
          </p:cNvPr>
          <p:cNvSpPr txBox="1"/>
          <p:nvPr/>
        </p:nvSpPr>
        <p:spPr>
          <a:xfrm>
            <a:off x="1338010" y="5569465"/>
            <a:ext cx="6977743" cy="769441"/>
          </a:xfrm>
          <a:prstGeom prst="rect">
            <a:avLst/>
          </a:prstGeom>
          <a:solidFill>
            <a:srgbClr val="00FFFF"/>
          </a:solidFill>
          <a:ln>
            <a:solidFill>
              <a:schemeClr val="tx1"/>
            </a:solidFill>
          </a:ln>
        </p:spPr>
        <p:txBody>
          <a:bodyPr wrap="square" rtlCol="0" anchor="ctr">
            <a:spAutoFit/>
          </a:bodyPr>
          <a:lstStyle/>
          <a:p>
            <a:pPr lvl="0"/>
            <a:r>
              <a:rPr lang="ja-JP" altLang="en-US" dirty="0">
                <a:latin typeface="BIZ UDPゴシック" panose="020B0400000000000000" pitchFamily="50" charset="-128"/>
                <a:ea typeface="BIZ UDPゴシック" panose="020B0400000000000000" pitchFamily="50" charset="-128"/>
              </a:rPr>
              <a:t>　　◎道路陥没　：　</a:t>
            </a:r>
            <a:r>
              <a:rPr lang="en-US" altLang="ja-JP" dirty="0">
                <a:latin typeface="BIZ UDPゴシック" panose="020B0400000000000000" pitchFamily="50" charset="-128"/>
                <a:ea typeface="BIZ UDPゴシック" panose="020B0400000000000000" pitchFamily="50" charset="-128"/>
              </a:rPr>
              <a:t>265</a:t>
            </a:r>
            <a:r>
              <a:rPr lang="ja-JP" altLang="en-US" dirty="0">
                <a:latin typeface="BIZ UDPゴシック" panose="020B0400000000000000" pitchFamily="50" charset="-128"/>
                <a:ea typeface="BIZ UDPゴシック" panose="020B0400000000000000" pitchFamily="50" charset="-128"/>
              </a:rPr>
              <a:t>件以内　➡　</a:t>
            </a:r>
            <a:r>
              <a:rPr lang="ja-JP" altLang="en-US" dirty="0">
                <a:solidFill>
                  <a:srgbClr val="FF0000"/>
                </a:solidFill>
                <a:latin typeface="BIZ UDPゴシック" panose="020B0400000000000000" pitchFamily="50" charset="-128"/>
                <a:ea typeface="BIZ UDPゴシック" panose="020B0400000000000000" pitchFamily="50" charset="-128"/>
              </a:rPr>
              <a:t>２５０件以内 （下方修正）</a:t>
            </a:r>
            <a:endParaRPr lang="en-US" altLang="ja-JP" dirty="0">
              <a:solidFill>
                <a:srgbClr val="FF0000"/>
              </a:solidFill>
              <a:latin typeface="BIZ UDPゴシック" panose="020B0400000000000000" pitchFamily="50" charset="-128"/>
              <a:ea typeface="BIZ UDPゴシック" panose="020B0400000000000000" pitchFamily="50" charset="-128"/>
            </a:endParaRPr>
          </a:p>
          <a:p>
            <a:pPr lvl="0"/>
            <a:endParaRPr lang="en-US" altLang="ja-JP" sz="800" dirty="0">
              <a:latin typeface="BIZ UDPゴシック" panose="020B0400000000000000" pitchFamily="50" charset="-128"/>
              <a:ea typeface="BIZ UDPゴシック" panose="020B0400000000000000" pitchFamily="50" charset="-128"/>
            </a:endParaRPr>
          </a:p>
          <a:p>
            <a:r>
              <a:rPr lang="ja-JP" altLang="en-US" dirty="0">
                <a:latin typeface="BIZ UDPゴシック" panose="020B0400000000000000" pitchFamily="50" charset="-128"/>
                <a:ea typeface="BIZ UDPゴシック" panose="020B0400000000000000" pitchFamily="50" charset="-128"/>
              </a:rPr>
              <a:t>　　◎下水つまり：　９３５件以内　➡　</a:t>
            </a:r>
            <a:r>
              <a:rPr lang="ja-JP" altLang="en-US" dirty="0">
                <a:solidFill>
                  <a:srgbClr val="FF0000"/>
                </a:solidFill>
                <a:latin typeface="BIZ UDPゴシック" panose="020B0400000000000000" pitchFamily="50" charset="-128"/>
                <a:ea typeface="BIZ UDPゴシック" panose="020B0400000000000000" pitchFamily="50" charset="-128"/>
              </a:rPr>
              <a:t>９３５件以内 （現状維持）</a:t>
            </a:r>
            <a:endParaRPr lang="en-US" altLang="ja-JP" dirty="0">
              <a:solidFill>
                <a:srgbClr val="FF0000"/>
              </a:solidFill>
              <a:latin typeface="BIZ UDPゴシック" panose="020B0400000000000000" pitchFamily="50" charset="-128"/>
              <a:ea typeface="BIZ UDPゴシック" panose="020B0400000000000000" pitchFamily="50" charset="-128"/>
            </a:endParaRPr>
          </a:p>
        </p:txBody>
      </p:sp>
      <p:sp>
        <p:nvSpPr>
          <p:cNvPr id="11" name="タイトル 1">
            <a:extLst>
              <a:ext uri="{FF2B5EF4-FFF2-40B4-BE49-F238E27FC236}">
                <a16:creationId xmlns:a16="http://schemas.microsoft.com/office/drawing/2014/main" id="{E0D021D5-3F21-6E5E-D9B1-846FC275935A}"/>
              </a:ext>
            </a:extLst>
          </p:cNvPr>
          <p:cNvSpPr txBox="1">
            <a:spLocks/>
          </p:cNvSpPr>
          <p:nvPr/>
        </p:nvSpPr>
        <p:spPr>
          <a:xfrm>
            <a:off x="234374" y="3190297"/>
            <a:ext cx="2751666" cy="356962"/>
          </a:xfrm>
          <a:prstGeom prst="rect">
            <a:avLst/>
          </a:prstGeom>
          <a:no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ja-JP" altLang="en-US" sz="1400" dirty="0">
                <a:solidFill>
                  <a:prstClr val="black"/>
                </a:solidFill>
                <a:latin typeface="Meiryo UI" panose="020B0604030504040204" pitchFamily="50" charset="-128"/>
                <a:ea typeface="Meiryo UI" panose="020B0604030504040204" pitchFamily="50" charset="-128"/>
              </a:rPr>
              <a:t>（当初契約時）</a:t>
            </a:r>
            <a:endParaRPr lang="en-US" altLang="ja-JP" sz="1400" u="sng" dirty="0">
              <a:solidFill>
                <a:prstClr val="black"/>
              </a:solidFill>
              <a:latin typeface="Meiryo UI" panose="020B0604030504040204" pitchFamily="50" charset="-128"/>
              <a:ea typeface="Meiryo UI" panose="020B0604030504040204" pitchFamily="50" charset="-128"/>
            </a:endParaRPr>
          </a:p>
        </p:txBody>
      </p:sp>
      <p:sp>
        <p:nvSpPr>
          <p:cNvPr id="12" name="タイトル 1">
            <a:extLst>
              <a:ext uri="{FF2B5EF4-FFF2-40B4-BE49-F238E27FC236}">
                <a16:creationId xmlns:a16="http://schemas.microsoft.com/office/drawing/2014/main" id="{37745817-D084-7E50-0038-E1FA2B00924B}"/>
              </a:ext>
            </a:extLst>
          </p:cNvPr>
          <p:cNvSpPr txBox="1">
            <a:spLocks/>
          </p:cNvSpPr>
          <p:nvPr/>
        </p:nvSpPr>
        <p:spPr>
          <a:xfrm>
            <a:off x="221369" y="4346698"/>
            <a:ext cx="2751666" cy="356962"/>
          </a:xfrm>
          <a:prstGeom prst="rect">
            <a:avLst/>
          </a:prstGeom>
          <a:no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ja-JP" altLang="en-US" sz="1400" dirty="0">
                <a:solidFill>
                  <a:prstClr val="black"/>
                </a:solidFill>
                <a:latin typeface="Meiryo UI" panose="020B0604030504040204" pitchFamily="50" charset="-128"/>
                <a:ea typeface="Meiryo UI" panose="020B0604030504040204" pitchFamily="50" charset="-128"/>
              </a:rPr>
              <a:t>（直近データを反映）</a:t>
            </a:r>
            <a:endParaRPr lang="en-US" altLang="ja-JP" sz="1400" u="sng" dirty="0">
              <a:solidFill>
                <a:prstClr val="black"/>
              </a:solidFill>
              <a:latin typeface="Meiryo UI" panose="020B0604030504040204" pitchFamily="50" charset="-128"/>
              <a:ea typeface="Meiryo UI" panose="020B0604030504040204" pitchFamily="50" charset="-128"/>
            </a:endParaRPr>
          </a:p>
        </p:txBody>
      </p:sp>
      <p:sp>
        <p:nvSpPr>
          <p:cNvPr id="13" name="テキスト ボックス 12">
            <a:extLst>
              <a:ext uri="{FF2B5EF4-FFF2-40B4-BE49-F238E27FC236}">
                <a16:creationId xmlns:a16="http://schemas.microsoft.com/office/drawing/2014/main" id="{583D874B-9857-311E-E20D-3A42808C3108}"/>
              </a:ext>
            </a:extLst>
          </p:cNvPr>
          <p:cNvSpPr txBox="1"/>
          <p:nvPr/>
        </p:nvSpPr>
        <p:spPr>
          <a:xfrm>
            <a:off x="1668021" y="6360183"/>
            <a:ext cx="6977743" cy="499689"/>
          </a:xfrm>
          <a:prstGeom prst="rect">
            <a:avLst/>
          </a:prstGeom>
          <a:noFill/>
        </p:spPr>
        <p:txBody>
          <a:bodyPr wrap="square" rtlCol="0">
            <a:spAutoFit/>
          </a:bodyPr>
          <a:lstStyle/>
          <a:p>
            <a:pPr lvl="0">
              <a:lnSpc>
                <a:spcPts val="1700"/>
              </a:lnSpc>
            </a:pPr>
            <a:r>
              <a:rPr lang="en-US" altLang="ja-JP" sz="1400" dirty="0">
                <a:latin typeface="BIZ UDPゴシック" panose="020B0400000000000000" pitchFamily="50" charset="-128"/>
                <a:ea typeface="BIZ UDPゴシック" panose="020B0400000000000000" pitchFamily="50" charset="-128"/>
              </a:rPr>
              <a:t>※ </a:t>
            </a:r>
            <a:r>
              <a:rPr lang="ja-JP" altLang="en-US" sz="1400" dirty="0">
                <a:latin typeface="BIZ UDPゴシック" panose="020B0400000000000000" pitchFamily="50" charset="-128"/>
                <a:ea typeface="BIZ UDPゴシック" panose="020B0400000000000000" pitchFamily="50" charset="-128"/>
              </a:rPr>
              <a:t>他都市比較による現状評価と基準値見直しの方向性は合致</a:t>
            </a:r>
            <a:endParaRPr lang="en-US" altLang="ja-JP" sz="1400" dirty="0">
              <a:latin typeface="BIZ UDPゴシック" panose="020B0400000000000000" pitchFamily="50" charset="-128"/>
              <a:ea typeface="BIZ UDPゴシック" panose="020B0400000000000000" pitchFamily="50" charset="-128"/>
            </a:endParaRPr>
          </a:p>
          <a:p>
            <a:pPr lvl="0">
              <a:lnSpc>
                <a:spcPts val="1700"/>
              </a:lnSpc>
            </a:pPr>
            <a:r>
              <a:rPr lang="en-US" altLang="ja-JP" sz="1400" dirty="0">
                <a:latin typeface="BIZ UDPゴシック" panose="020B0400000000000000" pitchFamily="50" charset="-128"/>
                <a:ea typeface="BIZ UDPゴシック" panose="020B0400000000000000" pitchFamily="50" charset="-128"/>
              </a:rPr>
              <a:t>※ CWO</a:t>
            </a:r>
            <a:r>
              <a:rPr lang="ja-JP" altLang="en-US" sz="1400" dirty="0">
                <a:latin typeface="BIZ UDPゴシック" panose="020B0400000000000000" pitchFamily="50" charset="-128"/>
                <a:ea typeface="BIZ UDPゴシック" panose="020B0400000000000000" pitchFamily="50" charset="-128"/>
              </a:rPr>
              <a:t>からの提案 （契約当初と同じハードルの高さとなるように設定） とも合致</a:t>
            </a:r>
            <a:endParaRPr lang="en-US" altLang="ja-JP" sz="1400" dirty="0">
              <a:latin typeface="BIZ UDPゴシック" panose="020B0400000000000000" pitchFamily="50" charset="-128"/>
              <a:ea typeface="BIZ UDPゴシック" panose="020B0400000000000000" pitchFamily="50" charset="-128"/>
            </a:endParaRPr>
          </a:p>
        </p:txBody>
      </p:sp>
      <p:sp>
        <p:nvSpPr>
          <p:cNvPr id="15" name="テキスト ボックス 14">
            <a:extLst>
              <a:ext uri="{FF2B5EF4-FFF2-40B4-BE49-F238E27FC236}">
                <a16:creationId xmlns:a16="http://schemas.microsoft.com/office/drawing/2014/main" id="{71523E09-E684-1D20-C56A-1A0B5C8D7A75}"/>
              </a:ext>
            </a:extLst>
          </p:cNvPr>
          <p:cNvSpPr txBox="1"/>
          <p:nvPr/>
        </p:nvSpPr>
        <p:spPr>
          <a:xfrm>
            <a:off x="322026" y="2689725"/>
            <a:ext cx="9609375" cy="400110"/>
          </a:xfrm>
          <a:prstGeom prst="rect">
            <a:avLst/>
          </a:prstGeom>
          <a:noFill/>
        </p:spPr>
        <p:txBody>
          <a:bodyPr wrap="square" rtlCol="0">
            <a:spAutoFit/>
          </a:bodyPr>
          <a:lstStyle/>
          <a:p>
            <a:pPr lvl="0"/>
            <a:r>
              <a:rPr lang="ja-JP" altLang="en-US" dirty="0">
                <a:latin typeface="BIZ UDPゴシック" panose="020B0400000000000000" pitchFamily="50" charset="-128"/>
                <a:ea typeface="BIZ UDPゴシック" panose="020B0400000000000000" pitchFamily="50" charset="-128"/>
              </a:rPr>
              <a:t>➡　</a:t>
            </a:r>
            <a:r>
              <a:rPr lang="ja-JP" altLang="en-US" sz="2000" b="1" u="sng" dirty="0">
                <a:solidFill>
                  <a:srgbClr val="FF0000"/>
                </a:solidFill>
                <a:latin typeface="BIZ UDPゴシック" panose="020B0400000000000000" pitchFamily="50" charset="-128"/>
                <a:ea typeface="BIZ UDPゴシック" panose="020B0400000000000000" pitchFamily="50" charset="-128"/>
              </a:rPr>
              <a:t>平均値＋標準偏差</a:t>
            </a:r>
            <a:r>
              <a:rPr lang="ja-JP" altLang="en-US" u="sng" dirty="0">
                <a:latin typeface="BIZ UDPゴシック" panose="020B0400000000000000" pitchFamily="50" charset="-128"/>
                <a:ea typeface="BIZ UDPゴシック" panose="020B0400000000000000" pitchFamily="50" charset="-128"/>
              </a:rPr>
              <a:t>により評価基準値を見直す</a:t>
            </a:r>
            <a:r>
              <a:rPr lang="ja-JP" altLang="en-US" dirty="0">
                <a:latin typeface="BIZ UDPゴシック" panose="020B0400000000000000" pitchFamily="50" charset="-128"/>
                <a:ea typeface="BIZ UDPゴシック" panose="020B0400000000000000" pitchFamily="50" charset="-128"/>
              </a:rPr>
              <a:t>ものとする。（契約当初の設定方法と同じ）</a:t>
            </a:r>
            <a:endParaRPr lang="en-US" altLang="ja-JP" sz="1200" u="sng" dirty="0">
              <a:solidFill>
                <a:srgbClr val="FF0000"/>
              </a:solidFill>
              <a:latin typeface="BIZ UDPゴシック" panose="020B0400000000000000" pitchFamily="50" charset="-128"/>
              <a:ea typeface="BIZ UDPゴシック" panose="020B0400000000000000" pitchFamily="50" charset="-128"/>
            </a:endParaRPr>
          </a:p>
        </p:txBody>
      </p:sp>
      <p:sp>
        <p:nvSpPr>
          <p:cNvPr id="7" name="角丸四角形 17">
            <a:extLst>
              <a:ext uri="{FF2B5EF4-FFF2-40B4-BE49-F238E27FC236}">
                <a16:creationId xmlns:a16="http://schemas.microsoft.com/office/drawing/2014/main" id="{84ED4C46-41C1-5F5D-EE04-05B400D7D1A4}"/>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14" name="角丸四角形 17">
            <a:extLst>
              <a:ext uri="{FF2B5EF4-FFF2-40B4-BE49-F238E27FC236}">
                <a16:creationId xmlns:a16="http://schemas.microsoft.com/office/drawing/2014/main" id="{6DE79088-D8BD-9A1F-3CCD-02C944F2BAA1}"/>
              </a:ext>
            </a:extLst>
          </p:cNvPr>
          <p:cNvSpPr/>
          <p:nvPr/>
        </p:nvSpPr>
        <p:spPr>
          <a:xfrm>
            <a:off x="17811" y="62333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③　評価基準値の見直しについて（評価基準値の定め方</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管路施設</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 ）　</a:t>
            </a:r>
            <a:endParaRPr lang="en-US" altLang="ja-JP" sz="2275" u="sng"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3828283620"/>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3808BAB-48E5-5002-19B7-11BC6FF3C9CA}"/>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93E8AD6C-059B-1C19-38FE-384E5AB820F6}"/>
              </a:ext>
            </a:extLst>
          </p:cNvPr>
          <p:cNvSpPr>
            <a:spLocks noGrp="1"/>
          </p:cNvSpPr>
          <p:nvPr>
            <p:ph type="sldNum" sz="quarter" idx="12"/>
          </p:nvPr>
        </p:nvSpPr>
        <p:spPr/>
        <p:txBody>
          <a:bodyPr/>
          <a:lstStyle/>
          <a:p>
            <a:fld id="{36EC18DB-A5DF-4E0E-B815-FCD04A2C4B2C}" type="slidenum">
              <a:rPr kumimoji="1" lang="ja-JP" altLang="en-US" smtClean="0"/>
              <a:t>49</a:t>
            </a:fld>
            <a:endParaRPr kumimoji="1" lang="ja-JP" altLang="en-US"/>
          </a:p>
        </p:txBody>
      </p:sp>
      <p:sp>
        <p:nvSpPr>
          <p:cNvPr id="3" name="角丸四角形 17">
            <a:extLst>
              <a:ext uri="{FF2B5EF4-FFF2-40B4-BE49-F238E27FC236}">
                <a16:creationId xmlns:a16="http://schemas.microsoft.com/office/drawing/2014/main" id="{C86C7CDF-1030-8870-8A49-7ECF4D2A2132}"/>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graphicFrame>
        <p:nvGraphicFramePr>
          <p:cNvPr id="11" name="グラフ 10">
            <a:extLst>
              <a:ext uri="{FF2B5EF4-FFF2-40B4-BE49-F238E27FC236}">
                <a16:creationId xmlns:a16="http://schemas.microsoft.com/office/drawing/2014/main" id="{04B4C1A8-5B89-6055-DEEE-0BA7B7D3CFC3}"/>
              </a:ext>
            </a:extLst>
          </p:cNvPr>
          <p:cNvGraphicFramePr>
            <a:graphicFrameLocks/>
          </p:cNvGraphicFramePr>
          <p:nvPr>
            <p:extLst>
              <p:ext uri="{D42A27DB-BD31-4B8C-83A1-F6EECF244321}">
                <p14:modId xmlns:p14="http://schemas.microsoft.com/office/powerpoint/2010/main" val="3791260160"/>
              </p:ext>
            </p:extLst>
          </p:nvPr>
        </p:nvGraphicFramePr>
        <p:xfrm>
          <a:off x="72908" y="1669604"/>
          <a:ext cx="5310188" cy="3218911"/>
        </p:xfrm>
        <a:graphic>
          <a:graphicData uri="http://schemas.openxmlformats.org/drawingml/2006/chart">
            <c:chart xmlns:c="http://schemas.openxmlformats.org/drawingml/2006/chart" xmlns:r="http://schemas.openxmlformats.org/officeDocument/2006/relationships" r:id="rId3"/>
          </a:graphicData>
        </a:graphic>
      </p:graphicFrame>
      <p:sp>
        <p:nvSpPr>
          <p:cNvPr id="6" name="テキスト ボックス 5">
            <a:extLst>
              <a:ext uri="{FF2B5EF4-FFF2-40B4-BE49-F238E27FC236}">
                <a16:creationId xmlns:a16="http://schemas.microsoft.com/office/drawing/2014/main" id="{A97E74EF-764C-CF2F-16D0-D176FEEFE77D}"/>
              </a:ext>
            </a:extLst>
          </p:cNvPr>
          <p:cNvSpPr txBox="1"/>
          <p:nvPr/>
        </p:nvSpPr>
        <p:spPr>
          <a:xfrm>
            <a:off x="195732" y="935749"/>
            <a:ext cx="9710267" cy="733855"/>
          </a:xfrm>
          <a:prstGeom prst="rect">
            <a:avLst/>
          </a:prstGeom>
          <a:noFill/>
        </p:spPr>
        <p:txBody>
          <a:bodyPr wrap="square" rtlCol="0">
            <a:spAutoFit/>
          </a:bodyPr>
          <a:lstStyle/>
          <a:p>
            <a:pPr marL="263776" indent="-263776">
              <a:lnSpc>
                <a:spcPct val="130000"/>
              </a:lnSpc>
              <a:buFont typeface="Wingdings" panose="05000000000000000000" pitchFamily="2" charset="2"/>
              <a:buChar char="l"/>
            </a:pPr>
            <a:r>
              <a:rPr lang="ja-JP" altLang="en-US" sz="1662" b="1" dirty="0">
                <a:latin typeface="Century" panose="02040604050505020304" pitchFamily="18" charset="0"/>
              </a:rPr>
              <a:t>ユーティリティ</a:t>
            </a:r>
            <a:endParaRPr lang="en-US" altLang="ja-JP" sz="1662" b="1" dirty="0">
              <a:latin typeface="Century" panose="02040604050505020304" pitchFamily="18" charset="0"/>
            </a:endParaRPr>
          </a:p>
          <a:p>
            <a:pPr>
              <a:lnSpc>
                <a:spcPct val="130000"/>
              </a:lnSpc>
            </a:pPr>
            <a:r>
              <a:rPr lang="ja-JP" altLang="en-US" sz="1800" dirty="0">
                <a:latin typeface="Century" panose="02040604050505020304" pitchFamily="18" charset="0"/>
                <a:ea typeface="ＭＳ 明朝" panose="02020609040205080304" pitchFamily="17" charset="-128"/>
                <a:cs typeface="Times New Roman" panose="02020603050405020304" pitchFamily="18" charset="0"/>
              </a:rPr>
              <a:t>　</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過去５年の実績値の平均値を基準に、１</a:t>
            </a:r>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σ</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２</a:t>
            </a:r>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σ</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を加えた値を評価基準値とする</a:t>
            </a:r>
            <a:endParaRPr lang="en-US" altLang="ja-JP" sz="1662" dirty="0">
              <a:latin typeface="Century" panose="02040604050505020304" pitchFamily="18" charset="0"/>
            </a:endParaRPr>
          </a:p>
        </p:txBody>
      </p:sp>
      <p:sp>
        <p:nvSpPr>
          <p:cNvPr id="17" name="テキスト ボックス 16">
            <a:extLst>
              <a:ext uri="{FF2B5EF4-FFF2-40B4-BE49-F238E27FC236}">
                <a16:creationId xmlns:a16="http://schemas.microsoft.com/office/drawing/2014/main" id="{67B41472-D566-6EF7-A172-276993ADE301}"/>
              </a:ext>
            </a:extLst>
          </p:cNvPr>
          <p:cNvSpPr txBox="1"/>
          <p:nvPr/>
        </p:nvSpPr>
        <p:spPr>
          <a:xfrm>
            <a:off x="5296728" y="1814603"/>
            <a:ext cx="4609272" cy="2277547"/>
          </a:xfrm>
          <a:prstGeom prst="rect">
            <a:avLst/>
          </a:prstGeom>
          <a:noFill/>
        </p:spPr>
        <p:txBody>
          <a:bodyPr wrap="square">
            <a:spAutoFit/>
          </a:bodyPr>
          <a:lstStyle/>
          <a:p>
            <a:r>
              <a:rPr lang="ja-JP" altLang="en-US" sz="1400" dirty="0">
                <a:latin typeface="+mn-ea"/>
              </a:rPr>
              <a:t>１</a:t>
            </a:r>
            <a:r>
              <a:rPr lang="en-US" altLang="ja-JP" sz="1400" dirty="0">
                <a:latin typeface="+mn-ea"/>
              </a:rPr>
              <a:t>σ</a:t>
            </a:r>
            <a:r>
              <a:rPr lang="ja-JP" altLang="en-US" sz="1400" dirty="0">
                <a:latin typeface="+mn-ea"/>
              </a:rPr>
              <a:t>：平均を中心に約６</a:t>
            </a:r>
            <a:r>
              <a:rPr lang="en-US" altLang="ja-JP" sz="1400" dirty="0">
                <a:latin typeface="+mn-ea"/>
              </a:rPr>
              <a:t>8</a:t>
            </a:r>
            <a:r>
              <a:rPr lang="ja-JP" altLang="en-US" sz="1400" dirty="0">
                <a:latin typeface="+mn-ea"/>
              </a:rPr>
              <a:t>％</a:t>
            </a:r>
            <a:endParaRPr lang="en-US" altLang="ja-JP" sz="1400" dirty="0">
              <a:latin typeface="+mn-ea"/>
            </a:endParaRPr>
          </a:p>
          <a:p>
            <a:r>
              <a:rPr lang="ja-JP" altLang="en-US" sz="1400" dirty="0">
                <a:latin typeface="+mn-ea"/>
              </a:rPr>
              <a:t>　　⇒　上側について、約１６％が超過する可能性有り</a:t>
            </a:r>
            <a:endParaRPr lang="en-US" altLang="ja-JP" sz="1400" dirty="0">
              <a:latin typeface="+mn-ea"/>
            </a:endParaRPr>
          </a:p>
          <a:p>
            <a:r>
              <a:rPr lang="ja-JP" altLang="en-US" sz="1400" dirty="0">
                <a:latin typeface="+mn-ea"/>
              </a:rPr>
              <a:t>運転・維持管理を</a:t>
            </a:r>
            <a:r>
              <a:rPr lang="ja-JP" altLang="en-US" sz="1400" b="1" dirty="0">
                <a:solidFill>
                  <a:srgbClr val="FF0000"/>
                </a:solidFill>
                <a:latin typeface="+mn-ea"/>
              </a:rPr>
              <a:t>適切に実施していれば、平均値付近に</a:t>
            </a:r>
            <a:endParaRPr lang="en-US" altLang="ja-JP" sz="1400" b="1" dirty="0">
              <a:solidFill>
                <a:srgbClr val="FF0000"/>
              </a:solidFill>
              <a:latin typeface="+mn-ea"/>
            </a:endParaRPr>
          </a:p>
          <a:p>
            <a:r>
              <a:rPr lang="ja-JP" altLang="en-US" sz="1400" b="1" dirty="0">
                <a:solidFill>
                  <a:srgbClr val="FF0000"/>
                </a:solidFill>
                <a:latin typeface="+mn-ea"/>
              </a:rPr>
              <a:t>収まると考えられる</a:t>
            </a:r>
            <a:r>
              <a:rPr lang="ja-JP" altLang="en-US" sz="1400" dirty="0">
                <a:latin typeface="+mn-ea"/>
              </a:rPr>
              <a:t>ため、１</a:t>
            </a:r>
            <a:r>
              <a:rPr lang="en-US" altLang="ja-JP" sz="1400" dirty="0">
                <a:latin typeface="+mn-ea"/>
              </a:rPr>
              <a:t>σ</a:t>
            </a:r>
            <a:r>
              <a:rPr lang="ja-JP" altLang="en-US" sz="1400" dirty="0">
                <a:latin typeface="+mn-ea"/>
              </a:rPr>
              <a:t>程度の幅が妥当</a:t>
            </a:r>
            <a:endParaRPr lang="en-US" altLang="ja-JP" sz="1400" dirty="0">
              <a:latin typeface="+mn-ea"/>
            </a:endParaRPr>
          </a:p>
          <a:p>
            <a:endParaRPr lang="en-US" altLang="ja-JP" sz="800" dirty="0">
              <a:latin typeface="+mn-ea"/>
            </a:endParaRPr>
          </a:p>
          <a:p>
            <a:endParaRPr lang="en-US" altLang="ja-JP" sz="800" dirty="0">
              <a:latin typeface="+mn-ea"/>
            </a:endParaRPr>
          </a:p>
          <a:p>
            <a:endParaRPr lang="en-US" altLang="ja-JP" sz="1400" dirty="0">
              <a:latin typeface="+mn-ea"/>
            </a:endParaRPr>
          </a:p>
          <a:p>
            <a:r>
              <a:rPr lang="ja-JP" altLang="en-US" sz="1400" dirty="0">
                <a:latin typeface="+mn-ea"/>
              </a:rPr>
              <a:t>２</a:t>
            </a:r>
            <a:r>
              <a:rPr lang="en-US" altLang="ja-JP" sz="1400" dirty="0">
                <a:latin typeface="+mn-ea"/>
              </a:rPr>
              <a:t>σ</a:t>
            </a:r>
            <a:r>
              <a:rPr lang="ja-JP" altLang="en-US" sz="1400" dirty="0">
                <a:latin typeface="+mn-ea"/>
              </a:rPr>
              <a:t>：平均を中心に約９５％</a:t>
            </a:r>
            <a:endParaRPr lang="en-US" altLang="ja-JP" sz="1400" dirty="0">
              <a:latin typeface="+mn-ea"/>
            </a:endParaRPr>
          </a:p>
          <a:p>
            <a:r>
              <a:rPr lang="ja-JP" altLang="en-US" sz="1400" dirty="0">
                <a:latin typeface="+mn-ea"/>
              </a:rPr>
              <a:t>　　⇒　上側について、約２．５％が超過する可能性有り</a:t>
            </a:r>
            <a:endParaRPr lang="en-US" altLang="ja-JP" sz="1400" dirty="0">
              <a:latin typeface="+mn-ea"/>
            </a:endParaRPr>
          </a:p>
          <a:p>
            <a:r>
              <a:rPr lang="ja-JP" altLang="en-US" sz="1400" b="1" dirty="0">
                <a:solidFill>
                  <a:srgbClr val="FF0000"/>
                </a:solidFill>
                <a:latin typeface="+mn-ea"/>
                <a:cs typeface="Times New Roman" panose="02020603050405020304" pitchFamily="18" charset="0"/>
              </a:rPr>
              <a:t>通常の運転・維持管理でも超過する可能性がある値を</a:t>
            </a:r>
            <a:endParaRPr lang="en-US" altLang="ja-JP" sz="1400" b="1" dirty="0">
              <a:solidFill>
                <a:srgbClr val="FF0000"/>
              </a:solidFill>
              <a:latin typeface="+mn-ea"/>
              <a:cs typeface="Times New Roman" panose="02020603050405020304" pitchFamily="18" charset="0"/>
            </a:endParaRPr>
          </a:p>
          <a:p>
            <a:r>
              <a:rPr lang="ja-JP" altLang="en-US" sz="1400" b="1" dirty="0">
                <a:solidFill>
                  <a:srgbClr val="FF0000"/>
                </a:solidFill>
                <a:latin typeface="+mn-ea"/>
                <a:cs typeface="Times New Roman" panose="02020603050405020304" pitchFamily="18" charset="0"/>
              </a:rPr>
              <a:t>評価基準値とすることは適切ではない</a:t>
            </a:r>
            <a:endParaRPr lang="en-US" altLang="ja-JP" sz="1400" b="1" dirty="0">
              <a:solidFill>
                <a:srgbClr val="FF0000"/>
              </a:solidFill>
              <a:latin typeface="+mn-ea"/>
              <a:cs typeface="Times New Roman" panose="02020603050405020304" pitchFamily="18" charset="0"/>
            </a:endParaRPr>
          </a:p>
        </p:txBody>
      </p:sp>
      <p:cxnSp>
        <p:nvCxnSpPr>
          <p:cNvPr id="9" name="直線矢印コネクタ 8">
            <a:extLst>
              <a:ext uri="{FF2B5EF4-FFF2-40B4-BE49-F238E27FC236}">
                <a16:creationId xmlns:a16="http://schemas.microsoft.com/office/drawing/2014/main" id="{4C45BC45-2A56-2CB6-AA5B-B7CF6A0B69B4}"/>
              </a:ext>
            </a:extLst>
          </p:cNvPr>
          <p:cNvCxnSpPr/>
          <p:nvPr/>
        </p:nvCxnSpPr>
        <p:spPr>
          <a:xfrm>
            <a:off x="3422533" y="3222508"/>
            <a:ext cx="295275" cy="0"/>
          </a:xfrm>
          <a:prstGeom prst="straightConnector1">
            <a:avLst/>
          </a:prstGeom>
          <a:ln w="38100">
            <a:solidFill>
              <a:srgbClr val="FFC000"/>
            </a:solidFill>
            <a:tailEnd type="triangle"/>
          </a:ln>
        </p:spPr>
        <p:style>
          <a:lnRef idx="1">
            <a:schemeClr val="accent1"/>
          </a:lnRef>
          <a:fillRef idx="0">
            <a:schemeClr val="accent1"/>
          </a:fillRef>
          <a:effectRef idx="0">
            <a:schemeClr val="accent1"/>
          </a:effectRef>
          <a:fontRef idx="minor">
            <a:schemeClr val="tx1"/>
          </a:fontRef>
        </p:style>
      </p:cxnSp>
      <p:sp>
        <p:nvSpPr>
          <p:cNvPr id="10" name="テキスト ボックス 9">
            <a:extLst>
              <a:ext uri="{FF2B5EF4-FFF2-40B4-BE49-F238E27FC236}">
                <a16:creationId xmlns:a16="http://schemas.microsoft.com/office/drawing/2014/main" id="{8C0C1D80-71F1-3784-A84B-4C4974D00EAB}"/>
              </a:ext>
            </a:extLst>
          </p:cNvPr>
          <p:cNvSpPr txBox="1"/>
          <p:nvPr/>
        </p:nvSpPr>
        <p:spPr>
          <a:xfrm>
            <a:off x="3364522" y="2901043"/>
            <a:ext cx="1341211" cy="307777"/>
          </a:xfrm>
          <a:prstGeom prst="rect">
            <a:avLst/>
          </a:prstGeom>
          <a:noFill/>
        </p:spPr>
        <p:txBody>
          <a:bodyPr wrap="square">
            <a:spAutoFit/>
          </a:bodyPr>
          <a:lstStyle/>
          <a:p>
            <a:r>
              <a:rPr lang="ja-JP" altLang="en-US" sz="1400" b="1" dirty="0">
                <a:solidFill>
                  <a:srgbClr val="FF0000"/>
                </a:solidFill>
                <a:latin typeface="Meiryo UI" panose="020B0604030504040204" pitchFamily="50" charset="-128"/>
                <a:ea typeface="Meiryo UI" panose="020B0604030504040204" pitchFamily="50" charset="-128"/>
              </a:rPr>
              <a:t>約２．５％</a:t>
            </a:r>
            <a:endParaRPr lang="en-US" altLang="ja-JP" sz="1400" b="1" dirty="0">
              <a:solidFill>
                <a:srgbClr val="FF0000"/>
              </a:solidFill>
              <a:latin typeface="ＭＳ 明朝" panose="02020609040205080304" pitchFamily="17" charset="-128"/>
              <a:ea typeface="ＭＳ 明朝" panose="02020609040205080304" pitchFamily="17" charset="-128"/>
              <a:cs typeface="Times New Roman" panose="02020603050405020304" pitchFamily="18" charset="0"/>
            </a:endParaRPr>
          </a:p>
        </p:txBody>
      </p:sp>
      <p:cxnSp>
        <p:nvCxnSpPr>
          <p:cNvPr id="12" name="直線矢印コネクタ 11">
            <a:extLst>
              <a:ext uri="{FF2B5EF4-FFF2-40B4-BE49-F238E27FC236}">
                <a16:creationId xmlns:a16="http://schemas.microsoft.com/office/drawing/2014/main" id="{934CFFA5-DFDF-EDB9-4315-42D71549A2FC}"/>
              </a:ext>
            </a:extLst>
          </p:cNvPr>
          <p:cNvCxnSpPr/>
          <p:nvPr/>
        </p:nvCxnSpPr>
        <p:spPr>
          <a:xfrm>
            <a:off x="2838333" y="2790708"/>
            <a:ext cx="295275" cy="0"/>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13" name="テキスト ボックス 12">
            <a:extLst>
              <a:ext uri="{FF2B5EF4-FFF2-40B4-BE49-F238E27FC236}">
                <a16:creationId xmlns:a16="http://schemas.microsoft.com/office/drawing/2014/main" id="{B309843E-D5D1-CE91-793C-15F08FED0EFA}"/>
              </a:ext>
            </a:extLst>
          </p:cNvPr>
          <p:cNvSpPr txBox="1"/>
          <p:nvPr/>
        </p:nvSpPr>
        <p:spPr>
          <a:xfrm>
            <a:off x="2780322" y="2469243"/>
            <a:ext cx="1341211" cy="307777"/>
          </a:xfrm>
          <a:prstGeom prst="rect">
            <a:avLst/>
          </a:prstGeom>
          <a:noFill/>
        </p:spPr>
        <p:txBody>
          <a:bodyPr wrap="square">
            <a:spAutoFit/>
          </a:bodyPr>
          <a:lstStyle/>
          <a:p>
            <a:r>
              <a:rPr lang="ja-JP" altLang="en-US" sz="1400" b="1" dirty="0">
                <a:solidFill>
                  <a:srgbClr val="FF0000"/>
                </a:solidFill>
                <a:latin typeface="Meiryo UI" panose="020B0604030504040204" pitchFamily="50" charset="-128"/>
                <a:ea typeface="Meiryo UI" panose="020B0604030504040204" pitchFamily="50" charset="-128"/>
              </a:rPr>
              <a:t>約１６％</a:t>
            </a:r>
            <a:endParaRPr lang="en-US" altLang="ja-JP" sz="1400" b="1" dirty="0">
              <a:solidFill>
                <a:srgbClr val="FF0000"/>
              </a:solidFill>
              <a:latin typeface="ＭＳ 明朝" panose="02020609040205080304" pitchFamily="17" charset="-128"/>
              <a:ea typeface="ＭＳ 明朝" panose="02020609040205080304" pitchFamily="17" charset="-128"/>
              <a:cs typeface="Times New Roman" panose="02020603050405020304" pitchFamily="18" charset="0"/>
            </a:endParaRPr>
          </a:p>
        </p:txBody>
      </p:sp>
      <p:sp>
        <p:nvSpPr>
          <p:cNvPr id="15" name="テキスト ボックス 14">
            <a:extLst>
              <a:ext uri="{FF2B5EF4-FFF2-40B4-BE49-F238E27FC236}">
                <a16:creationId xmlns:a16="http://schemas.microsoft.com/office/drawing/2014/main" id="{07B3E20A-BB9E-E9E5-CDFD-A887ED2889CC}"/>
              </a:ext>
            </a:extLst>
          </p:cNvPr>
          <p:cNvSpPr txBox="1"/>
          <p:nvPr/>
        </p:nvSpPr>
        <p:spPr>
          <a:xfrm>
            <a:off x="294860" y="4861924"/>
            <a:ext cx="9096789" cy="923330"/>
          </a:xfrm>
          <a:prstGeom prst="rect">
            <a:avLst/>
          </a:prstGeom>
          <a:noFill/>
          <a:ln>
            <a:solidFill>
              <a:schemeClr val="tx1"/>
            </a:solidFill>
          </a:ln>
        </p:spPr>
        <p:txBody>
          <a:bodyPr wrap="square">
            <a:spAutoFit/>
          </a:bodyPr>
          <a:lstStyle/>
          <a:p>
            <a:r>
              <a:rPr lang="en-US" altLang="ja-JP" dirty="0"/>
              <a:t>【</a:t>
            </a:r>
            <a:r>
              <a:rPr lang="ja-JP" altLang="en-US" dirty="0"/>
              <a:t>別紙</a:t>
            </a:r>
            <a:r>
              <a:rPr lang="en-US" altLang="ja-JP" dirty="0"/>
              <a:t>-</a:t>
            </a:r>
            <a:r>
              <a:rPr lang="ja-JP" altLang="en-US" dirty="0"/>
              <a:t>７</a:t>
            </a:r>
            <a:r>
              <a:rPr lang="en-US" altLang="ja-JP" dirty="0"/>
              <a:t>-</a:t>
            </a:r>
            <a:r>
              <a:rPr lang="ja-JP" altLang="en-US" dirty="0"/>
              <a:t>２</a:t>
            </a:r>
            <a:r>
              <a:rPr lang="en-US" altLang="ja-JP" dirty="0"/>
              <a:t>】</a:t>
            </a:r>
            <a:r>
              <a:rPr lang="ja-JP" altLang="en-US" dirty="0"/>
              <a:t>要求水準及び評価基準（下水処理場・抽水所編） </a:t>
            </a:r>
            <a:endParaRPr lang="en-US" altLang="ja-JP" dirty="0"/>
          </a:p>
          <a:p>
            <a:r>
              <a:rPr lang="ja-JP" altLang="en-US" dirty="0"/>
              <a:t>（基本方針）</a:t>
            </a:r>
            <a:endParaRPr lang="en-US" altLang="ja-JP" dirty="0"/>
          </a:p>
          <a:p>
            <a:r>
              <a:rPr lang="ja-JP" altLang="en-US" dirty="0"/>
              <a:t>３ 要求水準及び評価基準の未達時の対応については、第</a:t>
            </a:r>
            <a:r>
              <a:rPr lang="en-US" altLang="ja-JP" dirty="0"/>
              <a:t>50</a:t>
            </a:r>
            <a:r>
              <a:rPr lang="ja-JP" altLang="en-US" dirty="0"/>
              <a:t>条、第</a:t>
            </a:r>
            <a:r>
              <a:rPr lang="en-US" altLang="ja-JP" dirty="0"/>
              <a:t>51</a:t>
            </a:r>
            <a:r>
              <a:rPr lang="ja-JP" altLang="en-US" dirty="0"/>
              <a:t>条に基づく。</a:t>
            </a:r>
            <a:endParaRPr lang="en-US" altLang="ja-JP" dirty="0"/>
          </a:p>
        </p:txBody>
      </p:sp>
      <p:sp>
        <p:nvSpPr>
          <p:cNvPr id="20" name="テキスト ボックス 19">
            <a:extLst>
              <a:ext uri="{FF2B5EF4-FFF2-40B4-BE49-F238E27FC236}">
                <a16:creationId xmlns:a16="http://schemas.microsoft.com/office/drawing/2014/main" id="{F9930D93-3AC3-2190-0ACC-7335D45D15BD}"/>
              </a:ext>
            </a:extLst>
          </p:cNvPr>
          <p:cNvSpPr txBox="1"/>
          <p:nvPr/>
        </p:nvSpPr>
        <p:spPr>
          <a:xfrm>
            <a:off x="1810215" y="1959289"/>
            <a:ext cx="874603" cy="307777"/>
          </a:xfrm>
          <a:prstGeom prst="rect">
            <a:avLst/>
          </a:prstGeom>
          <a:noFill/>
        </p:spPr>
        <p:txBody>
          <a:bodyPr wrap="square">
            <a:spAutoFit/>
          </a:bodyPr>
          <a:lstStyle/>
          <a:p>
            <a:pPr algn="ctr"/>
            <a:r>
              <a:rPr lang="ja-JP" altLang="en-US" sz="1400" b="1" dirty="0">
                <a:solidFill>
                  <a:srgbClr val="FF0000"/>
                </a:solidFill>
                <a:latin typeface="Meiryo UI" panose="020B0604030504040204" pitchFamily="50" charset="-128"/>
                <a:ea typeface="Meiryo UI" panose="020B0604030504040204" pitchFamily="50" charset="-128"/>
              </a:rPr>
              <a:t>平均値</a:t>
            </a:r>
            <a:endParaRPr lang="en-US" altLang="ja-JP" sz="1400" b="1" dirty="0">
              <a:solidFill>
                <a:srgbClr val="FF0000"/>
              </a:solidFill>
              <a:latin typeface="ＭＳ 明朝" panose="02020609040205080304" pitchFamily="17" charset="-128"/>
              <a:ea typeface="ＭＳ 明朝" panose="02020609040205080304" pitchFamily="17" charset="-128"/>
              <a:cs typeface="Times New Roman" panose="02020603050405020304" pitchFamily="18" charset="0"/>
            </a:endParaRPr>
          </a:p>
        </p:txBody>
      </p:sp>
      <p:sp>
        <p:nvSpPr>
          <p:cNvPr id="4" name="正方形/長方形 3">
            <a:extLst>
              <a:ext uri="{FF2B5EF4-FFF2-40B4-BE49-F238E27FC236}">
                <a16:creationId xmlns:a16="http://schemas.microsoft.com/office/drawing/2014/main" id="{64D5603C-08AF-79DF-DB36-0B6263DC18C4}"/>
              </a:ext>
            </a:extLst>
          </p:cNvPr>
          <p:cNvSpPr/>
          <p:nvPr/>
        </p:nvSpPr>
        <p:spPr>
          <a:xfrm>
            <a:off x="5296728" y="1669604"/>
            <a:ext cx="4314411" cy="1114277"/>
          </a:xfrm>
          <a:prstGeom prst="rect">
            <a:avLst/>
          </a:prstGeom>
          <a:noFill/>
          <a:ln>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a:extLst>
              <a:ext uri="{FF2B5EF4-FFF2-40B4-BE49-F238E27FC236}">
                <a16:creationId xmlns:a16="http://schemas.microsoft.com/office/drawing/2014/main" id="{88A2B65D-2508-9181-E163-F4C63D888C86}"/>
              </a:ext>
            </a:extLst>
          </p:cNvPr>
          <p:cNvSpPr txBox="1"/>
          <p:nvPr/>
        </p:nvSpPr>
        <p:spPr>
          <a:xfrm>
            <a:off x="7995006" y="1704593"/>
            <a:ext cx="1274836" cy="307777"/>
          </a:xfrm>
          <a:prstGeom prst="rect">
            <a:avLst/>
          </a:prstGeom>
          <a:noFill/>
          <a:ln>
            <a:solidFill>
              <a:schemeClr val="tx1"/>
            </a:solidFill>
          </a:ln>
        </p:spPr>
        <p:txBody>
          <a:bodyPr wrap="square">
            <a:spAutoFit/>
          </a:bodyPr>
          <a:lstStyle/>
          <a:p>
            <a:r>
              <a:rPr lang="ja-JP" altLang="en-US" sz="1400" dirty="0">
                <a:solidFill>
                  <a:srgbClr val="FF0000"/>
                </a:solidFill>
                <a:latin typeface="Meiryo UI" panose="020B0604030504040204" pitchFamily="50" charset="-128"/>
                <a:ea typeface="Meiryo UI" panose="020B0604030504040204" pitchFamily="50" charset="-128"/>
              </a:rPr>
              <a:t>市の考えは１</a:t>
            </a:r>
            <a:r>
              <a:rPr lang="en-US" altLang="ja-JP" sz="1400" dirty="0">
                <a:solidFill>
                  <a:srgbClr val="FF0000"/>
                </a:solidFill>
                <a:latin typeface="Meiryo UI" panose="020B0604030504040204" pitchFamily="50" charset="-128"/>
                <a:ea typeface="Meiryo UI" panose="020B0604030504040204" pitchFamily="50" charset="-128"/>
              </a:rPr>
              <a:t>σ</a:t>
            </a:r>
            <a:endParaRPr lang="en-US" altLang="ja-JP" sz="1400" dirty="0">
              <a:solidFill>
                <a:srgbClr val="FF0000"/>
              </a:solidFill>
              <a:latin typeface="ＭＳ 明朝" panose="02020609040205080304" pitchFamily="17" charset="-128"/>
              <a:ea typeface="ＭＳ 明朝" panose="02020609040205080304" pitchFamily="17" charset="-128"/>
              <a:cs typeface="Times New Roman" panose="02020603050405020304" pitchFamily="18" charset="0"/>
            </a:endParaRPr>
          </a:p>
        </p:txBody>
      </p:sp>
      <p:sp>
        <p:nvSpPr>
          <p:cNvPr id="23" name="角丸四角形 17">
            <a:extLst>
              <a:ext uri="{FF2B5EF4-FFF2-40B4-BE49-F238E27FC236}">
                <a16:creationId xmlns:a16="http://schemas.microsoft.com/office/drawing/2014/main" id="{8BF673A8-34AD-F6D8-1FE3-34CDD7C9771F}"/>
              </a:ext>
            </a:extLst>
          </p:cNvPr>
          <p:cNvSpPr/>
          <p:nvPr/>
        </p:nvSpPr>
        <p:spPr>
          <a:xfrm>
            <a:off x="17810" y="623331"/>
            <a:ext cx="10091389"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③　評価基準値の見直しについて（評価基準値の定め方</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処理場・抽水所施設</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 ）　</a:t>
            </a:r>
            <a:endParaRPr lang="en-US" altLang="ja-JP" sz="2275" u="sng" dirty="0">
              <a:solidFill>
                <a:schemeClr val="tx1"/>
              </a:solidFill>
              <a:latin typeface="HGPｺﾞｼｯｸE" panose="020B0900000000000000" pitchFamily="50" charset="-128"/>
              <a:ea typeface="HGPｺﾞｼｯｸE" panose="020B0900000000000000" pitchFamily="50" charset="-128"/>
            </a:endParaRPr>
          </a:p>
        </p:txBody>
      </p:sp>
      <p:sp>
        <p:nvSpPr>
          <p:cNvPr id="25" name="正方形/長方形 24">
            <a:extLst>
              <a:ext uri="{FF2B5EF4-FFF2-40B4-BE49-F238E27FC236}">
                <a16:creationId xmlns:a16="http://schemas.microsoft.com/office/drawing/2014/main" id="{69090E68-1304-8353-D1A2-2F280566D550}"/>
              </a:ext>
            </a:extLst>
          </p:cNvPr>
          <p:cNvSpPr/>
          <p:nvPr/>
        </p:nvSpPr>
        <p:spPr>
          <a:xfrm>
            <a:off x="5296728" y="2926895"/>
            <a:ext cx="4314411" cy="1188118"/>
          </a:xfrm>
          <a:prstGeom prst="rect">
            <a:avLst/>
          </a:prstGeom>
          <a:noFill/>
          <a:ln>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a:extLst>
              <a:ext uri="{FF2B5EF4-FFF2-40B4-BE49-F238E27FC236}">
                <a16:creationId xmlns:a16="http://schemas.microsoft.com/office/drawing/2014/main" id="{CB91FB2C-AD7F-E9AE-5EF4-46CDC7404508}"/>
              </a:ext>
            </a:extLst>
          </p:cNvPr>
          <p:cNvSpPr txBox="1"/>
          <p:nvPr/>
        </p:nvSpPr>
        <p:spPr>
          <a:xfrm>
            <a:off x="7995005" y="3006496"/>
            <a:ext cx="1521297" cy="307777"/>
          </a:xfrm>
          <a:prstGeom prst="rect">
            <a:avLst/>
          </a:prstGeom>
          <a:noFill/>
          <a:ln>
            <a:solidFill>
              <a:schemeClr val="tx1"/>
            </a:solidFill>
          </a:ln>
        </p:spPr>
        <p:txBody>
          <a:bodyPr wrap="square">
            <a:spAutoFit/>
          </a:bodyPr>
          <a:lstStyle/>
          <a:p>
            <a:r>
              <a:rPr lang="en-US" altLang="ja-JP" sz="1400" dirty="0">
                <a:solidFill>
                  <a:srgbClr val="FF0000"/>
                </a:solidFill>
                <a:latin typeface="Meiryo UI" panose="020B0604030504040204" pitchFamily="50" charset="-128"/>
                <a:ea typeface="Meiryo UI" panose="020B0604030504040204" pitchFamily="50" charset="-128"/>
              </a:rPr>
              <a:t>CWO</a:t>
            </a:r>
            <a:r>
              <a:rPr lang="ja-JP" altLang="en-US" sz="1400" dirty="0">
                <a:solidFill>
                  <a:srgbClr val="FF0000"/>
                </a:solidFill>
                <a:latin typeface="Meiryo UI" panose="020B0604030504040204" pitchFamily="50" charset="-128"/>
                <a:ea typeface="Meiryo UI" panose="020B0604030504040204" pitchFamily="50" charset="-128"/>
              </a:rPr>
              <a:t>の考えは２</a:t>
            </a:r>
            <a:r>
              <a:rPr lang="en-US" altLang="ja-JP" sz="1400" dirty="0">
                <a:solidFill>
                  <a:srgbClr val="FF0000"/>
                </a:solidFill>
                <a:latin typeface="Meiryo UI" panose="020B0604030504040204" pitchFamily="50" charset="-128"/>
                <a:ea typeface="Meiryo UI" panose="020B0604030504040204" pitchFamily="50" charset="-128"/>
              </a:rPr>
              <a:t>σ</a:t>
            </a:r>
            <a:endParaRPr lang="en-US" altLang="ja-JP" sz="1400" dirty="0">
              <a:solidFill>
                <a:srgbClr val="FF0000"/>
              </a:solidFill>
              <a:latin typeface="ＭＳ 明朝" panose="02020609040205080304" pitchFamily="17" charset="-128"/>
              <a:ea typeface="ＭＳ 明朝" panose="02020609040205080304" pitchFamily="17" charset="-128"/>
              <a:cs typeface="Times New Roman" panose="02020603050405020304" pitchFamily="18" charset="0"/>
            </a:endParaRPr>
          </a:p>
        </p:txBody>
      </p:sp>
      <p:sp>
        <p:nvSpPr>
          <p:cNvPr id="27" name="矢印: 右 26">
            <a:extLst>
              <a:ext uri="{FF2B5EF4-FFF2-40B4-BE49-F238E27FC236}">
                <a16:creationId xmlns:a16="http://schemas.microsoft.com/office/drawing/2014/main" id="{7EE7A0C7-867E-FD46-774F-42318D8B9259}"/>
              </a:ext>
            </a:extLst>
          </p:cNvPr>
          <p:cNvSpPr/>
          <p:nvPr/>
        </p:nvSpPr>
        <p:spPr>
          <a:xfrm rot="5400000">
            <a:off x="7196459" y="3943438"/>
            <a:ext cx="338554" cy="844485"/>
          </a:xfrm>
          <a:prstGeom prst="right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a:extLst>
              <a:ext uri="{FF2B5EF4-FFF2-40B4-BE49-F238E27FC236}">
                <a16:creationId xmlns:a16="http://schemas.microsoft.com/office/drawing/2014/main" id="{6CD775E2-EE13-CD7D-3FA2-3147A06D024A}"/>
              </a:ext>
            </a:extLst>
          </p:cNvPr>
          <p:cNvSpPr txBox="1"/>
          <p:nvPr/>
        </p:nvSpPr>
        <p:spPr>
          <a:xfrm>
            <a:off x="5377069" y="4532903"/>
            <a:ext cx="4821820" cy="338554"/>
          </a:xfrm>
          <a:prstGeom prst="rect">
            <a:avLst/>
          </a:prstGeom>
          <a:noFill/>
        </p:spPr>
        <p:txBody>
          <a:bodyPr wrap="square">
            <a:spAutoFit/>
          </a:bodyPr>
          <a:lstStyle/>
          <a:p>
            <a:r>
              <a:rPr lang="ja-JP" altLang="en-US" sz="1600" b="1" dirty="0">
                <a:solidFill>
                  <a:srgbClr val="FF0101"/>
                </a:solidFill>
                <a:latin typeface="+mn-ea"/>
                <a:cs typeface="Times New Roman" panose="02020603050405020304" pitchFamily="18" charset="0"/>
              </a:rPr>
              <a:t>市、</a:t>
            </a:r>
            <a:r>
              <a:rPr lang="en-US" altLang="ja-JP" sz="1600" b="1" dirty="0">
                <a:solidFill>
                  <a:srgbClr val="FF0101"/>
                </a:solidFill>
                <a:latin typeface="+mn-ea"/>
                <a:cs typeface="Times New Roman" panose="02020603050405020304" pitchFamily="18" charset="0"/>
              </a:rPr>
              <a:t>CWO</a:t>
            </a:r>
            <a:r>
              <a:rPr lang="ja-JP" altLang="en-US" sz="1600" b="1" dirty="0">
                <a:solidFill>
                  <a:srgbClr val="FF0101"/>
                </a:solidFill>
                <a:latin typeface="+mn-ea"/>
                <a:cs typeface="Times New Roman" panose="02020603050405020304" pitchFamily="18" charset="0"/>
              </a:rPr>
              <a:t>の意見に相違があり、意見の統一が必要</a:t>
            </a:r>
            <a:endParaRPr lang="en-US" altLang="ja-JP" sz="1600" b="1" dirty="0">
              <a:solidFill>
                <a:srgbClr val="FF0101"/>
              </a:solidFill>
              <a:latin typeface="+mn-ea"/>
              <a:cs typeface="Times New Roman" panose="02020603050405020304" pitchFamily="18" charset="0"/>
            </a:endParaRPr>
          </a:p>
        </p:txBody>
      </p:sp>
      <p:sp>
        <p:nvSpPr>
          <p:cNvPr id="7" name="テキスト ボックス 6">
            <a:extLst>
              <a:ext uri="{FF2B5EF4-FFF2-40B4-BE49-F238E27FC236}">
                <a16:creationId xmlns:a16="http://schemas.microsoft.com/office/drawing/2014/main" id="{8A114C6C-F014-3996-484A-4E831A185231}"/>
              </a:ext>
            </a:extLst>
          </p:cNvPr>
          <p:cNvSpPr txBox="1"/>
          <p:nvPr/>
        </p:nvSpPr>
        <p:spPr>
          <a:xfrm>
            <a:off x="294859" y="5817367"/>
            <a:ext cx="9904029" cy="923330"/>
          </a:xfrm>
          <a:prstGeom prst="rect">
            <a:avLst/>
          </a:prstGeom>
          <a:noFill/>
        </p:spPr>
        <p:txBody>
          <a:bodyPr wrap="square">
            <a:spAutoFit/>
          </a:bodyPr>
          <a:lstStyle/>
          <a:p>
            <a:r>
              <a:rPr lang="en-US" altLang="ja-JP" dirty="0"/>
              <a:t>【</a:t>
            </a:r>
            <a:r>
              <a:rPr lang="ja-JP" altLang="en-US" dirty="0"/>
              <a:t>今回提案</a:t>
            </a:r>
            <a:r>
              <a:rPr lang="en-US" altLang="ja-JP" dirty="0"/>
              <a:t>】</a:t>
            </a:r>
          </a:p>
          <a:p>
            <a:r>
              <a:rPr lang="ja-JP" altLang="en-US" dirty="0"/>
              <a:t>異動等により監督職員が代わっても対応が変わらないように、</a:t>
            </a:r>
            <a:endParaRPr lang="en-US" altLang="ja-JP" dirty="0"/>
          </a:p>
          <a:p>
            <a:r>
              <a:rPr lang="ja-JP" altLang="en-US" dirty="0">
                <a:solidFill>
                  <a:srgbClr val="FF0000"/>
                </a:solidFill>
              </a:rPr>
              <a:t>「その原因が受注者の維持管理の管理瑕疵と認められる場合」</a:t>
            </a:r>
            <a:r>
              <a:rPr lang="ja-JP" altLang="en-US" dirty="0"/>
              <a:t>を追記し、取り扱いを明確化</a:t>
            </a:r>
          </a:p>
        </p:txBody>
      </p:sp>
    </p:spTree>
    <p:extLst>
      <p:ext uri="{BB962C8B-B14F-4D97-AF65-F5344CB8AC3E}">
        <p14:creationId xmlns:p14="http://schemas.microsoft.com/office/powerpoint/2010/main" val="332930688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a:extLst>
              <a:ext uri="{FF2B5EF4-FFF2-40B4-BE49-F238E27FC236}">
                <a16:creationId xmlns:a16="http://schemas.microsoft.com/office/drawing/2014/main" id="{ED7E0926-C216-C602-D640-B7A41C112CBE}"/>
              </a:ext>
            </a:extLst>
          </p:cNvPr>
          <p:cNvSpPr txBox="1"/>
          <p:nvPr/>
        </p:nvSpPr>
        <p:spPr>
          <a:xfrm>
            <a:off x="-19916" y="1011232"/>
            <a:ext cx="9905339" cy="6134693"/>
          </a:xfrm>
          <a:prstGeom prst="rect">
            <a:avLst/>
          </a:prstGeom>
          <a:noFill/>
        </p:spPr>
        <p:txBody>
          <a:bodyPr wrap="square" rtlCol="0">
            <a:spAutoFit/>
          </a:bodyPr>
          <a:lstStyle/>
          <a:p>
            <a:pPr>
              <a:lnSpc>
                <a:spcPct val="125000"/>
              </a:lnSpc>
            </a:pPr>
            <a:r>
              <a:rPr lang="ja-JP" altLang="en-US" sz="1600" dirty="0">
                <a:latin typeface="Meiryo UI" panose="020B0604030504040204" pitchFamily="50" charset="-128"/>
                <a:ea typeface="Meiryo UI" panose="020B0604030504040204" pitchFamily="50" charset="-128"/>
              </a:rPr>
              <a:t>　　</a:t>
            </a:r>
            <a:r>
              <a:rPr lang="ja-JP" altLang="en-US" sz="1600" b="1" u="sng" dirty="0">
                <a:latin typeface="Meiryo UI" panose="020B0604030504040204" pitchFamily="50" charset="-128"/>
                <a:ea typeface="Meiryo UI" panose="020B0604030504040204" pitchFamily="50" charset="-128"/>
              </a:rPr>
              <a:t>令和７年７月８日 　第１回大阪市下水道施設維持管理審議会　　→作業方針等の確認</a:t>
            </a:r>
            <a:r>
              <a:rPr lang="en-US" altLang="ja-JP" sz="1600" b="1" u="sng" dirty="0">
                <a:latin typeface="Meiryo UI" panose="020B0604030504040204" pitchFamily="50" charset="-128"/>
                <a:ea typeface="Meiryo UI" panose="020B0604030504040204" pitchFamily="50" charset="-128"/>
              </a:rPr>
              <a:t>【</a:t>
            </a:r>
            <a:r>
              <a:rPr lang="ja-JP" altLang="en-US" sz="1600" b="1" u="sng" dirty="0">
                <a:latin typeface="Meiryo UI" panose="020B0604030504040204" pitchFamily="50" charset="-128"/>
                <a:ea typeface="Meiryo UI" panose="020B0604030504040204" pitchFamily="50" charset="-128"/>
              </a:rPr>
              <a:t>済</a:t>
            </a:r>
            <a:r>
              <a:rPr lang="en-US" altLang="ja-JP" sz="1600" b="1" u="sng" dirty="0">
                <a:latin typeface="Meiryo UI" panose="020B0604030504040204" pitchFamily="50" charset="-128"/>
                <a:ea typeface="Meiryo UI" panose="020B0604030504040204" pitchFamily="50" charset="-128"/>
              </a:rPr>
              <a:t>】</a:t>
            </a:r>
          </a:p>
          <a:p>
            <a:pPr>
              <a:lnSpc>
                <a:spcPct val="125000"/>
              </a:lnSpc>
            </a:pPr>
            <a:r>
              <a:rPr lang="ja-JP" altLang="en-US" sz="1600" dirty="0">
                <a:latin typeface="+mj-ea"/>
                <a:ea typeface="+mj-ea"/>
              </a:rPr>
              <a:t>　</a:t>
            </a:r>
            <a:endParaRPr lang="en-US" altLang="ja-JP" sz="1100" dirty="0">
              <a:latin typeface="+mj-ea"/>
              <a:ea typeface="+mj-ea"/>
            </a:endParaRPr>
          </a:p>
          <a:p>
            <a:pPr>
              <a:lnSpc>
                <a:spcPct val="125000"/>
              </a:lnSpc>
            </a:pPr>
            <a:r>
              <a:rPr lang="ja-JP" altLang="en-US" sz="1600" dirty="0">
                <a:latin typeface="Meiryo UI" panose="020B0604030504040204" pitchFamily="50" charset="-128"/>
                <a:ea typeface="Meiryo UI" panose="020B0604030504040204" pitchFamily="50" charset="-128"/>
              </a:rPr>
              <a:t>　　</a:t>
            </a:r>
            <a:r>
              <a:rPr lang="ja-JP" altLang="en-US" sz="1600" b="1" u="sng" dirty="0">
                <a:latin typeface="Meiryo UI" panose="020B0604030504040204" pitchFamily="50" charset="-128"/>
                <a:ea typeface="Meiryo UI" panose="020B0604030504040204" pitchFamily="50" charset="-128"/>
              </a:rPr>
              <a:t>令和７年</a:t>
            </a:r>
            <a:r>
              <a:rPr lang="en-US" altLang="ja-JP" sz="1600" b="1" u="sng" dirty="0">
                <a:latin typeface="Meiryo UI" panose="020B0604030504040204" pitchFamily="50" charset="-128"/>
                <a:ea typeface="Meiryo UI" panose="020B0604030504040204" pitchFamily="50" charset="-128"/>
              </a:rPr>
              <a:t>11</a:t>
            </a:r>
            <a:r>
              <a:rPr lang="ja-JP" altLang="en-US" sz="1600" b="1" u="sng" dirty="0">
                <a:latin typeface="Meiryo UI" panose="020B0604030504040204" pitchFamily="50" charset="-128"/>
                <a:ea typeface="Meiryo UI" panose="020B0604030504040204" pitchFamily="50" charset="-128"/>
              </a:rPr>
              <a:t>月</a:t>
            </a:r>
            <a:r>
              <a:rPr lang="en-US" altLang="ja-JP" sz="1600" b="1" u="sng" dirty="0">
                <a:latin typeface="Meiryo UI" panose="020B0604030504040204" pitchFamily="50" charset="-128"/>
                <a:ea typeface="Meiryo UI" panose="020B0604030504040204" pitchFamily="50" charset="-128"/>
              </a:rPr>
              <a:t>25</a:t>
            </a:r>
            <a:r>
              <a:rPr lang="ja-JP" altLang="en-US" sz="1600" b="1" u="sng" dirty="0">
                <a:latin typeface="Meiryo UI" panose="020B0604030504040204" pitchFamily="50" charset="-128"/>
                <a:ea typeface="Meiryo UI" panose="020B0604030504040204" pitchFamily="50" charset="-128"/>
              </a:rPr>
              <a:t>日　</a:t>
            </a:r>
            <a:r>
              <a:rPr lang="ja-JP" altLang="en-US" sz="1600" b="1" u="sng" dirty="0">
                <a:solidFill>
                  <a:srgbClr val="0000CC"/>
                </a:solidFill>
                <a:latin typeface="Meiryo UI" panose="020B0604030504040204" pitchFamily="50" charset="-128"/>
                <a:ea typeface="Meiryo UI" panose="020B0604030504040204" pitchFamily="50" charset="-128"/>
              </a:rPr>
              <a:t>第２回大阪市下水道施設維持管理審議会　</a:t>
            </a:r>
            <a:r>
              <a:rPr lang="ja-JP" altLang="en-US" sz="1600" b="1" u="sng" dirty="0">
                <a:solidFill>
                  <a:srgbClr val="0000CC"/>
                </a:solidFill>
                <a:latin typeface="+mj-ea"/>
                <a:ea typeface="+mj-ea"/>
              </a:rPr>
              <a:t>　</a:t>
            </a:r>
            <a:r>
              <a:rPr lang="ja-JP" altLang="en-US" sz="1600" b="1" u="sng" dirty="0">
                <a:solidFill>
                  <a:srgbClr val="0000CC"/>
                </a:solidFill>
                <a:latin typeface="Meiryo UI" panose="020B0604030504040204" pitchFamily="50" charset="-128"/>
                <a:ea typeface="Meiryo UI" panose="020B0604030504040204" pitchFamily="50" charset="-128"/>
              </a:rPr>
              <a:t>→検討内容の確認</a:t>
            </a:r>
            <a:endParaRPr lang="en-US" altLang="ja-JP" sz="1600" b="1" u="sng" dirty="0">
              <a:solidFill>
                <a:srgbClr val="0000CC"/>
              </a:solidFill>
              <a:latin typeface="Meiryo UI" panose="020B0604030504040204" pitchFamily="50" charset="-128"/>
              <a:ea typeface="Meiryo UI" panose="020B0604030504040204" pitchFamily="50" charset="-128"/>
            </a:endParaRPr>
          </a:p>
          <a:p>
            <a:pPr>
              <a:lnSpc>
                <a:spcPct val="125000"/>
              </a:lnSpc>
            </a:pPr>
            <a:r>
              <a:rPr lang="ja-JP" altLang="en-US" sz="1600" dirty="0">
                <a:latin typeface="Meiryo UI" panose="020B0604030504040204" pitchFamily="50" charset="-128"/>
                <a:ea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rPr>
              <a:t>	</a:t>
            </a:r>
            <a:r>
              <a:rPr lang="ja-JP" altLang="en-US" sz="1600" b="1" dirty="0">
                <a:latin typeface="+mj-ea"/>
                <a:ea typeface="+mj-ea"/>
              </a:rPr>
              <a:t>・</a:t>
            </a:r>
            <a:r>
              <a:rPr lang="en-US" altLang="ja-JP" sz="1600" b="1" dirty="0">
                <a:latin typeface="+mj-ea"/>
                <a:ea typeface="+mj-ea"/>
              </a:rPr>
              <a:t>R7</a:t>
            </a:r>
            <a:r>
              <a:rPr lang="ja-JP" altLang="en-US" sz="1600" b="1" dirty="0">
                <a:latin typeface="+mj-ea"/>
                <a:ea typeface="+mj-ea"/>
              </a:rPr>
              <a:t>年度上半期実績の確認</a:t>
            </a:r>
            <a:endParaRPr lang="en-US" altLang="ja-JP" sz="1600" b="1" dirty="0">
              <a:latin typeface="+mj-ea"/>
              <a:ea typeface="+mj-ea"/>
            </a:endParaRPr>
          </a:p>
          <a:p>
            <a:pPr>
              <a:lnSpc>
                <a:spcPct val="125000"/>
              </a:lnSpc>
            </a:pPr>
            <a:r>
              <a:rPr lang="ja-JP" altLang="en-US" sz="1600" dirty="0">
                <a:latin typeface="Meiryo UI" panose="020B0604030504040204" pitchFamily="50" charset="-128"/>
                <a:ea typeface="Meiryo UI" panose="020B0604030504040204" pitchFamily="50" charset="-128"/>
              </a:rPr>
              <a:t>　　　　　　　　　　</a:t>
            </a:r>
            <a:r>
              <a:rPr lang="ja-JP" altLang="en-US" sz="1600" dirty="0">
                <a:solidFill>
                  <a:srgbClr val="FF0000"/>
                </a:solidFill>
                <a:latin typeface="Meiryo UI" panose="020B0604030504040204" pitchFamily="50" charset="-128"/>
                <a:ea typeface="Meiryo UI" panose="020B0604030504040204" pitchFamily="50" charset="-128"/>
              </a:rPr>
              <a:t>・</a:t>
            </a:r>
            <a:r>
              <a:rPr lang="ja-JP" altLang="en-US" sz="1600" b="1" u="sng" dirty="0">
                <a:solidFill>
                  <a:srgbClr val="FF0000"/>
                </a:solidFill>
                <a:latin typeface="Meiryo UI" panose="020B0604030504040204" pitchFamily="50" charset="-128"/>
                <a:ea typeface="Meiryo UI" panose="020B0604030504040204" pitchFamily="50" charset="-128"/>
              </a:rPr>
              <a:t>契約内容見直し案（実務数量等）の条件整理（在り方確認）</a:t>
            </a:r>
            <a:endParaRPr lang="en-US" altLang="ja-JP" sz="1600" b="1" u="sng" dirty="0">
              <a:solidFill>
                <a:srgbClr val="FF0000"/>
              </a:solidFill>
              <a:latin typeface="Meiryo UI" panose="020B0604030504040204" pitchFamily="50" charset="-128"/>
              <a:ea typeface="Meiryo UI" panose="020B0604030504040204" pitchFamily="50" charset="-128"/>
            </a:endParaRPr>
          </a:p>
          <a:p>
            <a:pPr>
              <a:lnSpc>
                <a:spcPct val="125000"/>
              </a:lnSpc>
            </a:pPr>
            <a:r>
              <a:rPr lang="ja-JP" altLang="en-US" sz="1600" b="1" dirty="0">
                <a:solidFill>
                  <a:srgbClr val="FF0000"/>
                </a:solidFill>
                <a:latin typeface="Meiryo UI" panose="020B0604030504040204" pitchFamily="50" charset="-128"/>
                <a:ea typeface="Meiryo UI" panose="020B0604030504040204" pitchFamily="50" charset="-128"/>
              </a:rPr>
              <a:t>　　　　　　　　　　・</a:t>
            </a:r>
            <a:r>
              <a:rPr lang="ja-JP" altLang="en-US" sz="1600" b="1" u="sng" dirty="0">
                <a:solidFill>
                  <a:srgbClr val="FF0000"/>
                </a:solidFill>
                <a:latin typeface="Meiryo UI" panose="020B0604030504040204" pitchFamily="50" charset="-128"/>
                <a:ea typeface="Meiryo UI" panose="020B0604030504040204" pitchFamily="50" charset="-128"/>
              </a:rPr>
              <a:t>課題報告（人事委員会勧告、インセンティブ）</a:t>
            </a:r>
            <a:endParaRPr lang="en-US" altLang="ja-JP" sz="1600" b="1" u="sng" dirty="0">
              <a:solidFill>
                <a:srgbClr val="FF0000"/>
              </a:solidFill>
              <a:latin typeface="Meiryo UI" panose="020B0604030504040204" pitchFamily="50" charset="-128"/>
              <a:ea typeface="Meiryo UI" panose="020B0604030504040204" pitchFamily="50" charset="-128"/>
            </a:endParaRPr>
          </a:p>
          <a:p>
            <a:pPr>
              <a:lnSpc>
                <a:spcPct val="125000"/>
              </a:lnSpc>
            </a:pPr>
            <a:endParaRPr lang="en-US" altLang="ja-JP" sz="800" dirty="0">
              <a:latin typeface="Meiryo UI" panose="020B0604030504040204" pitchFamily="50" charset="-128"/>
              <a:ea typeface="Meiryo UI" panose="020B0604030504040204" pitchFamily="50" charset="-128"/>
            </a:endParaRPr>
          </a:p>
          <a:p>
            <a:pPr>
              <a:lnSpc>
                <a:spcPct val="125000"/>
              </a:lnSpc>
            </a:pPr>
            <a:r>
              <a:rPr lang="ja-JP" altLang="en-US" sz="1600" dirty="0">
                <a:latin typeface="Meiryo UI" panose="020B0604030504040204" pitchFamily="50" charset="-128"/>
                <a:ea typeface="Meiryo UI" panose="020B0604030504040204" pitchFamily="50" charset="-128"/>
              </a:rPr>
              <a:t>　　</a:t>
            </a:r>
            <a:r>
              <a:rPr lang="ja-JP" altLang="en-US" sz="1600" b="1" u="sng" dirty="0">
                <a:latin typeface="Meiryo UI" panose="020B0604030504040204" pitchFamily="50" charset="-128"/>
                <a:ea typeface="Meiryo UI" panose="020B0604030504040204" pitchFamily="50" charset="-128"/>
              </a:rPr>
              <a:t>令和８年２月頃　　　第３回大阪市下水道施設維持管理審議会　</a:t>
            </a:r>
            <a:r>
              <a:rPr lang="ja-JP" altLang="en-US" sz="1600" b="1" u="sng" dirty="0">
                <a:latin typeface="+mj-ea"/>
                <a:ea typeface="+mj-ea"/>
              </a:rPr>
              <a:t>　</a:t>
            </a:r>
            <a:r>
              <a:rPr lang="ja-JP" altLang="en-US" sz="1600" b="1" u="sng" dirty="0">
                <a:latin typeface="Meiryo UI" panose="020B0604030504040204" pitchFamily="50" charset="-128"/>
                <a:ea typeface="Meiryo UI" panose="020B0604030504040204" pitchFamily="50" charset="-128"/>
              </a:rPr>
              <a:t>→検討内容の確認</a:t>
            </a:r>
            <a:endParaRPr lang="en-US" altLang="ja-JP" sz="1600" b="1" u="sng" dirty="0">
              <a:latin typeface="Meiryo UI" panose="020B0604030504040204" pitchFamily="50" charset="-128"/>
              <a:ea typeface="Meiryo UI" panose="020B0604030504040204" pitchFamily="50" charset="-128"/>
            </a:endParaRPr>
          </a:p>
          <a:p>
            <a:pPr>
              <a:lnSpc>
                <a:spcPct val="125000"/>
              </a:lnSpc>
            </a:pPr>
            <a:r>
              <a:rPr lang="ja-JP" altLang="en-US" sz="1600" dirty="0">
                <a:latin typeface="Meiryo UI" panose="020B0604030504040204" pitchFamily="50" charset="-128"/>
                <a:ea typeface="Meiryo UI" panose="020B0604030504040204" pitchFamily="50" charset="-128"/>
              </a:rPr>
              <a:t>　　　　　　　　　　・契約内容見直し案（実務数量等）の提示</a:t>
            </a:r>
            <a:endParaRPr lang="en-US" altLang="ja-JP" sz="1600" dirty="0">
              <a:latin typeface="Meiryo UI" panose="020B0604030504040204" pitchFamily="50" charset="-128"/>
              <a:ea typeface="Meiryo UI" panose="020B0604030504040204" pitchFamily="50" charset="-128"/>
            </a:endParaRPr>
          </a:p>
          <a:p>
            <a:pPr>
              <a:lnSpc>
                <a:spcPct val="125000"/>
              </a:lnSpc>
            </a:pPr>
            <a:r>
              <a:rPr lang="ja-JP" altLang="en-US" sz="1600" dirty="0">
                <a:latin typeface="Meiryo UI" panose="020B0604030504040204" pitchFamily="50" charset="-128"/>
                <a:ea typeface="Meiryo UI" panose="020B0604030504040204" pitchFamily="50" charset="-128"/>
              </a:rPr>
              <a:t>　　　　　　　　　　・課題解決に向けた対応案の検討（人事委員会勧告、インセンティブ）</a:t>
            </a:r>
            <a:endParaRPr lang="en-US" altLang="ja-JP" sz="1600" dirty="0">
              <a:latin typeface="Meiryo UI" panose="020B0604030504040204" pitchFamily="50" charset="-128"/>
              <a:ea typeface="Meiryo UI" panose="020B0604030504040204" pitchFamily="50" charset="-128"/>
            </a:endParaRPr>
          </a:p>
          <a:p>
            <a:pPr>
              <a:lnSpc>
                <a:spcPct val="125000"/>
              </a:lnSpc>
            </a:pPr>
            <a:endParaRPr lang="en-US" altLang="ja-JP" sz="800" b="1" u="sng" dirty="0">
              <a:latin typeface="Meiryo UI" panose="020B0604030504040204" pitchFamily="50" charset="-128"/>
              <a:ea typeface="Meiryo UI" panose="020B0604030504040204" pitchFamily="50" charset="-128"/>
            </a:endParaRPr>
          </a:p>
          <a:p>
            <a:pPr>
              <a:lnSpc>
                <a:spcPct val="125000"/>
              </a:lnSpc>
            </a:pPr>
            <a:r>
              <a:rPr lang="en-US" altLang="ja-JP" sz="1600" b="1" dirty="0">
                <a:latin typeface="Meiryo UI" panose="020B0604030504040204" pitchFamily="50" charset="-128"/>
                <a:ea typeface="Meiryo UI" panose="020B0604030504040204" pitchFamily="50" charset="-128"/>
              </a:rPr>
              <a:t>    </a:t>
            </a:r>
            <a:r>
              <a:rPr lang="ja-JP" altLang="en-US" sz="1600" b="1" u="sng" dirty="0">
                <a:latin typeface="Meiryo UI" panose="020B0604030504040204" pitchFamily="50" charset="-128"/>
                <a:ea typeface="Meiryo UI" panose="020B0604030504040204" pitchFamily="50" charset="-128"/>
              </a:rPr>
              <a:t>令和８年６月頃</a:t>
            </a:r>
            <a:r>
              <a:rPr lang="en-US" altLang="ja-JP" sz="1600" b="1" u="sng" dirty="0">
                <a:latin typeface="Meiryo UI" panose="020B0604030504040204" pitchFamily="50" charset="-128"/>
                <a:ea typeface="Meiryo UI" panose="020B0604030504040204" pitchFamily="50" charset="-128"/>
              </a:rPr>
              <a:t>	</a:t>
            </a:r>
            <a:r>
              <a:rPr lang="ja-JP" altLang="en-US" sz="1600" b="1" u="sng" dirty="0">
                <a:latin typeface="Meiryo UI" panose="020B0604030504040204" pitchFamily="50" charset="-128"/>
                <a:ea typeface="Meiryo UI" panose="020B0604030504040204" pitchFamily="50" charset="-128"/>
              </a:rPr>
              <a:t>　 第４回大阪市下水道施設維持管理審議会　　</a:t>
            </a:r>
            <a:r>
              <a:rPr lang="ja-JP" altLang="en-US" sz="1600" b="1" u="sng" dirty="0">
                <a:latin typeface="+mj-ea"/>
                <a:ea typeface="+mj-ea"/>
              </a:rPr>
              <a:t>　</a:t>
            </a:r>
            <a:r>
              <a:rPr lang="ja-JP" altLang="en-US" sz="1600" b="1" u="sng" dirty="0">
                <a:latin typeface="Meiryo UI" panose="020B0604030504040204" pitchFamily="50" charset="-128"/>
                <a:ea typeface="Meiryo UI" panose="020B0604030504040204" pitchFamily="50" charset="-128"/>
              </a:rPr>
              <a:t>→方針概要決定</a:t>
            </a:r>
            <a:endParaRPr lang="en-US" altLang="ja-JP" sz="1600" b="1" u="sng" dirty="0">
              <a:latin typeface="Meiryo UI" panose="020B0604030504040204" pitchFamily="50" charset="-128"/>
              <a:ea typeface="Meiryo UI" panose="020B0604030504040204" pitchFamily="50" charset="-128"/>
            </a:endParaRPr>
          </a:p>
          <a:p>
            <a:pPr>
              <a:lnSpc>
                <a:spcPct val="125000"/>
              </a:lnSpc>
            </a:pPr>
            <a:r>
              <a:rPr lang="ja-JP" altLang="en-US" sz="1600" dirty="0">
                <a:latin typeface="Meiryo UI" panose="020B0604030504040204" pitchFamily="50" charset="-128"/>
                <a:ea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rPr>
              <a:t>	</a:t>
            </a:r>
            <a:r>
              <a:rPr lang="ja-JP" altLang="en-US" sz="1600" dirty="0">
                <a:latin typeface="+mj-ea"/>
              </a:rPr>
              <a:t>・</a:t>
            </a:r>
            <a:r>
              <a:rPr lang="en-US" altLang="ja-JP" sz="1600" dirty="0">
                <a:latin typeface="+mj-ea"/>
              </a:rPr>
              <a:t>R7</a:t>
            </a:r>
            <a:r>
              <a:rPr lang="ja-JP" altLang="en-US" sz="1600" dirty="0">
                <a:latin typeface="+mj-ea"/>
              </a:rPr>
              <a:t>年度通年実績の確認</a:t>
            </a:r>
            <a:endParaRPr lang="en-US" altLang="ja-JP" sz="1600" dirty="0">
              <a:latin typeface="+mj-ea"/>
            </a:endParaRPr>
          </a:p>
          <a:p>
            <a:pPr>
              <a:lnSpc>
                <a:spcPct val="125000"/>
              </a:lnSpc>
            </a:pPr>
            <a:r>
              <a:rPr lang="ja-JP" altLang="en-US" sz="1600" dirty="0">
                <a:latin typeface="Meiryo UI" panose="020B0604030504040204" pitchFamily="50" charset="-128"/>
                <a:ea typeface="Meiryo UI" panose="020B0604030504040204" pitchFamily="50" charset="-128"/>
              </a:rPr>
              <a:t>　　　　　　　　　　・契約内容見直し案（実務数量等）の確定</a:t>
            </a:r>
            <a:endParaRPr lang="en-US" altLang="ja-JP" sz="1600" dirty="0">
              <a:latin typeface="Meiryo UI" panose="020B0604030504040204" pitchFamily="50" charset="-128"/>
              <a:ea typeface="Meiryo UI" panose="020B0604030504040204" pitchFamily="50" charset="-128"/>
            </a:endParaRPr>
          </a:p>
          <a:p>
            <a:pPr>
              <a:lnSpc>
                <a:spcPct val="125000"/>
              </a:lnSpc>
            </a:pPr>
            <a:r>
              <a:rPr lang="ja-JP" altLang="en-US" sz="1600" dirty="0">
                <a:latin typeface="Meiryo UI" panose="020B0604030504040204" pitchFamily="50" charset="-128"/>
                <a:ea typeface="Meiryo UI" panose="020B0604030504040204" pitchFamily="50" charset="-128"/>
              </a:rPr>
              <a:t>　　　　　　　　　　・課題解決に向けた方針策定（人事委員会勧告、インセンティブ）</a:t>
            </a:r>
            <a:endParaRPr lang="en-US" altLang="ja-JP" sz="1600" dirty="0">
              <a:latin typeface="Meiryo UI" panose="020B0604030504040204" pitchFamily="50" charset="-128"/>
              <a:ea typeface="Meiryo UI" panose="020B0604030504040204" pitchFamily="50" charset="-128"/>
            </a:endParaRPr>
          </a:p>
          <a:p>
            <a:pPr>
              <a:lnSpc>
                <a:spcPct val="125000"/>
              </a:lnSpc>
            </a:pPr>
            <a:endParaRPr lang="en-US" altLang="ja-JP" sz="1200" dirty="0">
              <a:latin typeface="Meiryo UI" panose="020B0604030504040204" pitchFamily="50" charset="-128"/>
              <a:ea typeface="Meiryo UI" panose="020B0604030504040204" pitchFamily="50" charset="-128"/>
            </a:endParaRPr>
          </a:p>
          <a:p>
            <a:pPr>
              <a:lnSpc>
                <a:spcPct val="125000"/>
              </a:lnSpc>
            </a:pPr>
            <a:r>
              <a:rPr lang="ja-JP" altLang="en-US" sz="1600" dirty="0">
                <a:latin typeface="Meiryo UI" panose="020B0604030504040204" pitchFamily="50" charset="-128"/>
                <a:ea typeface="Meiryo UI" panose="020B0604030504040204" pitchFamily="50" charset="-128"/>
              </a:rPr>
              <a:t>　　</a:t>
            </a:r>
            <a:r>
              <a:rPr lang="ja-JP" altLang="en-US" sz="1600" b="1" u="sng" dirty="0">
                <a:latin typeface="Meiryo UI" panose="020B0604030504040204" pitchFamily="50" charset="-128"/>
                <a:ea typeface="Meiryo UI" panose="020B0604030504040204" pitchFamily="50" charset="-128"/>
              </a:rPr>
              <a:t>令和８年</a:t>
            </a:r>
            <a:r>
              <a:rPr lang="en-US" altLang="ja-JP" sz="1600" b="1" u="sng" dirty="0">
                <a:latin typeface="Meiryo UI" panose="020B0604030504040204" pitchFamily="50" charset="-128"/>
                <a:ea typeface="Meiryo UI" panose="020B0604030504040204" pitchFamily="50" charset="-128"/>
              </a:rPr>
              <a:t>1</a:t>
            </a:r>
            <a:r>
              <a:rPr lang="ja-JP" altLang="en-US" sz="1600" b="1" u="sng" dirty="0">
                <a:latin typeface="Meiryo UI" panose="020B0604030504040204" pitchFamily="50" charset="-128"/>
                <a:ea typeface="Meiryo UI" panose="020B0604030504040204" pitchFamily="50" charset="-128"/>
              </a:rPr>
              <a:t>１月頃　第５回大阪市下水道施設維持管理審議会　　</a:t>
            </a:r>
            <a:r>
              <a:rPr lang="ja-JP" altLang="en-US" sz="1600" b="1" u="sng" dirty="0">
                <a:latin typeface="+mj-ea"/>
              </a:rPr>
              <a:t>　</a:t>
            </a:r>
            <a:r>
              <a:rPr lang="ja-JP" altLang="en-US" sz="1600" b="1" u="sng" dirty="0">
                <a:latin typeface="Meiryo UI" panose="020B0604030504040204" pitchFamily="50" charset="-128"/>
                <a:ea typeface="Meiryo UI" panose="020B0604030504040204" pitchFamily="50" charset="-128"/>
              </a:rPr>
              <a:t>→方針詳細決定</a:t>
            </a:r>
            <a:endParaRPr lang="en-US" altLang="ja-JP" sz="1600" b="1" u="sng" dirty="0">
              <a:latin typeface="Meiryo UI" panose="020B0604030504040204" pitchFamily="50" charset="-128"/>
              <a:ea typeface="Meiryo UI" panose="020B0604030504040204" pitchFamily="50" charset="-128"/>
            </a:endParaRPr>
          </a:p>
          <a:p>
            <a:pPr>
              <a:lnSpc>
                <a:spcPct val="125000"/>
              </a:lnSpc>
            </a:pPr>
            <a:r>
              <a:rPr lang="ja-JP" altLang="en-US" sz="1600" dirty="0">
                <a:latin typeface="Meiryo UI" panose="020B0604030504040204" pitchFamily="50" charset="-128"/>
                <a:ea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rPr>
              <a:t>	</a:t>
            </a:r>
            <a:r>
              <a:rPr lang="ja-JP" altLang="en-US" sz="1600" dirty="0">
                <a:latin typeface="+mj-ea"/>
              </a:rPr>
              <a:t>・</a:t>
            </a:r>
            <a:r>
              <a:rPr lang="en-US" altLang="ja-JP" sz="1600" dirty="0">
                <a:latin typeface="+mj-ea"/>
              </a:rPr>
              <a:t>R8</a:t>
            </a:r>
            <a:r>
              <a:rPr lang="ja-JP" altLang="en-US" sz="1600" dirty="0">
                <a:latin typeface="+mj-ea"/>
              </a:rPr>
              <a:t>年度上半期実績の確認</a:t>
            </a:r>
            <a:endParaRPr lang="en-US" altLang="ja-JP" sz="1600" dirty="0">
              <a:latin typeface="+mj-ea"/>
            </a:endParaRPr>
          </a:p>
          <a:p>
            <a:pPr>
              <a:lnSpc>
                <a:spcPct val="125000"/>
              </a:lnSpc>
            </a:pPr>
            <a:r>
              <a:rPr lang="ja-JP" altLang="en-US" sz="1600" dirty="0">
                <a:latin typeface="Meiryo UI" panose="020B0604030504040204" pitchFamily="50" charset="-128"/>
                <a:ea typeface="Meiryo UI" panose="020B0604030504040204" pitchFamily="50" charset="-128"/>
              </a:rPr>
              <a:t>　　　　　　　　　　・課題解決に向けた方針確定（人事委員会勧告、インセンティブ）</a:t>
            </a:r>
            <a:endParaRPr lang="en-US" altLang="ja-JP" sz="1600" dirty="0">
              <a:latin typeface="Meiryo UI" panose="020B0604030504040204" pitchFamily="50" charset="-128"/>
              <a:ea typeface="Meiryo UI" panose="020B0604030504040204" pitchFamily="50" charset="-128"/>
            </a:endParaRPr>
          </a:p>
          <a:p>
            <a:pPr>
              <a:lnSpc>
                <a:spcPct val="125000"/>
              </a:lnSpc>
            </a:pPr>
            <a:r>
              <a:rPr lang="ja-JP" altLang="en-US" sz="1600" dirty="0">
                <a:latin typeface="Meiryo UI" panose="020B0604030504040204" pitchFamily="50" charset="-128"/>
                <a:ea typeface="Meiryo UI" panose="020B0604030504040204" pitchFamily="50" charset="-128"/>
              </a:rPr>
              <a:t>　　令和</a:t>
            </a:r>
            <a:r>
              <a:rPr lang="en-US" altLang="ja-JP" sz="1600" dirty="0">
                <a:latin typeface="Meiryo UI" panose="020B0604030504040204" pitchFamily="50" charset="-128"/>
                <a:ea typeface="Meiryo UI" panose="020B0604030504040204" pitchFamily="50" charset="-128"/>
              </a:rPr>
              <a:t>9</a:t>
            </a:r>
            <a:r>
              <a:rPr lang="ja-JP" altLang="en-US" sz="1600" dirty="0">
                <a:latin typeface="Meiryo UI" panose="020B0604030504040204" pitchFamily="50" charset="-128"/>
                <a:ea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rPr>
              <a:t>3</a:t>
            </a:r>
            <a:r>
              <a:rPr lang="ja-JP" altLang="en-US" sz="1600" dirty="0">
                <a:latin typeface="Meiryo UI" panose="020B0604030504040204" pitchFamily="50" charset="-128"/>
                <a:ea typeface="Meiryo UI" panose="020B0604030504040204" pitchFamily="50" charset="-128"/>
              </a:rPr>
              <a:t>月</a:t>
            </a:r>
            <a:r>
              <a:rPr lang="en-US" altLang="ja-JP" sz="1600" dirty="0">
                <a:latin typeface="Meiryo UI" panose="020B0604030504040204" pitchFamily="50" charset="-128"/>
                <a:ea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rPr>
              <a:t>市会（</a:t>
            </a:r>
            <a:r>
              <a:rPr lang="en-US" altLang="ja-JP" sz="1600" dirty="0">
                <a:latin typeface="Meiryo UI" panose="020B0604030504040204" pitchFamily="50" charset="-128"/>
                <a:ea typeface="Meiryo UI" panose="020B0604030504040204" pitchFamily="50" charset="-128"/>
              </a:rPr>
              <a:t>2</a:t>
            </a:r>
            <a:r>
              <a:rPr lang="ja-JP" altLang="en-US" sz="1600" dirty="0">
                <a:latin typeface="Meiryo UI" panose="020B0604030504040204" pitchFamily="50" charset="-128"/>
                <a:ea typeface="Meiryo UI" panose="020B0604030504040204" pitchFamily="50" charset="-128"/>
              </a:rPr>
              <a:t>月補正）の予算承認後、</a:t>
            </a:r>
            <a:r>
              <a:rPr lang="ja-JP" altLang="en-US" sz="1600" b="1" u="sng" dirty="0">
                <a:solidFill>
                  <a:srgbClr val="FF0000"/>
                </a:solidFill>
                <a:latin typeface="Meiryo UI" panose="020B0604030504040204" pitchFamily="50" charset="-128"/>
                <a:ea typeface="Meiryo UI" panose="020B0604030504040204" pitchFamily="50" charset="-128"/>
              </a:rPr>
              <a:t>契約変更実施（契約５年毎の条件見直し）</a:t>
            </a:r>
            <a:endParaRPr lang="en-US" altLang="ja-JP" sz="1600" b="1" u="sng" dirty="0">
              <a:solidFill>
                <a:srgbClr val="FF0000"/>
              </a:solidFill>
              <a:latin typeface="Meiryo UI" panose="020B0604030504040204" pitchFamily="50" charset="-128"/>
              <a:ea typeface="Meiryo UI" panose="020B0604030504040204" pitchFamily="50" charset="-128"/>
            </a:endParaRPr>
          </a:p>
          <a:p>
            <a:pPr>
              <a:lnSpc>
                <a:spcPct val="125000"/>
              </a:lnSpc>
            </a:pPr>
            <a:r>
              <a:rPr lang="ja-JP" altLang="en-US" sz="1600" dirty="0">
                <a:latin typeface="Meiryo UI" panose="020B0604030504040204" pitchFamily="50" charset="-128"/>
                <a:ea typeface="Meiryo UI" panose="020B0604030504040204" pitchFamily="50" charset="-128"/>
              </a:rPr>
              <a:t>　</a:t>
            </a:r>
            <a:endParaRPr lang="en-US" altLang="ja-JP" sz="1600" dirty="0">
              <a:latin typeface="Meiryo UI" panose="020B0604030504040204" pitchFamily="50" charset="-128"/>
              <a:ea typeface="Meiryo UI" panose="020B0604030504040204" pitchFamily="50" charset="-128"/>
            </a:endParaRPr>
          </a:p>
        </p:txBody>
      </p:sp>
      <p:sp>
        <p:nvSpPr>
          <p:cNvPr id="7" name="スライド番号プレースホルダー 6">
            <a:extLst>
              <a:ext uri="{FF2B5EF4-FFF2-40B4-BE49-F238E27FC236}">
                <a16:creationId xmlns:a16="http://schemas.microsoft.com/office/drawing/2014/main" id="{F0869689-5547-FBE2-71C3-73B27D12E99F}"/>
              </a:ext>
            </a:extLst>
          </p:cNvPr>
          <p:cNvSpPr>
            <a:spLocks noGrp="1"/>
          </p:cNvSpPr>
          <p:nvPr>
            <p:ph type="sldNum" sz="quarter" idx="12"/>
          </p:nvPr>
        </p:nvSpPr>
        <p:spPr>
          <a:xfrm>
            <a:off x="7778890" y="6504654"/>
            <a:ext cx="2057400" cy="337038"/>
          </a:xfrm>
        </p:spPr>
        <p:txBody>
          <a:bodyPr/>
          <a:lstStyle/>
          <a:p>
            <a:pPr defTabSz="422041"/>
            <a:fld id="{36EC18DB-A5DF-4E0E-B815-FCD04A2C4B2C}" type="slidenum">
              <a:rPr lang="ja-JP" altLang="en-US">
                <a:solidFill>
                  <a:prstClr val="black"/>
                </a:solidFill>
                <a:latin typeface="Segoe UI"/>
                <a:ea typeface="Meiryo UI"/>
              </a:rPr>
              <a:pPr defTabSz="422041"/>
              <a:t>5</a:t>
            </a:fld>
            <a:endParaRPr lang="ja-JP" altLang="en-US" dirty="0">
              <a:solidFill>
                <a:prstClr val="black"/>
              </a:solidFill>
              <a:latin typeface="Segoe UI"/>
              <a:ea typeface="Meiryo UI"/>
            </a:endParaRPr>
          </a:p>
        </p:txBody>
      </p:sp>
      <p:sp>
        <p:nvSpPr>
          <p:cNvPr id="5" name="正方形/長方形 4">
            <a:extLst>
              <a:ext uri="{FF2B5EF4-FFF2-40B4-BE49-F238E27FC236}">
                <a16:creationId xmlns:a16="http://schemas.microsoft.com/office/drawing/2014/main" id="{8586ECFE-E177-5D0E-0305-A99E700EB6FC}"/>
              </a:ext>
            </a:extLst>
          </p:cNvPr>
          <p:cNvSpPr/>
          <p:nvPr/>
        </p:nvSpPr>
        <p:spPr>
          <a:xfrm>
            <a:off x="165898" y="1648663"/>
            <a:ext cx="7893374" cy="1272928"/>
          </a:xfrm>
          <a:prstGeom prst="rect">
            <a:avLst/>
          </a:prstGeom>
          <a:noFill/>
          <a:ln w="69850" cmpd="dbl">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テキスト ボックス 8">
            <a:extLst>
              <a:ext uri="{FF2B5EF4-FFF2-40B4-BE49-F238E27FC236}">
                <a16:creationId xmlns:a16="http://schemas.microsoft.com/office/drawing/2014/main" id="{303DB8C6-6FFF-131B-CCED-0D948097D9C7}"/>
              </a:ext>
            </a:extLst>
          </p:cNvPr>
          <p:cNvSpPr txBox="1"/>
          <p:nvPr/>
        </p:nvSpPr>
        <p:spPr>
          <a:xfrm>
            <a:off x="55646" y="612828"/>
            <a:ext cx="5070763" cy="400110"/>
          </a:xfrm>
          <a:prstGeom prst="rect">
            <a:avLst/>
          </a:prstGeom>
          <a:noFill/>
        </p:spPr>
        <p:txBody>
          <a:bodyPr wrap="square" rtlCol="0">
            <a:spAutoFit/>
          </a:bodyPr>
          <a:lstStyle/>
          <a:p>
            <a:r>
              <a:rPr kumimoji="1" lang="en-US" altLang="ja-JP" sz="2000" b="1" dirty="0"/>
              <a:t>【</a:t>
            </a:r>
            <a:r>
              <a:rPr kumimoji="1" lang="ja-JP" altLang="en-US" sz="2000" b="1" dirty="0"/>
              <a:t>業務委託条件の見直しスケジュール</a:t>
            </a:r>
            <a:r>
              <a:rPr kumimoji="1" lang="en-US" altLang="ja-JP" sz="2000" b="1" dirty="0"/>
              <a:t>】</a:t>
            </a:r>
            <a:endParaRPr kumimoji="1" lang="ja-JP" altLang="en-US" sz="2000" b="1" dirty="0"/>
          </a:p>
        </p:txBody>
      </p:sp>
      <p:sp>
        <p:nvSpPr>
          <p:cNvPr id="4" name="角丸四角形 17">
            <a:extLst>
              <a:ext uri="{FF2B5EF4-FFF2-40B4-BE49-F238E27FC236}">
                <a16:creationId xmlns:a16="http://schemas.microsoft.com/office/drawing/2014/main" id="{6A255F5D-1865-867A-2FE6-F34A488A0B09}"/>
              </a:ext>
            </a:extLst>
          </p:cNvPr>
          <p:cNvSpPr/>
          <p:nvPr/>
        </p:nvSpPr>
        <p:spPr>
          <a:xfrm>
            <a:off x="72908" y="96839"/>
            <a:ext cx="95282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400" dirty="0">
                <a:solidFill>
                  <a:schemeClr val="tx1"/>
                </a:solidFill>
                <a:latin typeface="HGPｺﾞｼｯｸE" panose="020B0900000000000000" pitchFamily="50" charset="-128"/>
                <a:ea typeface="HGPｺﾞｼｯｸE" panose="020B0900000000000000" pitchFamily="50" charset="-128"/>
              </a:rPr>
              <a:t>１．</a:t>
            </a:r>
            <a:r>
              <a:rPr lang="zh-TW" altLang="en-US" sz="2400" dirty="0">
                <a:solidFill>
                  <a:schemeClr val="tx1"/>
                </a:solidFill>
                <a:latin typeface="HGPｺﾞｼｯｸE" panose="020B0900000000000000" pitchFamily="50" charset="-128"/>
                <a:ea typeface="HGPｺﾞｼｯｸE" panose="020B0900000000000000" pitchFamily="50" charset="-128"/>
              </a:rPr>
              <a:t>審議会</a:t>
            </a:r>
            <a:r>
              <a:rPr lang="ja-JP" altLang="en-US" sz="2400" dirty="0">
                <a:solidFill>
                  <a:schemeClr val="tx1"/>
                </a:solidFill>
                <a:latin typeface="HGPｺﾞｼｯｸE" panose="020B0900000000000000" pitchFamily="50" charset="-128"/>
                <a:ea typeface="HGPｺﾞｼｯｸE" panose="020B0900000000000000" pitchFamily="50" charset="-128"/>
              </a:rPr>
              <a:t>のスケジュール</a:t>
            </a:r>
            <a:endParaRPr lang="en-US" altLang="ja-JP" sz="2400"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36757658"/>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01E5BB85-F7AE-693E-7AF5-24306F626297}"/>
              </a:ext>
            </a:extLst>
          </p:cNvPr>
          <p:cNvSpPr>
            <a:spLocks noGrp="1"/>
          </p:cNvSpPr>
          <p:nvPr>
            <p:ph type="ctrTitle"/>
          </p:nvPr>
        </p:nvSpPr>
        <p:spPr>
          <a:xfrm>
            <a:off x="815340" y="1660736"/>
            <a:ext cx="8275320" cy="2275823"/>
          </a:xfrm>
        </p:spPr>
        <p:txBody>
          <a:bodyPr anchor="ctr">
            <a:normAutofit/>
          </a:bodyPr>
          <a:lstStyle/>
          <a:p>
            <a:pPr>
              <a:lnSpc>
                <a:spcPct val="100000"/>
              </a:lnSpc>
            </a:pPr>
            <a:r>
              <a:rPr lang="ja-JP" altLang="en-US" sz="3200" b="1" dirty="0">
                <a:latin typeface="+mn-ea"/>
                <a:ea typeface="+mn-ea"/>
              </a:rPr>
              <a:t>④　業務数量の見直しについて</a:t>
            </a:r>
            <a:br>
              <a:rPr lang="en-US" altLang="ja-JP" sz="3200" b="1" dirty="0">
                <a:latin typeface="+mn-ea"/>
                <a:ea typeface="+mn-ea"/>
              </a:rPr>
            </a:br>
            <a:r>
              <a:rPr lang="en-US" altLang="ja-JP" sz="3200" b="1" dirty="0">
                <a:latin typeface="+mn-ea"/>
                <a:ea typeface="+mn-ea"/>
              </a:rPr>
              <a:t>【</a:t>
            </a:r>
            <a:r>
              <a:rPr lang="ja-JP" altLang="en-US" sz="3200" b="1" dirty="0">
                <a:latin typeface="+mn-ea"/>
              </a:rPr>
              <a:t>管路施設</a:t>
            </a:r>
            <a:r>
              <a:rPr lang="en-US" altLang="ja-JP" sz="3200" b="1" dirty="0">
                <a:latin typeface="+mn-ea"/>
              </a:rPr>
              <a:t>】</a:t>
            </a:r>
            <a:endParaRPr lang="ja-JP" altLang="en-US" sz="3200" b="1" dirty="0">
              <a:latin typeface="+mn-ea"/>
              <a:ea typeface="+mn-ea"/>
            </a:endParaRPr>
          </a:p>
        </p:txBody>
      </p:sp>
      <p:sp>
        <p:nvSpPr>
          <p:cNvPr id="4" name="スライド番号プレースホルダー 3">
            <a:extLst>
              <a:ext uri="{FF2B5EF4-FFF2-40B4-BE49-F238E27FC236}">
                <a16:creationId xmlns:a16="http://schemas.microsoft.com/office/drawing/2014/main" id="{B7D9E987-737F-1AC1-765B-7F5893106147}"/>
              </a:ext>
            </a:extLst>
          </p:cNvPr>
          <p:cNvSpPr>
            <a:spLocks noGrp="1"/>
          </p:cNvSpPr>
          <p:nvPr>
            <p:ph type="sldNum" sz="quarter" idx="12"/>
          </p:nvPr>
        </p:nvSpPr>
        <p:spPr/>
        <p:txBody>
          <a:bodyPr/>
          <a:lstStyle/>
          <a:p>
            <a:pPr defTabSz="422041"/>
            <a:fld id="{36EC18DB-A5DF-4E0E-B815-FCD04A2C4B2C}" type="slidenum">
              <a:rPr lang="ja-JP" altLang="en-US">
                <a:solidFill>
                  <a:prstClr val="black"/>
                </a:solidFill>
                <a:latin typeface="Segoe UI"/>
                <a:ea typeface="Meiryo UI"/>
              </a:rPr>
              <a:pPr defTabSz="422041"/>
              <a:t>50</a:t>
            </a:fld>
            <a:endParaRPr lang="ja-JP" altLang="en-US">
              <a:solidFill>
                <a:prstClr val="black"/>
              </a:solidFill>
              <a:latin typeface="Segoe UI"/>
              <a:ea typeface="Meiryo UI"/>
            </a:endParaRPr>
          </a:p>
        </p:txBody>
      </p:sp>
    </p:spTree>
    <p:extLst>
      <p:ext uri="{BB962C8B-B14F-4D97-AF65-F5344CB8AC3E}">
        <p14:creationId xmlns:p14="http://schemas.microsoft.com/office/powerpoint/2010/main" val="2037552737"/>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17">
            <a:extLst>
              <a:ext uri="{FF2B5EF4-FFF2-40B4-BE49-F238E27FC236}">
                <a16:creationId xmlns:a16="http://schemas.microsoft.com/office/drawing/2014/main" id="{277E3577-5A93-FFB8-E185-774E038E4557}"/>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4" name="テキスト ボックス 3">
            <a:extLst>
              <a:ext uri="{FF2B5EF4-FFF2-40B4-BE49-F238E27FC236}">
                <a16:creationId xmlns:a16="http://schemas.microsoft.com/office/drawing/2014/main" id="{C3186FAA-9F24-9C47-4E7C-192917D014A3}"/>
              </a:ext>
            </a:extLst>
          </p:cNvPr>
          <p:cNvSpPr txBox="1"/>
          <p:nvPr/>
        </p:nvSpPr>
        <p:spPr>
          <a:xfrm>
            <a:off x="0" y="962202"/>
            <a:ext cx="9788447" cy="348813"/>
          </a:xfrm>
          <a:prstGeom prst="rect">
            <a:avLst/>
          </a:prstGeom>
          <a:noFill/>
        </p:spPr>
        <p:txBody>
          <a:bodyPr wrap="square" rtlCol="0">
            <a:spAutoFit/>
          </a:bodyPr>
          <a:lstStyle/>
          <a:p>
            <a:pPr lvl="0">
              <a:lnSpc>
                <a:spcPts val="2000"/>
              </a:lnSpc>
            </a:pP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維持管理業務の構成</a:t>
            </a: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　</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契約書上は、履行実績として表示</a:t>
            </a:r>
            <a:endParaRPr lang="en-US" altLang="ja-JP" dirty="0">
              <a:latin typeface="BIZ UDPゴシック" panose="020B0400000000000000" pitchFamily="50" charset="-128"/>
              <a:ea typeface="BIZ UDPゴシック" panose="020B0400000000000000" pitchFamily="50" charset="-128"/>
            </a:endParaRPr>
          </a:p>
        </p:txBody>
      </p:sp>
      <p:grpSp>
        <p:nvGrpSpPr>
          <p:cNvPr id="78" name="グループ化 77">
            <a:extLst>
              <a:ext uri="{FF2B5EF4-FFF2-40B4-BE49-F238E27FC236}">
                <a16:creationId xmlns:a16="http://schemas.microsoft.com/office/drawing/2014/main" id="{5A3E04D8-AA1F-4C9A-E2AD-9D0D033699CF}"/>
              </a:ext>
            </a:extLst>
          </p:cNvPr>
          <p:cNvGrpSpPr/>
          <p:nvPr/>
        </p:nvGrpSpPr>
        <p:grpSpPr>
          <a:xfrm>
            <a:off x="122120" y="1364502"/>
            <a:ext cx="9765651" cy="5336622"/>
            <a:chOff x="520955" y="1471510"/>
            <a:chExt cx="9765651" cy="5336622"/>
          </a:xfrm>
        </p:grpSpPr>
        <p:sp>
          <p:nvSpPr>
            <p:cNvPr id="6" name="四角形: 角を丸くする 5">
              <a:extLst>
                <a:ext uri="{FF2B5EF4-FFF2-40B4-BE49-F238E27FC236}">
                  <a16:creationId xmlns:a16="http://schemas.microsoft.com/office/drawing/2014/main" id="{0C7DC84A-130C-2980-2E1C-6F5206B84DFD}"/>
                </a:ext>
              </a:extLst>
            </p:cNvPr>
            <p:cNvSpPr/>
            <p:nvPr/>
          </p:nvSpPr>
          <p:spPr>
            <a:xfrm>
              <a:off x="520955" y="2076429"/>
              <a:ext cx="1764000" cy="680936"/>
            </a:xfrm>
            <a:prstGeom prst="roundRect">
              <a:avLst/>
            </a:prstGeom>
            <a:solidFill>
              <a:srgbClr val="FF0000"/>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dirty="0"/>
                <a:t>管路保全業務</a:t>
              </a:r>
              <a:endParaRPr kumimoji="1" lang="en-US" altLang="ja-JP" dirty="0"/>
            </a:p>
            <a:p>
              <a:pPr algn="ctr"/>
              <a:r>
                <a:rPr kumimoji="1" lang="ja-JP" altLang="en-US" dirty="0"/>
                <a:t>改築業務</a:t>
              </a:r>
            </a:p>
          </p:txBody>
        </p:sp>
        <p:cxnSp>
          <p:nvCxnSpPr>
            <p:cNvPr id="12" name="コネクタ: カギ線 11">
              <a:extLst>
                <a:ext uri="{FF2B5EF4-FFF2-40B4-BE49-F238E27FC236}">
                  <a16:creationId xmlns:a16="http://schemas.microsoft.com/office/drawing/2014/main" id="{89050474-9085-E172-AF8A-73CBBDC48FCB}"/>
                </a:ext>
              </a:extLst>
            </p:cNvPr>
            <p:cNvCxnSpPr>
              <a:cxnSpLocks/>
              <a:stCxn id="6" idx="3"/>
              <a:endCxn id="7" idx="1"/>
            </p:cNvCxnSpPr>
            <p:nvPr/>
          </p:nvCxnSpPr>
          <p:spPr>
            <a:xfrm flipV="1">
              <a:off x="2284955" y="1681554"/>
              <a:ext cx="366863" cy="735343"/>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4" name="コネクタ: カギ線 13">
              <a:extLst>
                <a:ext uri="{FF2B5EF4-FFF2-40B4-BE49-F238E27FC236}">
                  <a16:creationId xmlns:a16="http://schemas.microsoft.com/office/drawing/2014/main" id="{CC7FD9B5-1EE7-6CC3-3084-DA2FC443BB7F}"/>
                </a:ext>
              </a:extLst>
            </p:cNvPr>
            <p:cNvCxnSpPr>
              <a:cxnSpLocks/>
              <a:stCxn id="6" idx="3"/>
              <a:endCxn id="8" idx="1"/>
            </p:cNvCxnSpPr>
            <p:nvPr/>
          </p:nvCxnSpPr>
          <p:spPr>
            <a:xfrm>
              <a:off x="2284955" y="2416897"/>
              <a:ext cx="368073" cy="2253261"/>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6" name="四角形: 角を丸くする 15">
              <a:extLst>
                <a:ext uri="{FF2B5EF4-FFF2-40B4-BE49-F238E27FC236}">
                  <a16:creationId xmlns:a16="http://schemas.microsoft.com/office/drawing/2014/main" id="{319BA2EB-48B3-280D-74FD-709799573D29}"/>
                </a:ext>
              </a:extLst>
            </p:cNvPr>
            <p:cNvSpPr/>
            <p:nvPr/>
          </p:nvSpPr>
          <p:spPr>
            <a:xfrm>
              <a:off x="6427556" y="2200749"/>
              <a:ext cx="3859050" cy="360000"/>
            </a:xfrm>
            <a:prstGeom prst="roundRect">
              <a:avLst>
                <a:gd name="adj" fmla="val 0"/>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r>
                <a:rPr kumimoji="1" lang="ja-JP" altLang="en-US" sz="1600" dirty="0">
                  <a:solidFill>
                    <a:schemeClr val="tx1"/>
                  </a:solidFill>
                </a:rPr>
                <a:t>ストックマネジメント計画に基づき計上</a:t>
              </a:r>
            </a:p>
          </p:txBody>
        </p:sp>
        <p:sp>
          <p:nvSpPr>
            <p:cNvPr id="27" name="四角形: 角を丸くする 26">
              <a:extLst>
                <a:ext uri="{FF2B5EF4-FFF2-40B4-BE49-F238E27FC236}">
                  <a16:creationId xmlns:a16="http://schemas.microsoft.com/office/drawing/2014/main" id="{FF0871FA-32AD-B95D-4406-59A4E494C772}"/>
                </a:ext>
              </a:extLst>
            </p:cNvPr>
            <p:cNvSpPr/>
            <p:nvPr/>
          </p:nvSpPr>
          <p:spPr>
            <a:xfrm>
              <a:off x="3103056" y="1979090"/>
              <a:ext cx="2916000" cy="365125"/>
            </a:xfrm>
            <a:prstGeom prst="roundRect">
              <a:avLst>
                <a:gd name="adj" fmla="val 24286"/>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調査・点検・巡視</a:t>
              </a:r>
            </a:p>
          </p:txBody>
        </p:sp>
        <p:sp>
          <p:nvSpPr>
            <p:cNvPr id="28" name="四角形: 角を丸くする 27">
              <a:extLst>
                <a:ext uri="{FF2B5EF4-FFF2-40B4-BE49-F238E27FC236}">
                  <a16:creationId xmlns:a16="http://schemas.microsoft.com/office/drawing/2014/main" id="{4B7EA5DB-14DA-0623-A953-1AAD3E6A4849}"/>
                </a:ext>
              </a:extLst>
            </p:cNvPr>
            <p:cNvSpPr/>
            <p:nvPr/>
          </p:nvSpPr>
          <p:spPr>
            <a:xfrm>
              <a:off x="3103056" y="2431415"/>
              <a:ext cx="2916000" cy="365125"/>
            </a:xfrm>
            <a:prstGeom prst="roundRect">
              <a:avLst>
                <a:gd name="adj" fmla="val 24286"/>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管きょ清掃</a:t>
              </a:r>
            </a:p>
          </p:txBody>
        </p:sp>
        <p:sp>
          <p:nvSpPr>
            <p:cNvPr id="29" name="四角形: 角を丸くする 28">
              <a:extLst>
                <a:ext uri="{FF2B5EF4-FFF2-40B4-BE49-F238E27FC236}">
                  <a16:creationId xmlns:a16="http://schemas.microsoft.com/office/drawing/2014/main" id="{E3BB20C6-2D6D-F8BD-3748-BFFFA7DF3347}"/>
                </a:ext>
              </a:extLst>
            </p:cNvPr>
            <p:cNvSpPr/>
            <p:nvPr/>
          </p:nvSpPr>
          <p:spPr>
            <a:xfrm>
              <a:off x="3103056" y="2889583"/>
              <a:ext cx="2916000" cy="504000"/>
            </a:xfrm>
            <a:prstGeom prst="roundRect">
              <a:avLst>
                <a:gd name="adj" fmla="val 24286"/>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取付管・</a:t>
              </a:r>
              <a:r>
                <a:rPr kumimoji="1" lang="en-US" altLang="ja-JP" sz="1600" dirty="0">
                  <a:solidFill>
                    <a:schemeClr val="tx1"/>
                  </a:solidFill>
                </a:rPr>
                <a:t>MH</a:t>
              </a:r>
              <a:r>
                <a:rPr kumimoji="1" lang="ja-JP" altLang="en-US" sz="1600" dirty="0">
                  <a:solidFill>
                    <a:schemeClr val="tx1"/>
                  </a:solidFill>
                </a:rPr>
                <a:t>蓋の修繕等</a:t>
              </a:r>
              <a:endParaRPr kumimoji="1" lang="en-US" altLang="ja-JP" sz="1600" dirty="0">
                <a:solidFill>
                  <a:schemeClr val="tx1"/>
                </a:solidFill>
              </a:endParaRPr>
            </a:p>
            <a:p>
              <a:pPr algn="ctr"/>
              <a:r>
                <a:rPr kumimoji="1" lang="ja-JP" altLang="en-US" sz="1600" dirty="0">
                  <a:solidFill>
                    <a:schemeClr val="tx1"/>
                  </a:solidFill>
                </a:rPr>
                <a:t>舗装路面２次復旧</a:t>
              </a:r>
            </a:p>
          </p:txBody>
        </p:sp>
        <p:sp>
          <p:nvSpPr>
            <p:cNvPr id="30" name="四角形: 角を丸くする 29">
              <a:extLst>
                <a:ext uri="{FF2B5EF4-FFF2-40B4-BE49-F238E27FC236}">
                  <a16:creationId xmlns:a16="http://schemas.microsoft.com/office/drawing/2014/main" id="{923B2C41-1ED9-7AD8-9252-2F64554CA5FF}"/>
                </a:ext>
              </a:extLst>
            </p:cNvPr>
            <p:cNvSpPr/>
            <p:nvPr/>
          </p:nvSpPr>
          <p:spPr>
            <a:xfrm>
              <a:off x="3103056" y="3460360"/>
              <a:ext cx="2916000" cy="365125"/>
            </a:xfrm>
            <a:prstGeom prst="roundRect">
              <a:avLst>
                <a:gd name="adj" fmla="val 24286"/>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rPr>
                <a:t>立入防止柵設置、除草伐採ほか</a:t>
              </a:r>
            </a:p>
          </p:txBody>
        </p:sp>
        <p:sp>
          <p:nvSpPr>
            <p:cNvPr id="31" name="四角形: 角を丸くする 30">
              <a:extLst>
                <a:ext uri="{FF2B5EF4-FFF2-40B4-BE49-F238E27FC236}">
                  <a16:creationId xmlns:a16="http://schemas.microsoft.com/office/drawing/2014/main" id="{6027A05A-BB49-581D-E5BA-51E998886055}"/>
                </a:ext>
              </a:extLst>
            </p:cNvPr>
            <p:cNvSpPr/>
            <p:nvPr/>
          </p:nvSpPr>
          <p:spPr>
            <a:xfrm>
              <a:off x="3103056" y="3921453"/>
              <a:ext cx="2916000" cy="365125"/>
            </a:xfrm>
            <a:prstGeom prst="roundRect">
              <a:avLst>
                <a:gd name="adj" fmla="val 24286"/>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取付管・</a:t>
              </a:r>
              <a:r>
                <a:rPr kumimoji="1" lang="en-US" altLang="ja-JP" sz="1600" dirty="0">
                  <a:solidFill>
                    <a:schemeClr val="tx1"/>
                  </a:solidFill>
                </a:rPr>
                <a:t>MH</a:t>
              </a:r>
              <a:r>
                <a:rPr kumimoji="1" lang="ja-JP" altLang="en-US" sz="1600" dirty="0">
                  <a:solidFill>
                    <a:schemeClr val="tx1"/>
                  </a:solidFill>
                </a:rPr>
                <a:t>蓋の改築更新</a:t>
              </a:r>
            </a:p>
          </p:txBody>
        </p:sp>
        <p:cxnSp>
          <p:nvCxnSpPr>
            <p:cNvPr id="33" name="コネクタ: カギ線 32">
              <a:extLst>
                <a:ext uri="{FF2B5EF4-FFF2-40B4-BE49-F238E27FC236}">
                  <a16:creationId xmlns:a16="http://schemas.microsoft.com/office/drawing/2014/main" id="{648DC88A-9352-EB77-2F1A-27EB70200039}"/>
                </a:ext>
              </a:extLst>
            </p:cNvPr>
            <p:cNvCxnSpPr>
              <a:cxnSpLocks/>
              <a:endCxn id="27" idx="1"/>
            </p:cNvCxnSpPr>
            <p:nvPr/>
          </p:nvCxnSpPr>
          <p:spPr>
            <a:xfrm rot="16200000" flipH="1">
              <a:off x="2802690" y="1861287"/>
              <a:ext cx="338152" cy="262579"/>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4" name="コネクタ: カギ線 33">
              <a:extLst>
                <a:ext uri="{FF2B5EF4-FFF2-40B4-BE49-F238E27FC236}">
                  <a16:creationId xmlns:a16="http://schemas.microsoft.com/office/drawing/2014/main" id="{3397C7B5-978B-1359-38B1-6080B1AEAF21}"/>
                </a:ext>
              </a:extLst>
            </p:cNvPr>
            <p:cNvCxnSpPr>
              <a:cxnSpLocks/>
              <a:endCxn id="28" idx="1"/>
            </p:cNvCxnSpPr>
            <p:nvPr/>
          </p:nvCxnSpPr>
          <p:spPr>
            <a:xfrm rot="16200000" flipH="1">
              <a:off x="2652582" y="2163504"/>
              <a:ext cx="637158" cy="263790"/>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6" name="コネクタ: カギ線 35">
              <a:extLst>
                <a:ext uri="{FF2B5EF4-FFF2-40B4-BE49-F238E27FC236}">
                  <a16:creationId xmlns:a16="http://schemas.microsoft.com/office/drawing/2014/main" id="{5B37A4B4-4CB9-04D3-2176-F61C8D119F87}"/>
                </a:ext>
              </a:extLst>
            </p:cNvPr>
            <p:cNvCxnSpPr>
              <a:cxnSpLocks/>
              <a:endCxn id="29" idx="1"/>
            </p:cNvCxnSpPr>
            <p:nvPr/>
          </p:nvCxnSpPr>
          <p:spPr>
            <a:xfrm rot="16200000" flipH="1">
              <a:off x="2612354" y="2650881"/>
              <a:ext cx="717614" cy="263790"/>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8" name="コネクタ: カギ線 37">
              <a:extLst>
                <a:ext uri="{FF2B5EF4-FFF2-40B4-BE49-F238E27FC236}">
                  <a16:creationId xmlns:a16="http://schemas.microsoft.com/office/drawing/2014/main" id="{F4F860D4-F690-95F0-A083-F2B38E5C5885}"/>
                </a:ext>
              </a:extLst>
            </p:cNvPr>
            <p:cNvCxnSpPr>
              <a:cxnSpLocks/>
              <a:endCxn id="30" idx="1"/>
            </p:cNvCxnSpPr>
            <p:nvPr/>
          </p:nvCxnSpPr>
          <p:spPr>
            <a:xfrm rot="16200000" flipH="1">
              <a:off x="2571363" y="3111230"/>
              <a:ext cx="799596" cy="263790"/>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0" name="コネクタ: カギ線 39">
              <a:extLst>
                <a:ext uri="{FF2B5EF4-FFF2-40B4-BE49-F238E27FC236}">
                  <a16:creationId xmlns:a16="http://schemas.microsoft.com/office/drawing/2014/main" id="{4B83FD27-FEB9-7CAF-25D8-F4D20398B57D}"/>
                </a:ext>
              </a:extLst>
            </p:cNvPr>
            <p:cNvCxnSpPr>
              <a:cxnSpLocks/>
              <a:endCxn id="31" idx="1"/>
            </p:cNvCxnSpPr>
            <p:nvPr/>
          </p:nvCxnSpPr>
          <p:spPr>
            <a:xfrm rot="16200000" flipH="1">
              <a:off x="2371683" y="3372643"/>
              <a:ext cx="1198956" cy="263790"/>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5" name="四角形: 角を丸くする 44">
              <a:extLst>
                <a:ext uri="{FF2B5EF4-FFF2-40B4-BE49-F238E27FC236}">
                  <a16:creationId xmlns:a16="http://schemas.microsoft.com/office/drawing/2014/main" id="{C76DE46A-40BC-3D83-D93A-A315A09D8B06}"/>
                </a:ext>
              </a:extLst>
            </p:cNvPr>
            <p:cNvSpPr/>
            <p:nvPr/>
          </p:nvSpPr>
          <p:spPr>
            <a:xfrm>
              <a:off x="6524833" y="3202536"/>
              <a:ext cx="3704017" cy="360000"/>
            </a:xfrm>
            <a:prstGeom prst="roundRect">
              <a:avLst>
                <a:gd name="adj" fmla="val 0"/>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r>
                <a:rPr kumimoji="1" lang="ja-JP" altLang="en-US" sz="1600" dirty="0">
                  <a:solidFill>
                    <a:schemeClr val="tx1"/>
                  </a:solidFill>
                </a:rPr>
                <a:t>過年度実績に基づき計上</a:t>
              </a:r>
            </a:p>
          </p:txBody>
        </p:sp>
        <p:cxnSp>
          <p:nvCxnSpPr>
            <p:cNvPr id="47" name="コネクタ: カギ線 46">
              <a:extLst>
                <a:ext uri="{FF2B5EF4-FFF2-40B4-BE49-F238E27FC236}">
                  <a16:creationId xmlns:a16="http://schemas.microsoft.com/office/drawing/2014/main" id="{767DE21D-0A5A-1EAB-78F7-D603BF25794B}"/>
                </a:ext>
              </a:extLst>
            </p:cNvPr>
            <p:cNvCxnSpPr>
              <a:cxnSpLocks/>
              <a:stCxn id="29" idx="3"/>
              <a:endCxn id="45" idx="1"/>
            </p:cNvCxnSpPr>
            <p:nvPr/>
          </p:nvCxnSpPr>
          <p:spPr>
            <a:xfrm>
              <a:off x="6019056" y="3141583"/>
              <a:ext cx="505777" cy="240953"/>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9" name="コネクタ: カギ線 48">
              <a:extLst>
                <a:ext uri="{FF2B5EF4-FFF2-40B4-BE49-F238E27FC236}">
                  <a16:creationId xmlns:a16="http://schemas.microsoft.com/office/drawing/2014/main" id="{AAF93AC3-6617-AF42-4ADE-662DED1C77CE}"/>
                </a:ext>
              </a:extLst>
            </p:cNvPr>
            <p:cNvCxnSpPr>
              <a:cxnSpLocks/>
              <a:stCxn id="30" idx="3"/>
              <a:endCxn id="45" idx="1"/>
            </p:cNvCxnSpPr>
            <p:nvPr/>
          </p:nvCxnSpPr>
          <p:spPr>
            <a:xfrm flipV="1">
              <a:off x="6019056" y="3382536"/>
              <a:ext cx="505777" cy="260387"/>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2" name="四角形: 角を丸くする 51">
              <a:extLst>
                <a:ext uri="{FF2B5EF4-FFF2-40B4-BE49-F238E27FC236}">
                  <a16:creationId xmlns:a16="http://schemas.microsoft.com/office/drawing/2014/main" id="{C6369F2B-1529-C4CF-B954-4064A76E663D}"/>
                </a:ext>
              </a:extLst>
            </p:cNvPr>
            <p:cNvSpPr/>
            <p:nvPr/>
          </p:nvSpPr>
          <p:spPr>
            <a:xfrm>
              <a:off x="6524833" y="3925304"/>
              <a:ext cx="3704017" cy="360000"/>
            </a:xfrm>
            <a:prstGeom prst="roundRect">
              <a:avLst>
                <a:gd name="adj" fmla="val 0"/>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r>
                <a:rPr kumimoji="1" lang="en-US" altLang="ja-JP" sz="1600" dirty="0">
                  <a:solidFill>
                    <a:schemeClr val="tx1"/>
                  </a:solidFill>
                </a:rPr>
                <a:t>CWO</a:t>
              </a:r>
              <a:r>
                <a:rPr kumimoji="1" lang="ja-JP" altLang="en-US" sz="1600" dirty="0">
                  <a:solidFill>
                    <a:schemeClr val="tx1"/>
                  </a:solidFill>
                </a:rPr>
                <a:t>の改築更新計画に基づき計上</a:t>
              </a:r>
            </a:p>
          </p:txBody>
        </p:sp>
        <p:cxnSp>
          <p:nvCxnSpPr>
            <p:cNvPr id="54" name="コネクタ: カギ線 53">
              <a:extLst>
                <a:ext uri="{FF2B5EF4-FFF2-40B4-BE49-F238E27FC236}">
                  <a16:creationId xmlns:a16="http://schemas.microsoft.com/office/drawing/2014/main" id="{4FE6707D-11DA-63BD-3426-1518AAA14A0C}"/>
                </a:ext>
              </a:extLst>
            </p:cNvPr>
            <p:cNvCxnSpPr>
              <a:cxnSpLocks/>
              <a:stCxn id="27" idx="3"/>
              <a:endCxn id="16" idx="1"/>
            </p:cNvCxnSpPr>
            <p:nvPr/>
          </p:nvCxnSpPr>
          <p:spPr>
            <a:xfrm>
              <a:off x="6019056" y="2161653"/>
              <a:ext cx="408500" cy="219096"/>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6" name="コネクタ: カギ線 55">
              <a:extLst>
                <a:ext uri="{FF2B5EF4-FFF2-40B4-BE49-F238E27FC236}">
                  <a16:creationId xmlns:a16="http://schemas.microsoft.com/office/drawing/2014/main" id="{A24F2395-613C-B2D5-B4AC-3032E6A039FB}"/>
                </a:ext>
              </a:extLst>
            </p:cNvPr>
            <p:cNvCxnSpPr>
              <a:cxnSpLocks/>
              <a:stCxn id="28" idx="3"/>
              <a:endCxn id="16" idx="1"/>
            </p:cNvCxnSpPr>
            <p:nvPr/>
          </p:nvCxnSpPr>
          <p:spPr>
            <a:xfrm flipV="1">
              <a:off x="6019056" y="2380749"/>
              <a:ext cx="408500" cy="233229"/>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8" name="直線矢印コネクタ 57">
              <a:extLst>
                <a:ext uri="{FF2B5EF4-FFF2-40B4-BE49-F238E27FC236}">
                  <a16:creationId xmlns:a16="http://schemas.microsoft.com/office/drawing/2014/main" id="{4157550E-65CA-9579-CD5D-4B3A901617EE}"/>
                </a:ext>
              </a:extLst>
            </p:cNvPr>
            <p:cNvCxnSpPr>
              <a:cxnSpLocks/>
              <a:stCxn id="31" idx="3"/>
              <a:endCxn id="52" idx="1"/>
            </p:cNvCxnSpPr>
            <p:nvPr/>
          </p:nvCxnSpPr>
          <p:spPr>
            <a:xfrm>
              <a:off x="6019056" y="4104016"/>
              <a:ext cx="505777" cy="1288"/>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0" name="四角形: 角を丸くする 59">
              <a:extLst>
                <a:ext uri="{FF2B5EF4-FFF2-40B4-BE49-F238E27FC236}">
                  <a16:creationId xmlns:a16="http://schemas.microsoft.com/office/drawing/2014/main" id="{3DEE2CA0-5BAA-9FD6-C19B-4D87E9A402C9}"/>
                </a:ext>
              </a:extLst>
            </p:cNvPr>
            <p:cNvSpPr/>
            <p:nvPr/>
          </p:nvSpPr>
          <p:spPr>
            <a:xfrm>
              <a:off x="5313774" y="1502989"/>
              <a:ext cx="4860000" cy="360000"/>
            </a:xfrm>
            <a:prstGeom prst="roundRect">
              <a:avLst>
                <a:gd name="adj" fmla="val 0"/>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r>
                <a:rPr kumimoji="1" lang="en-US" altLang="ja-JP" sz="1600" u="sng" dirty="0">
                  <a:solidFill>
                    <a:schemeClr val="tx1"/>
                  </a:solidFill>
                </a:rPr>
                <a:t>※</a:t>
              </a:r>
              <a:r>
                <a:rPr kumimoji="1" lang="ja-JP" altLang="en-US" sz="1600" u="sng" dirty="0">
                  <a:solidFill>
                    <a:schemeClr val="tx1"/>
                  </a:solidFill>
                </a:rPr>
                <a:t>履行レベルの確保を求めている（ポイント管理の対象）</a:t>
              </a:r>
            </a:p>
          </p:txBody>
        </p:sp>
        <p:sp>
          <p:nvSpPr>
            <p:cNvPr id="61" name="四角形: 角を丸くする 60">
              <a:extLst>
                <a:ext uri="{FF2B5EF4-FFF2-40B4-BE49-F238E27FC236}">
                  <a16:creationId xmlns:a16="http://schemas.microsoft.com/office/drawing/2014/main" id="{03AB7D01-B76F-3526-DC1A-128958C29BBD}"/>
                </a:ext>
              </a:extLst>
            </p:cNvPr>
            <p:cNvSpPr/>
            <p:nvPr/>
          </p:nvSpPr>
          <p:spPr>
            <a:xfrm>
              <a:off x="5313774" y="4486153"/>
              <a:ext cx="4788000" cy="360000"/>
            </a:xfrm>
            <a:prstGeom prst="roundRect">
              <a:avLst>
                <a:gd name="adj" fmla="val 0"/>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r>
                <a:rPr kumimoji="1" lang="en-US" altLang="ja-JP" sz="1600" u="sng" dirty="0">
                  <a:solidFill>
                    <a:schemeClr val="tx1"/>
                  </a:solidFill>
                </a:rPr>
                <a:t>※</a:t>
              </a:r>
              <a:r>
                <a:rPr kumimoji="1" lang="ja-JP" altLang="en-US" sz="1600" u="sng" dirty="0">
                  <a:solidFill>
                    <a:schemeClr val="tx1"/>
                  </a:solidFill>
                </a:rPr>
                <a:t>受注者がコントロールできない（固定費により履行）</a:t>
              </a:r>
            </a:p>
          </p:txBody>
        </p:sp>
        <p:sp>
          <p:nvSpPr>
            <p:cNvPr id="63" name="四角形: 角を丸くする 62">
              <a:extLst>
                <a:ext uri="{FF2B5EF4-FFF2-40B4-BE49-F238E27FC236}">
                  <a16:creationId xmlns:a16="http://schemas.microsoft.com/office/drawing/2014/main" id="{EC6DC5BE-603B-F818-C966-C17F3312113A}"/>
                </a:ext>
              </a:extLst>
            </p:cNvPr>
            <p:cNvSpPr/>
            <p:nvPr/>
          </p:nvSpPr>
          <p:spPr>
            <a:xfrm>
              <a:off x="3103056" y="4954953"/>
              <a:ext cx="2916000" cy="365125"/>
            </a:xfrm>
            <a:prstGeom prst="roundRect">
              <a:avLst>
                <a:gd name="adj" fmla="val 24286"/>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市民申告への対応</a:t>
              </a:r>
            </a:p>
          </p:txBody>
        </p:sp>
        <p:cxnSp>
          <p:nvCxnSpPr>
            <p:cNvPr id="64" name="コネクタ: カギ線 63">
              <a:extLst>
                <a:ext uri="{FF2B5EF4-FFF2-40B4-BE49-F238E27FC236}">
                  <a16:creationId xmlns:a16="http://schemas.microsoft.com/office/drawing/2014/main" id="{83DAE3EF-752C-3615-9875-95D1DF9303FE}"/>
                </a:ext>
              </a:extLst>
            </p:cNvPr>
            <p:cNvCxnSpPr>
              <a:cxnSpLocks/>
              <a:endCxn id="63" idx="1"/>
            </p:cNvCxnSpPr>
            <p:nvPr/>
          </p:nvCxnSpPr>
          <p:spPr>
            <a:xfrm rot="16200000" flipH="1">
              <a:off x="2797826" y="4832286"/>
              <a:ext cx="338152" cy="272308"/>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5" name="四角形: 角を丸くする 64">
              <a:extLst>
                <a:ext uri="{FF2B5EF4-FFF2-40B4-BE49-F238E27FC236}">
                  <a16:creationId xmlns:a16="http://schemas.microsoft.com/office/drawing/2014/main" id="{3B773FE5-708B-A913-E713-B09CFBF1A8AB}"/>
                </a:ext>
              </a:extLst>
            </p:cNvPr>
            <p:cNvSpPr/>
            <p:nvPr/>
          </p:nvSpPr>
          <p:spPr>
            <a:xfrm>
              <a:off x="3101845" y="5440066"/>
              <a:ext cx="2916000" cy="365125"/>
            </a:xfrm>
            <a:prstGeom prst="roundRect">
              <a:avLst>
                <a:gd name="adj" fmla="val 24286"/>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他企業工事等の巡視点検</a:t>
              </a:r>
            </a:p>
          </p:txBody>
        </p:sp>
        <p:sp>
          <p:nvSpPr>
            <p:cNvPr id="66" name="四角形: 角を丸くする 65">
              <a:extLst>
                <a:ext uri="{FF2B5EF4-FFF2-40B4-BE49-F238E27FC236}">
                  <a16:creationId xmlns:a16="http://schemas.microsoft.com/office/drawing/2014/main" id="{DCAEF0D3-D5A9-EA87-BB9B-881228E06C0B}"/>
                </a:ext>
              </a:extLst>
            </p:cNvPr>
            <p:cNvSpPr/>
            <p:nvPr/>
          </p:nvSpPr>
          <p:spPr>
            <a:xfrm>
              <a:off x="3101845" y="5912141"/>
              <a:ext cx="2916000" cy="365125"/>
            </a:xfrm>
            <a:prstGeom prst="roundRect">
              <a:avLst>
                <a:gd name="adj" fmla="val 24286"/>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他企業工事等の巡視点検</a:t>
              </a:r>
            </a:p>
          </p:txBody>
        </p:sp>
        <p:cxnSp>
          <p:nvCxnSpPr>
            <p:cNvPr id="67" name="コネクタ: カギ線 66">
              <a:extLst>
                <a:ext uri="{FF2B5EF4-FFF2-40B4-BE49-F238E27FC236}">
                  <a16:creationId xmlns:a16="http://schemas.microsoft.com/office/drawing/2014/main" id="{149933E7-5422-5135-0C8D-3AE13DD18A2A}"/>
                </a:ext>
              </a:extLst>
            </p:cNvPr>
            <p:cNvCxnSpPr>
              <a:cxnSpLocks/>
              <a:endCxn id="65" idx="1"/>
            </p:cNvCxnSpPr>
            <p:nvPr/>
          </p:nvCxnSpPr>
          <p:spPr>
            <a:xfrm rot="16200000" flipH="1">
              <a:off x="2696930" y="5217714"/>
              <a:ext cx="536312" cy="273518"/>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9" name="コネクタ: カギ線 68">
              <a:extLst>
                <a:ext uri="{FF2B5EF4-FFF2-40B4-BE49-F238E27FC236}">
                  <a16:creationId xmlns:a16="http://schemas.microsoft.com/office/drawing/2014/main" id="{FC454CA9-BA05-56AE-3EC9-CF3240B833AF}"/>
                </a:ext>
              </a:extLst>
            </p:cNvPr>
            <p:cNvCxnSpPr>
              <a:cxnSpLocks/>
              <a:endCxn id="66" idx="1"/>
            </p:cNvCxnSpPr>
            <p:nvPr/>
          </p:nvCxnSpPr>
          <p:spPr>
            <a:xfrm rot="16200000" flipH="1">
              <a:off x="2543457" y="5536316"/>
              <a:ext cx="843258" cy="273518"/>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1" name="四角形: 角を丸くする 70">
              <a:extLst>
                <a:ext uri="{FF2B5EF4-FFF2-40B4-BE49-F238E27FC236}">
                  <a16:creationId xmlns:a16="http://schemas.microsoft.com/office/drawing/2014/main" id="{CA97EA06-DA5F-089A-E8E1-2836D5677410}"/>
                </a:ext>
              </a:extLst>
            </p:cNvPr>
            <p:cNvSpPr/>
            <p:nvPr/>
          </p:nvSpPr>
          <p:spPr>
            <a:xfrm>
              <a:off x="6524833" y="5448368"/>
              <a:ext cx="3648941" cy="360000"/>
            </a:xfrm>
            <a:prstGeom prst="roundRect">
              <a:avLst>
                <a:gd name="adj" fmla="val 0"/>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r>
                <a:rPr kumimoji="1" lang="ja-JP" altLang="en-US" sz="1600" dirty="0">
                  <a:solidFill>
                    <a:schemeClr val="tx1"/>
                  </a:solidFill>
                </a:rPr>
                <a:t>過年度実績に基づき計上</a:t>
              </a:r>
            </a:p>
          </p:txBody>
        </p:sp>
        <p:cxnSp>
          <p:nvCxnSpPr>
            <p:cNvPr id="73" name="コネクタ: カギ線 72">
              <a:extLst>
                <a:ext uri="{FF2B5EF4-FFF2-40B4-BE49-F238E27FC236}">
                  <a16:creationId xmlns:a16="http://schemas.microsoft.com/office/drawing/2014/main" id="{EE59555A-6984-1906-2B29-F8A017668B75}"/>
                </a:ext>
              </a:extLst>
            </p:cNvPr>
            <p:cNvCxnSpPr>
              <a:cxnSpLocks/>
              <a:stCxn id="63" idx="3"/>
              <a:endCxn id="71" idx="1"/>
            </p:cNvCxnSpPr>
            <p:nvPr/>
          </p:nvCxnSpPr>
          <p:spPr>
            <a:xfrm>
              <a:off x="6019056" y="5137516"/>
              <a:ext cx="505777" cy="490852"/>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5" name="コネクタ: カギ線 74">
              <a:extLst>
                <a:ext uri="{FF2B5EF4-FFF2-40B4-BE49-F238E27FC236}">
                  <a16:creationId xmlns:a16="http://schemas.microsoft.com/office/drawing/2014/main" id="{35E26CBC-5A86-8DED-E70E-9D861A2B0A86}"/>
                </a:ext>
              </a:extLst>
            </p:cNvPr>
            <p:cNvCxnSpPr>
              <a:cxnSpLocks/>
              <a:stCxn id="65" idx="3"/>
              <a:endCxn id="71" idx="1"/>
            </p:cNvCxnSpPr>
            <p:nvPr/>
          </p:nvCxnSpPr>
          <p:spPr>
            <a:xfrm>
              <a:off x="6017845" y="5622629"/>
              <a:ext cx="506988" cy="5739"/>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7" name="コネクタ: カギ線 76">
              <a:extLst>
                <a:ext uri="{FF2B5EF4-FFF2-40B4-BE49-F238E27FC236}">
                  <a16:creationId xmlns:a16="http://schemas.microsoft.com/office/drawing/2014/main" id="{A7FDB57A-774E-1979-92E7-96A663FAF938}"/>
                </a:ext>
              </a:extLst>
            </p:cNvPr>
            <p:cNvCxnSpPr>
              <a:cxnSpLocks/>
              <a:stCxn id="66" idx="3"/>
              <a:endCxn id="71" idx="1"/>
            </p:cNvCxnSpPr>
            <p:nvPr/>
          </p:nvCxnSpPr>
          <p:spPr>
            <a:xfrm flipV="1">
              <a:off x="6017845" y="5628368"/>
              <a:ext cx="506988" cy="466336"/>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 name="四角形: 角を丸くする 7">
              <a:extLst>
                <a:ext uri="{FF2B5EF4-FFF2-40B4-BE49-F238E27FC236}">
                  <a16:creationId xmlns:a16="http://schemas.microsoft.com/office/drawing/2014/main" id="{5BC43357-BFF5-5CB4-ACD8-01F753BDA340}"/>
                </a:ext>
              </a:extLst>
            </p:cNvPr>
            <p:cNvSpPr/>
            <p:nvPr/>
          </p:nvSpPr>
          <p:spPr>
            <a:xfrm>
              <a:off x="2653028" y="4460114"/>
              <a:ext cx="2577728" cy="420087"/>
            </a:xfrm>
            <a:prstGeom prst="roundRect">
              <a:avLst/>
            </a:prstGeom>
            <a:solidFill>
              <a:srgbClr val="0000FF"/>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dirty="0"/>
                <a:t>住民対応等対応業務</a:t>
              </a:r>
            </a:p>
          </p:txBody>
        </p:sp>
        <p:sp>
          <p:nvSpPr>
            <p:cNvPr id="7" name="四角形: 角を丸くする 6">
              <a:extLst>
                <a:ext uri="{FF2B5EF4-FFF2-40B4-BE49-F238E27FC236}">
                  <a16:creationId xmlns:a16="http://schemas.microsoft.com/office/drawing/2014/main" id="{BEDA7579-4481-B1D3-81F7-C595BB59002F}"/>
                </a:ext>
              </a:extLst>
            </p:cNvPr>
            <p:cNvSpPr/>
            <p:nvPr/>
          </p:nvSpPr>
          <p:spPr>
            <a:xfrm>
              <a:off x="2651818" y="1471510"/>
              <a:ext cx="2577728" cy="420087"/>
            </a:xfrm>
            <a:prstGeom prst="roundRect">
              <a:avLst/>
            </a:prstGeom>
            <a:solidFill>
              <a:srgbClr val="0000FF"/>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dirty="0"/>
                <a:t>計画的業務、改築業務</a:t>
              </a:r>
            </a:p>
          </p:txBody>
        </p:sp>
        <p:sp>
          <p:nvSpPr>
            <p:cNvPr id="10" name="四角形: 角を丸くする 9">
              <a:extLst>
                <a:ext uri="{FF2B5EF4-FFF2-40B4-BE49-F238E27FC236}">
                  <a16:creationId xmlns:a16="http://schemas.microsoft.com/office/drawing/2014/main" id="{6018D5D9-22D2-B841-48A1-097880C4081B}"/>
                </a:ext>
              </a:extLst>
            </p:cNvPr>
            <p:cNvSpPr/>
            <p:nvPr/>
          </p:nvSpPr>
          <p:spPr>
            <a:xfrm>
              <a:off x="2651818" y="6388045"/>
              <a:ext cx="2577728" cy="420087"/>
            </a:xfrm>
            <a:prstGeom prst="roundRect">
              <a:avLst/>
            </a:prstGeom>
            <a:solidFill>
              <a:srgbClr val="0000FF"/>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t>修繕業務・緊急対応業務</a:t>
              </a:r>
            </a:p>
          </p:txBody>
        </p:sp>
        <p:sp>
          <p:nvSpPr>
            <p:cNvPr id="15" name="四角形: 角を丸くする 14">
              <a:extLst>
                <a:ext uri="{FF2B5EF4-FFF2-40B4-BE49-F238E27FC236}">
                  <a16:creationId xmlns:a16="http://schemas.microsoft.com/office/drawing/2014/main" id="{3316EC6C-C54E-A466-995F-75D78221BA6F}"/>
                </a:ext>
              </a:extLst>
            </p:cNvPr>
            <p:cNvSpPr/>
            <p:nvPr/>
          </p:nvSpPr>
          <p:spPr>
            <a:xfrm>
              <a:off x="5313774" y="6418088"/>
              <a:ext cx="4788000" cy="360000"/>
            </a:xfrm>
            <a:prstGeom prst="roundRect">
              <a:avLst>
                <a:gd name="adj" fmla="val 0"/>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r>
                <a:rPr kumimoji="1" lang="en-US" altLang="ja-JP" sz="1600" u="sng" dirty="0">
                  <a:solidFill>
                    <a:schemeClr val="tx1"/>
                  </a:solidFill>
                </a:rPr>
                <a:t>※</a:t>
              </a:r>
              <a:r>
                <a:rPr kumimoji="1" lang="ja-JP" altLang="en-US" sz="1600" u="sng" dirty="0">
                  <a:solidFill>
                    <a:schemeClr val="tx1"/>
                  </a:solidFill>
                </a:rPr>
                <a:t>金額精算（</a:t>
              </a:r>
              <a:r>
                <a:rPr kumimoji="1" lang="en-US" altLang="ja-JP" sz="1600" u="sng" dirty="0">
                  <a:solidFill>
                    <a:schemeClr val="tx1"/>
                  </a:solidFill>
                </a:rPr>
                <a:t>CWO</a:t>
              </a:r>
              <a:r>
                <a:rPr kumimoji="1" lang="ja-JP" altLang="en-US" sz="1600" u="sng" dirty="0">
                  <a:solidFill>
                    <a:schemeClr val="tx1"/>
                  </a:solidFill>
                </a:rPr>
                <a:t>の見積額を計上）</a:t>
              </a:r>
            </a:p>
          </p:txBody>
        </p:sp>
      </p:grpSp>
      <p:sp>
        <p:nvSpPr>
          <p:cNvPr id="79" name="テキスト ボックス 78">
            <a:extLst>
              <a:ext uri="{FF2B5EF4-FFF2-40B4-BE49-F238E27FC236}">
                <a16:creationId xmlns:a16="http://schemas.microsoft.com/office/drawing/2014/main" id="{32D5DB3E-AAFC-5AD6-4280-6F81CD13E07B}"/>
              </a:ext>
            </a:extLst>
          </p:cNvPr>
          <p:cNvSpPr txBox="1"/>
          <p:nvPr/>
        </p:nvSpPr>
        <p:spPr>
          <a:xfrm>
            <a:off x="6554016" y="2325654"/>
            <a:ext cx="3276000" cy="310534"/>
          </a:xfrm>
          <a:prstGeom prst="rect">
            <a:avLst/>
          </a:prstGeom>
          <a:noFill/>
        </p:spPr>
        <p:txBody>
          <a:bodyPr wrap="square" rtlCol="0">
            <a:spAutoFit/>
          </a:bodyPr>
          <a:lstStyle/>
          <a:p>
            <a:pPr lvl="0">
              <a:lnSpc>
                <a:spcPts val="2000"/>
              </a:lnSpc>
            </a:pPr>
            <a:r>
              <a:rPr lang="ja-JP" altLang="en-US" sz="1400" dirty="0">
                <a:solidFill>
                  <a:srgbClr val="FF0000"/>
                </a:solidFill>
                <a:latin typeface="BIZ UDPゴシック" panose="020B0400000000000000" pitchFamily="50" charset="-128"/>
                <a:ea typeface="BIZ UDPゴシック" panose="020B0400000000000000" pitchFamily="50" charset="-128"/>
              </a:rPr>
              <a:t>➡市側で素案を作成</a:t>
            </a:r>
            <a:endParaRPr lang="en-US" altLang="ja-JP" sz="1400" dirty="0">
              <a:solidFill>
                <a:srgbClr val="FF0000"/>
              </a:solidFill>
              <a:latin typeface="BIZ UDPゴシック" panose="020B0400000000000000" pitchFamily="50" charset="-128"/>
              <a:ea typeface="BIZ UDPゴシック" panose="020B0400000000000000" pitchFamily="50" charset="-128"/>
            </a:endParaRPr>
          </a:p>
        </p:txBody>
      </p:sp>
      <p:sp>
        <p:nvSpPr>
          <p:cNvPr id="81" name="テキスト ボックス 80">
            <a:extLst>
              <a:ext uri="{FF2B5EF4-FFF2-40B4-BE49-F238E27FC236}">
                <a16:creationId xmlns:a16="http://schemas.microsoft.com/office/drawing/2014/main" id="{922878FB-793A-9DEC-4A76-C602BD45FD81}"/>
              </a:ext>
            </a:extLst>
          </p:cNvPr>
          <p:cNvSpPr txBox="1"/>
          <p:nvPr/>
        </p:nvSpPr>
        <p:spPr>
          <a:xfrm>
            <a:off x="6558485" y="3316710"/>
            <a:ext cx="3276000" cy="310534"/>
          </a:xfrm>
          <a:prstGeom prst="rect">
            <a:avLst/>
          </a:prstGeom>
          <a:noFill/>
        </p:spPr>
        <p:txBody>
          <a:bodyPr wrap="square" rtlCol="0">
            <a:spAutoFit/>
          </a:bodyPr>
          <a:lstStyle/>
          <a:p>
            <a:pPr lvl="0">
              <a:lnSpc>
                <a:spcPts val="2000"/>
              </a:lnSpc>
            </a:pPr>
            <a:r>
              <a:rPr lang="ja-JP" altLang="en-US" sz="1400" dirty="0">
                <a:solidFill>
                  <a:srgbClr val="FF0000"/>
                </a:solidFill>
                <a:latin typeface="BIZ UDPゴシック" panose="020B0400000000000000" pitchFamily="50" charset="-128"/>
                <a:ea typeface="BIZ UDPゴシック" panose="020B0400000000000000" pitchFamily="50" charset="-128"/>
              </a:rPr>
              <a:t>➡</a:t>
            </a:r>
            <a:r>
              <a:rPr lang="en-US" altLang="ja-JP" sz="1400" dirty="0">
                <a:solidFill>
                  <a:srgbClr val="FF0000"/>
                </a:solidFill>
                <a:latin typeface="BIZ UDPゴシック" panose="020B0400000000000000" pitchFamily="50" charset="-128"/>
                <a:ea typeface="BIZ UDPゴシック" panose="020B0400000000000000" pitchFamily="50" charset="-128"/>
              </a:rPr>
              <a:t>CWO</a:t>
            </a:r>
            <a:r>
              <a:rPr lang="ja-JP" altLang="en-US" sz="1400" dirty="0">
                <a:solidFill>
                  <a:srgbClr val="FF0000"/>
                </a:solidFill>
                <a:latin typeface="BIZ UDPゴシック" panose="020B0400000000000000" pitchFamily="50" charset="-128"/>
                <a:ea typeface="BIZ UDPゴシック" panose="020B0400000000000000" pitchFamily="50" charset="-128"/>
              </a:rPr>
              <a:t>側で素案を作成</a:t>
            </a:r>
            <a:endParaRPr lang="en-US" altLang="ja-JP" sz="1400" dirty="0">
              <a:solidFill>
                <a:srgbClr val="FF0000"/>
              </a:solidFill>
              <a:latin typeface="BIZ UDPゴシック" panose="020B0400000000000000" pitchFamily="50" charset="-128"/>
              <a:ea typeface="BIZ UDPゴシック" panose="020B0400000000000000" pitchFamily="50" charset="-128"/>
            </a:endParaRPr>
          </a:p>
        </p:txBody>
      </p:sp>
      <p:sp>
        <p:nvSpPr>
          <p:cNvPr id="82" name="テキスト ボックス 81">
            <a:extLst>
              <a:ext uri="{FF2B5EF4-FFF2-40B4-BE49-F238E27FC236}">
                <a16:creationId xmlns:a16="http://schemas.microsoft.com/office/drawing/2014/main" id="{52FE5611-FEE7-16C2-6F0C-FEB2DC1AF257}"/>
              </a:ext>
            </a:extLst>
          </p:cNvPr>
          <p:cNvSpPr txBox="1"/>
          <p:nvPr/>
        </p:nvSpPr>
        <p:spPr>
          <a:xfrm>
            <a:off x="6554015" y="5565224"/>
            <a:ext cx="3276000" cy="310534"/>
          </a:xfrm>
          <a:prstGeom prst="rect">
            <a:avLst/>
          </a:prstGeom>
          <a:noFill/>
        </p:spPr>
        <p:txBody>
          <a:bodyPr wrap="square" rtlCol="0">
            <a:spAutoFit/>
          </a:bodyPr>
          <a:lstStyle/>
          <a:p>
            <a:pPr lvl="0">
              <a:lnSpc>
                <a:spcPts val="2000"/>
              </a:lnSpc>
            </a:pPr>
            <a:r>
              <a:rPr lang="ja-JP" altLang="en-US" sz="1400" dirty="0">
                <a:solidFill>
                  <a:srgbClr val="FF0000"/>
                </a:solidFill>
                <a:latin typeface="BIZ UDPゴシック" panose="020B0400000000000000" pitchFamily="50" charset="-128"/>
                <a:ea typeface="BIZ UDPゴシック" panose="020B0400000000000000" pitchFamily="50" charset="-128"/>
              </a:rPr>
              <a:t>➡</a:t>
            </a:r>
            <a:r>
              <a:rPr lang="en-US" altLang="ja-JP" sz="1400" dirty="0">
                <a:solidFill>
                  <a:srgbClr val="FF0000"/>
                </a:solidFill>
                <a:latin typeface="BIZ UDPゴシック" panose="020B0400000000000000" pitchFamily="50" charset="-128"/>
                <a:ea typeface="BIZ UDPゴシック" panose="020B0400000000000000" pitchFamily="50" charset="-128"/>
              </a:rPr>
              <a:t>CWO</a:t>
            </a:r>
            <a:r>
              <a:rPr lang="ja-JP" altLang="en-US" sz="1400" dirty="0">
                <a:solidFill>
                  <a:srgbClr val="FF0000"/>
                </a:solidFill>
                <a:latin typeface="BIZ UDPゴシック" panose="020B0400000000000000" pitchFamily="50" charset="-128"/>
                <a:ea typeface="BIZ UDPゴシック" panose="020B0400000000000000" pitchFamily="50" charset="-128"/>
              </a:rPr>
              <a:t>側で素案を作成</a:t>
            </a:r>
            <a:endParaRPr lang="en-US" altLang="ja-JP" sz="1400" dirty="0">
              <a:solidFill>
                <a:srgbClr val="FF0000"/>
              </a:solidFill>
              <a:latin typeface="BIZ UDPゴシック" panose="020B0400000000000000" pitchFamily="50" charset="-128"/>
              <a:ea typeface="BIZ UDPゴシック" panose="020B0400000000000000" pitchFamily="50" charset="-128"/>
            </a:endParaRPr>
          </a:p>
        </p:txBody>
      </p:sp>
      <p:sp>
        <p:nvSpPr>
          <p:cNvPr id="83" name="テキスト ボックス 82">
            <a:extLst>
              <a:ext uri="{FF2B5EF4-FFF2-40B4-BE49-F238E27FC236}">
                <a16:creationId xmlns:a16="http://schemas.microsoft.com/office/drawing/2014/main" id="{7EA1558A-B545-DF97-7423-8C6A5610E4E0}"/>
              </a:ext>
            </a:extLst>
          </p:cNvPr>
          <p:cNvSpPr txBox="1"/>
          <p:nvPr/>
        </p:nvSpPr>
        <p:spPr>
          <a:xfrm>
            <a:off x="6559019" y="4046777"/>
            <a:ext cx="3420000" cy="310534"/>
          </a:xfrm>
          <a:prstGeom prst="rect">
            <a:avLst/>
          </a:prstGeom>
          <a:noFill/>
        </p:spPr>
        <p:txBody>
          <a:bodyPr wrap="square" rtlCol="0">
            <a:spAutoFit/>
          </a:bodyPr>
          <a:lstStyle/>
          <a:p>
            <a:pPr lvl="0">
              <a:lnSpc>
                <a:spcPts val="2000"/>
              </a:lnSpc>
            </a:pPr>
            <a:r>
              <a:rPr lang="ja-JP" altLang="en-US" sz="1400" dirty="0">
                <a:solidFill>
                  <a:srgbClr val="FF0000"/>
                </a:solidFill>
                <a:latin typeface="BIZ UDPゴシック" panose="020B0400000000000000" pitchFamily="50" charset="-128"/>
                <a:ea typeface="BIZ UDPゴシック" panose="020B0400000000000000" pitchFamily="50" charset="-128"/>
              </a:rPr>
              <a:t>➡５年毎の業務委託条件見直しの対象外</a:t>
            </a:r>
            <a:endParaRPr lang="en-US" altLang="ja-JP" sz="1400" dirty="0">
              <a:solidFill>
                <a:srgbClr val="FF0000"/>
              </a:solidFill>
              <a:latin typeface="BIZ UDPゴシック" panose="020B0400000000000000" pitchFamily="50" charset="-128"/>
              <a:ea typeface="BIZ UDPゴシック" panose="020B0400000000000000" pitchFamily="50" charset="-128"/>
            </a:endParaRPr>
          </a:p>
        </p:txBody>
      </p:sp>
      <p:cxnSp>
        <p:nvCxnSpPr>
          <p:cNvPr id="13" name="コネクタ: カギ線 12">
            <a:extLst>
              <a:ext uri="{FF2B5EF4-FFF2-40B4-BE49-F238E27FC236}">
                <a16:creationId xmlns:a16="http://schemas.microsoft.com/office/drawing/2014/main" id="{93A5D662-7657-CDED-76B0-4D87B05DF2AC}"/>
              </a:ext>
            </a:extLst>
          </p:cNvPr>
          <p:cNvCxnSpPr>
            <a:cxnSpLocks/>
            <a:stCxn id="6" idx="3"/>
            <a:endCxn id="10" idx="1"/>
          </p:cNvCxnSpPr>
          <p:nvPr/>
        </p:nvCxnSpPr>
        <p:spPr>
          <a:xfrm>
            <a:off x="1886120" y="2309889"/>
            <a:ext cx="366863" cy="4181192"/>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7" name="テキスト ボックス 16">
            <a:extLst>
              <a:ext uri="{FF2B5EF4-FFF2-40B4-BE49-F238E27FC236}">
                <a16:creationId xmlns:a16="http://schemas.microsoft.com/office/drawing/2014/main" id="{C0F4737F-5E73-CC9A-6090-CDC31760586C}"/>
              </a:ext>
            </a:extLst>
          </p:cNvPr>
          <p:cNvSpPr txBox="1"/>
          <p:nvPr/>
        </p:nvSpPr>
        <p:spPr>
          <a:xfrm>
            <a:off x="5634939" y="6574554"/>
            <a:ext cx="3420000" cy="310534"/>
          </a:xfrm>
          <a:prstGeom prst="rect">
            <a:avLst/>
          </a:prstGeom>
          <a:noFill/>
        </p:spPr>
        <p:txBody>
          <a:bodyPr wrap="square" rtlCol="0">
            <a:spAutoFit/>
          </a:bodyPr>
          <a:lstStyle/>
          <a:p>
            <a:pPr lvl="0">
              <a:lnSpc>
                <a:spcPts val="2000"/>
              </a:lnSpc>
            </a:pPr>
            <a:r>
              <a:rPr lang="ja-JP" altLang="en-US" sz="1400" dirty="0">
                <a:solidFill>
                  <a:srgbClr val="FF0000"/>
                </a:solidFill>
                <a:latin typeface="BIZ UDPゴシック" panose="020B0400000000000000" pitchFamily="50" charset="-128"/>
                <a:ea typeface="BIZ UDPゴシック" panose="020B0400000000000000" pitchFamily="50" charset="-128"/>
              </a:rPr>
              <a:t>➡上限額を超える場合、補正予算を確保</a:t>
            </a:r>
            <a:endParaRPr lang="en-US" altLang="ja-JP" sz="1400" dirty="0">
              <a:solidFill>
                <a:srgbClr val="FF0000"/>
              </a:solidFill>
              <a:latin typeface="BIZ UDPゴシック" panose="020B0400000000000000" pitchFamily="50" charset="-128"/>
              <a:ea typeface="BIZ UDPゴシック" panose="020B0400000000000000" pitchFamily="50" charset="-128"/>
            </a:endParaRPr>
          </a:p>
        </p:txBody>
      </p:sp>
      <p:sp>
        <p:nvSpPr>
          <p:cNvPr id="18" name="星: 5 pt 17">
            <a:extLst>
              <a:ext uri="{FF2B5EF4-FFF2-40B4-BE49-F238E27FC236}">
                <a16:creationId xmlns:a16="http://schemas.microsoft.com/office/drawing/2014/main" id="{B09DA470-C157-213B-5500-3390B3A9959F}"/>
              </a:ext>
            </a:extLst>
          </p:cNvPr>
          <p:cNvSpPr/>
          <p:nvPr/>
        </p:nvSpPr>
        <p:spPr>
          <a:xfrm>
            <a:off x="9251004" y="2088490"/>
            <a:ext cx="297434" cy="297434"/>
          </a:xfrm>
          <a:prstGeom prst="star5">
            <a:avLst/>
          </a:prstGeom>
          <a:solidFill>
            <a:srgbClr val="FFFF00"/>
          </a:solidFill>
          <a:ln w="9525">
            <a:solidFill>
              <a:srgbClr val="FF010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星: 5 pt 18">
            <a:extLst>
              <a:ext uri="{FF2B5EF4-FFF2-40B4-BE49-F238E27FC236}">
                <a16:creationId xmlns:a16="http://schemas.microsoft.com/office/drawing/2014/main" id="{375BB338-56DE-5027-F92C-0239B16895BA}"/>
              </a:ext>
            </a:extLst>
          </p:cNvPr>
          <p:cNvSpPr/>
          <p:nvPr/>
        </p:nvSpPr>
        <p:spPr>
          <a:xfrm>
            <a:off x="8642858" y="3129024"/>
            <a:ext cx="297434" cy="297434"/>
          </a:xfrm>
          <a:prstGeom prst="star5">
            <a:avLst/>
          </a:prstGeom>
          <a:solidFill>
            <a:srgbClr val="FFFF00"/>
          </a:solidFill>
          <a:ln w="12700">
            <a:solidFill>
              <a:srgbClr val="FF010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星: 5 pt 19">
            <a:extLst>
              <a:ext uri="{FF2B5EF4-FFF2-40B4-BE49-F238E27FC236}">
                <a16:creationId xmlns:a16="http://schemas.microsoft.com/office/drawing/2014/main" id="{AD10A883-6054-F32D-4C53-61045CFFD313}"/>
              </a:ext>
            </a:extLst>
          </p:cNvPr>
          <p:cNvSpPr/>
          <p:nvPr/>
        </p:nvSpPr>
        <p:spPr>
          <a:xfrm>
            <a:off x="8642858" y="5359485"/>
            <a:ext cx="297434" cy="297434"/>
          </a:xfrm>
          <a:prstGeom prst="star5">
            <a:avLst/>
          </a:prstGeom>
          <a:solidFill>
            <a:srgbClr val="FFFF00"/>
          </a:solidFill>
          <a:ln w="12700">
            <a:solidFill>
              <a:srgbClr val="FF010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星: 5 pt 20">
            <a:extLst>
              <a:ext uri="{FF2B5EF4-FFF2-40B4-BE49-F238E27FC236}">
                <a16:creationId xmlns:a16="http://schemas.microsoft.com/office/drawing/2014/main" id="{A9278286-1044-D609-E131-9690D7061E37}"/>
              </a:ext>
            </a:extLst>
          </p:cNvPr>
          <p:cNvSpPr/>
          <p:nvPr/>
        </p:nvSpPr>
        <p:spPr>
          <a:xfrm>
            <a:off x="203061" y="6322267"/>
            <a:ext cx="297434" cy="297434"/>
          </a:xfrm>
          <a:prstGeom prst="star5">
            <a:avLst/>
          </a:prstGeom>
          <a:solidFill>
            <a:srgbClr val="FFFF00"/>
          </a:solidFill>
          <a:ln w="9525">
            <a:solidFill>
              <a:srgbClr val="FF010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テキスト ボックス 21">
            <a:extLst>
              <a:ext uri="{FF2B5EF4-FFF2-40B4-BE49-F238E27FC236}">
                <a16:creationId xmlns:a16="http://schemas.microsoft.com/office/drawing/2014/main" id="{AB9AF9B5-448D-ECAC-E2D3-825E5B3D3513}"/>
              </a:ext>
            </a:extLst>
          </p:cNvPr>
          <p:cNvSpPr txBox="1"/>
          <p:nvPr/>
        </p:nvSpPr>
        <p:spPr>
          <a:xfrm>
            <a:off x="464513" y="6329263"/>
            <a:ext cx="1332971" cy="310534"/>
          </a:xfrm>
          <a:prstGeom prst="rect">
            <a:avLst/>
          </a:prstGeom>
          <a:noFill/>
        </p:spPr>
        <p:txBody>
          <a:bodyPr wrap="square" rtlCol="0">
            <a:spAutoFit/>
          </a:bodyPr>
          <a:lstStyle/>
          <a:p>
            <a:pPr lvl="0">
              <a:lnSpc>
                <a:spcPts val="2000"/>
              </a:lnSpc>
            </a:pPr>
            <a:r>
              <a:rPr lang="ja-JP" altLang="en-US" sz="1400" dirty="0">
                <a:solidFill>
                  <a:srgbClr val="FF0000"/>
                </a:solidFill>
                <a:latin typeface="BIZ UDPゴシック" panose="020B0400000000000000" pitchFamily="50" charset="-128"/>
                <a:ea typeface="BIZ UDPゴシック" panose="020B0400000000000000" pitchFamily="50" charset="-128"/>
              </a:rPr>
              <a:t>：見直しの対象</a:t>
            </a:r>
            <a:endParaRPr lang="en-US" altLang="ja-JP" sz="1400" dirty="0">
              <a:solidFill>
                <a:srgbClr val="FF0000"/>
              </a:solidFill>
              <a:latin typeface="BIZ UDPゴシック" panose="020B0400000000000000" pitchFamily="50" charset="-128"/>
              <a:ea typeface="BIZ UDPゴシック" panose="020B0400000000000000" pitchFamily="50" charset="-128"/>
            </a:endParaRPr>
          </a:p>
        </p:txBody>
      </p:sp>
      <p:sp>
        <p:nvSpPr>
          <p:cNvPr id="9" name="角丸四角形 17">
            <a:extLst>
              <a:ext uri="{FF2B5EF4-FFF2-40B4-BE49-F238E27FC236}">
                <a16:creationId xmlns:a16="http://schemas.microsoft.com/office/drawing/2014/main" id="{CEEE64BF-8877-4754-1CEA-9E8A98348335}"/>
              </a:ext>
            </a:extLst>
          </p:cNvPr>
          <p:cNvSpPr/>
          <p:nvPr/>
        </p:nvSpPr>
        <p:spPr>
          <a:xfrm>
            <a:off x="17810" y="623331"/>
            <a:ext cx="10091389"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④　業務数量の見直しについて</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管路施設</a:t>
            </a:r>
            <a:r>
              <a:rPr lang="en-US" altLang="ja-JP" sz="2275" u="sng" dirty="0">
                <a:solidFill>
                  <a:schemeClr val="tx1"/>
                </a:solidFill>
                <a:latin typeface="HGPｺﾞｼｯｸE" panose="020B0900000000000000" pitchFamily="50" charset="-128"/>
                <a:ea typeface="HGPｺﾞｼｯｸE" panose="020B0900000000000000" pitchFamily="50" charset="-128"/>
              </a:rPr>
              <a:t>】</a:t>
            </a:r>
          </a:p>
        </p:txBody>
      </p:sp>
      <p:sp>
        <p:nvSpPr>
          <p:cNvPr id="5" name="スライド番号プレースホルダー 4">
            <a:extLst>
              <a:ext uri="{FF2B5EF4-FFF2-40B4-BE49-F238E27FC236}">
                <a16:creationId xmlns:a16="http://schemas.microsoft.com/office/drawing/2014/main" id="{CF0B7D60-5515-433C-2201-F6210F72FA1A}"/>
              </a:ext>
            </a:extLst>
          </p:cNvPr>
          <p:cNvSpPr>
            <a:spLocks noGrp="1"/>
          </p:cNvSpPr>
          <p:nvPr>
            <p:ph type="sldNum" sz="quarter" idx="12"/>
          </p:nvPr>
        </p:nvSpPr>
        <p:spPr/>
        <p:txBody>
          <a:bodyPr/>
          <a:lstStyle/>
          <a:p>
            <a:fld id="{36EC18DB-A5DF-4E0E-B815-FCD04A2C4B2C}" type="slidenum">
              <a:rPr kumimoji="1" lang="ja-JP" altLang="en-US" smtClean="0"/>
              <a:t>51</a:t>
            </a:fld>
            <a:endParaRPr kumimoji="1" lang="ja-JP" altLang="en-US" dirty="0"/>
          </a:p>
        </p:txBody>
      </p:sp>
    </p:spTree>
    <p:extLst>
      <p:ext uri="{BB962C8B-B14F-4D97-AF65-F5344CB8AC3E}">
        <p14:creationId xmlns:p14="http://schemas.microsoft.com/office/powerpoint/2010/main" val="929083435"/>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CF0B7D60-5515-433C-2201-F6210F72FA1A}"/>
              </a:ext>
            </a:extLst>
          </p:cNvPr>
          <p:cNvSpPr>
            <a:spLocks noGrp="1"/>
          </p:cNvSpPr>
          <p:nvPr>
            <p:ph type="sldNum" sz="quarter" idx="12"/>
          </p:nvPr>
        </p:nvSpPr>
        <p:spPr/>
        <p:txBody>
          <a:bodyPr/>
          <a:lstStyle/>
          <a:p>
            <a:fld id="{36EC18DB-A5DF-4E0E-B815-FCD04A2C4B2C}" type="slidenum">
              <a:rPr kumimoji="1" lang="ja-JP" altLang="en-US" smtClean="0"/>
              <a:t>52</a:t>
            </a:fld>
            <a:endParaRPr kumimoji="1" lang="ja-JP" altLang="en-US"/>
          </a:p>
        </p:txBody>
      </p:sp>
      <p:sp>
        <p:nvSpPr>
          <p:cNvPr id="3" name="角丸四角形 17">
            <a:extLst>
              <a:ext uri="{FF2B5EF4-FFF2-40B4-BE49-F238E27FC236}">
                <a16:creationId xmlns:a16="http://schemas.microsoft.com/office/drawing/2014/main" id="{277E3577-5A93-FFB8-E185-774E038E4557}"/>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6" name="テキスト ボックス 5">
            <a:extLst>
              <a:ext uri="{FF2B5EF4-FFF2-40B4-BE49-F238E27FC236}">
                <a16:creationId xmlns:a16="http://schemas.microsoft.com/office/drawing/2014/main" id="{E9F616A5-DE24-B36A-6E77-0257DD6F7814}"/>
              </a:ext>
            </a:extLst>
          </p:cNvPr>
          <p:cNvSpPr txBox="1"/>
          <p:nvPr/>
        </p:nvSpPr>
        <p:spPr>
          <a:xfrm>
            <a:off x="0" y="962202"/>
            <a:ext cx="9788447" cy="348813"/>
          </a:xfrm>
          <a:prstGeom prst="rect">
            <a:avLst/>
          </a:prstGeom>
          <a:noFill/>
        </p:spPr>
        <p:txBody>
          <a:bodyPr wrap="square" rtlCol="0">
            <a:spAutoFit/>
          </a:bodyPr>
          <a:lstStyle/>
          <a:p>
            <a:pPr lvl="0">
              <a:lnSpc>
                <a:spcPts val="2000"/>
              </a:lnSpc>
            </a:pP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ストックマネジメントによる数量設定</a:t>
            </a: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　</a:t>
            </a:r>
            <a:endParaRPr lang="en-US" altLang="ja-JP" dirty="0">
              <a:latin typeface="BIZ UDPゴシック" panose="020B0400000000000000" pitchFamily="50" charset="-128"/>
              <a:ea typeface="BIZ UDPゴシック" panose="020B0400000000000000" pitchFamily="50" charset="-128"/>
            </a:endParaRPr>
          </a:p>
        </p:txBody>
      </p:sp>
      <p:sp>
        <p:nvSpPr>
          <p:cNvPr id="7" name="テキスト ボックス 6">
            <a:extLst>
              <a:ext uri="{FF2B5EF4-FFF2-40B4-BE49-F238E27FC236}">
                <a16:creationId xmlns:a16="http://schemas.microsoft.com/office/drawing/2014/main" id="{44EDBD15-2CB3-5876-4445-47B605CC27C3}"/>
              </a:ext>
            </a:extLst>
          </p:cNvPr>
          <p:cNvSpPr txBox="1"/>
          <p:nvPr/>
        </p:nvSpPr>
        <p:spPr>
          <a:xfrm>
            <a:off x="58776" y="1262375"/>
            <a:ext cx="9788447" cy="605294"/>
          </a:xfrm>
          <a:prstGeom prst="rect">
            <a:avLst/>
          </a:prstGeom>
          <a:noFill/>
        </p:spPr>
        <p:txBody>
          <a:bodyPr wrap="square" rtlCol="0">
            <a:spAutoFit/>
          </a:bodyPr>
          <a:lstStyle/>
          <a:p>
            <a:pPr marL="285750" indent="-285750">
              <a:lnSpc>
                <a:spcPts val="2000"/>
              </a:lnSpc>
              <a:buFont typeface="Wingdings" panose="05000000000000000000" pitchFamily="2" charset="2"/>
              <a:buChar char="ü"/>
            </a:pPr>
            <a:r>
              <a:rPr lang="ja-JP" altLang="en-US" dirty="0">
                <a:latin typeface="BIZ UDPゴシック" panose="020B0400000000000000" pitchFamily="50" charset="-128"/>
                <a:ea typeface="BIZ UDPゴシック" panose="020B0400000000000000" pitchFamily="50" charset="-128"/>
              </a:rPr>
              <a:t>現在、局内でストックマネジメントの見直し要否について議論を進めているところ</a:t>
            </a:r>
            <a:endParaRPr lang="en-US" altLang="ja-JP" dirty="0">
              <a:latin typeface="BIZ UDPゴシック" panose="020B0400000000000000" pitchFamily="50" charset="-128"/>
              <a:ea typeface="BIZ UDPゴシック" panose="020B0400000000000000" pitchFamily="50" charset="-128"/>
            </a:endParaRPr>
          </a:p>
          <a:p>
            <a:pPr marL="285750" lvl="0" indent="-285750">
              <a:lnSpc>
                <a:spcPts val="2000"/>
              </a:lnSpc>
              <a:buFont typeface="Wingdings" panose="05000000000000000000" pitchFamily="2" charset="2"/>
              <a:buChar char="ü"/>
            </a:pPr>
            <a:r>
              <a:rPr lang="ja-JP" altLang="en-US" dirty="0">
                <a:latin typeface="BIZ UDPゴシック" panose="020B0400000000000000" pitchFamily="50" charset="-128"/>
                <a:ea typeface="BIZ UDPゴシック" panose="020B0400000000000000" pitchFamily="50" charset="-128"/>
              </a:rPr>
              <a:t>市で素案を作成し、</a:t>
            </a:r>
            <a:r>
              <a:rPr lang="en-US" altLang="ja-JP" dirty="0">
                <a:latin typeface="BIZ UDPゴシック" panose="020B0400000000000000" pitchFamily="50" charset="-128"/>
                <a:ea typeface="BIZ UDPゴシック" panose="020B0400000000000000" pitchFamily="50" charset="-128"/>
              </a:rPr>
              <a:t>CWO</a:t>
            </a:r>
            <a:r>
              <a:rPr lang="ja-JP" altLang="en-US" dirty="0">
                <a:latin typeface="BIZ UDPゴシック" panose="020B0400000000000000" pitchFamily="50" charset="-128"/>
                <a:ea typeface="BIZ UDPゴシック" panose="020B0400000000000000" pitchFamily="50" charset="-128"/>
              </a:rPr>
              <a:t>と協議したうえで、</a:t>
            </a:r>
            <a:r>
              <a:rPr lang="ja-JP" altLang="en-US" u="sng" dirty="0">
                <a:latin typeface="BIZ UDPゴシック" panose="020B0400000000000000" pitchFamily="50" charset="-128"/>
                <a:ea typeface="BIZ UDPゴシック" panose="020B0400000000000000" pitchFamily="50" charset="-128"/>
              </a:rPr>
              <a:t>最終的な実施数量をとりまとめる（</a:t>
            </a:r>
            <a:r>
              <a:rPr lang="en-US" altLang="ja-JP" u="sng" dirty="0">
                <a:latin typeface="BIZ UDPゴシック" panose="020B0400000000000000" pitchFamily="50" charset="-128"/>
                <a:ea typeface="BIZ UDPゴシック" panose="020B0400000000000000" pitchFamily="50" charset="-128"/>
              </a:rPr>
              <a:t>R8.</a:t>
            </a:r>
            <a:r>
              <a:rPr lang="ja-JP" altLang="en-US" u="sng" dirty="0">
                <a:latin typeface="BIZ UDPゴシック" panose="020B0400000000000000" pitchFamily="50" charset="-128"/>
                <a:ea typeface="BIZ UDPゴシック" panose="020B0400000000000000" pitchFamily="50" charset="-128"/>
              </a:rPr>
              <a:t>２月予定）</a:t>
            </a:r>
            <a:endParaRPr lang="en-US" altLang="ja-JP" u="sng" dirty="0">
              <a:latin typeface="BIZ UDPゴシック" panose="020B0400000000000000" pitchFamily="50" charset="-128"/>
              <a:ea typeface="BIZ UDPゴシック" panose="020B0400000000000000" pitchFamily="50" charset="-128"/>
            </a:endParaRPr>
          </a:p>
        </p:txBody>
      </p:sp>
      <p:sp>
        <p:nvSpPr>
          <p:cNvPr id="9" name="テキスト ボックス 8">
            <a:extLst>
              <a:ext uri="{FF2B5EF4-FFF2-40B4-BE49-F238E27FC236}">
                <a16:creationId xmlns:a16="http://schemas.microsoft.com/office/drawing/2014/main" id="{9EA814C3-6631-14BF-8330-269F6504C421}"/>
              </a:ext>
            </a:extLst>
          </p:cNvPr>
          <p:cNvSpPr txBox="1"/>
          <p:nvPr/>
        </p:nvSpPr>
        <p:spPr>
          <a:xfrm>
            <a:off x="358223" y="1856851"/>
            <a:ext cx="9072000" cy="4647426"/>
          </a:xfrm>
          <a:prstGeom prst="rect">
            <a:avLst/>
          </a:prstGeom>
          <a:noFill/>
          <a:ln>
            <a:solidFill>
              <a:schemeClr val="tx1"/>
            </a:solidFill>
          </a:ln>
        </p:spPr>
        <p:txBody>
          <a:bodyPr wrap="square" rtlCol="0" anchor="t">
            <a:spAutoFit/>
          </a:bodyPr>
          <a:lstStyle/>
          <a:p>
            <a:r>
              <a:rPr kumimoji="1" lang="ja-JP" altLang="en-US" sz="1600" b="1" dirty="0">
                <a:latin typeface="BIZ UDPゴシック" panose="020B0400000000000000" pitchFamily="50" charset="-128"/>
                <a:ea typeface="BIZ UDPゴシック" panose="020B0400000000000000" pitchFamily="50" charset="-128"/>
              </a:rPr>
              <a:t>（論点）</a:t>
            </a:r>
            <a:endParaRPr kumimoji="1" lang="en-US" altLang="ja-JP" sz="700" b="1" dirty="0">
              <a:latin typeface="BIZ UDPゴシック" panose="020B0400000000000000" pitchFamily="50" charset="-128"/>
              <a:ea typeface="BIZ UDPゴシック" panose="020B0400000000000000" pitchFamily="50" charset="-128"/>
            </a:endParaRPr>
          </a:p>
          <a:p>
            <a:r>
              <a:rPr kumimoji="1" lang="ja-JP" altLang="en-US" sz="1600" b="1" dirty="0">
                <a:latin typeface="BIZ UDPゴシック" panose="020B0400000000000000" pitchFamily="50" charset="-128"/>
                <a:ea typeface="BIZ UDPゴシック" panose="020B0400000000000000" pitchFamily="50" charset="-128"/>
              </a:rPr>
              <a:t>　①老朽ストック量の変化　</a:t>
            </a:r>
            <a:r>
              <a:rPr kumimoji="1" lang="ja-JP" altLang="en-US" sz="1600" dirty="0">
                <a:latin typeface="BIZ UDPゴシック" panose="020B0400000000000000" pitchFamily="50" charset="-128"/>
                <a:ea typeface="BIZ UDPゴシック" panose="020B0400000000000000" pitchFamily="50" charset="-128"/>
              </a:rPr>
              <a:t>（改築更新の推進、高齢化の進展）　</a:t>
            </a:r>
            <a:endParaRPr kumimoji="1" lang="en-US" altLang="ja-JP" sz="1600" dirty="0">
              <a:latin typeface="BIZ UDPゴシック" panose="020B0400000000000000" pitchFamily="50" charset="-128"/>
              <a:ea typeface="BIZ UDPゴシック" panose="020B0400000000000000" pitchFamily="50" charset="-128"/>
            </a:endParaRPr>
          </a:p>
          <a:p>
            <a:endParaRPr kumimoji="1" lang="en-US" altLang="ja-JP" sz="800" dirty="0">
              <a:latin typeface="BIZ UDPゴシック" panose="020B0400000000000000" pitchFamily="50" charset="-128"/>
              <a:ea typeface="BIZ UDPゴシック" panose="020B0400000000000000" pitchFamily="50" charset="-128"/>
            </a:endParaRPr>
          </a:p>
          <a:p>
            <a:r>
              <a:rPr kumimoji="1" lang="ja-JP" altLang="en-US" sz="1600" b="1" dirty="0">
                <a:latin typeface="BIZ UDPゴシック" panose="020B0400000000000000" pitchFamily="50" charset="-128"/>
                <a:ea typeface="BIZ UDPゴシック" panose="020B0400000000000000" pitchFamily="50" charset="-128"/>
              </a:rPr>
              <a:t>　②本管の詳細調査</a:t>
            </a:r>
            <a:endParaRPr kumimoji="1" lang="en-US" altLang="ja-JP" sz="1600" dirty="0">
              <a:latin typeface="BIZ UDPゴシック" panose="020B0400000000000000" pitchFamily="50" charset="-128"/>
              <a:ea typeface="BIZ UDPゴシック" panose="020B0400000000000000" pitchFamily="50" charset="-128"/>
            </a:endParaRPr>
          </a:p>
          <a:p>
            <a:r>
              <a:rPr kumimoji="1" lang="ja-JP" altLang="en-US" sz="1600" dirty="0">
                <a:latin typeface="BIZ UDPゴシック" panose="020B0400000000000000" pitchFamily="50" charset="-128"/>
                <a:ea typeface="BIZ UDPゴシック" panose="020B0400000000000000" pitchFamily="50" charset="-128"/>
              </a:rPr>
              <a:t>　　　　➡初回調査の</a:t>
            </a:r>
            <a:r>
              <a:rPr kumimoji="1" lang="ja-JP" altLang="en-US" sz="1600" u="sng" dirty="0">
                <a:solidFill>
                  <a:srgbClr val="FF0000"/>
                </a:solidFill>
                <a:latin typeface="BIZ UDPゴシック" panose="020B0400000000000000" pitchFamily="50" charset="-128"/>
                <a:ea typeface="BIZ UDPゴシック" panose="020B0400000000000000" pitchFamily="50" charset="-128"/>
              </a:rPr>
              <a:t>対象施設（</a:t>
            </a:r>
            <a:r>
              <a:rPr kumimoji="1" lang="en-US" altLang="ja-JP" sz="1600" u="sng" dirty="0">
                <a:solidFill>
                  <a:srgbClr val="FF0000"/>
                </a:solidFill>
                <a:latin typeface="BIZ UDPゴシック" panose="020B0400000000000000" pitchFamily="50" charset="-128"/>
                <a:ea typeface="BIZ UDPゴシック" panose="020B0400000000000000" pitchFamily="50" charset="-128"/>
              </a:rPr>
              <a:t>50</a:t>
            </a:r>
            <a:r>
              <a:rPr kumimoji="1" lang="ja-JP" altLang="en-US" sz="1600" u="sng" dirty="0">
                <a:solidFill>
                  <a:srgbClr val="FF0000"/>
                </a:solidFill>
                <a:latin typeface="BIZ UDPゴシック" panose="020B0400000000000000" pitchFamily="50" charset="-128"/>
                <a:ea typeface="BIZ UDPゴシック" panose="020B0400000000000000" pitchFamily="50" charset="-128"/>
              </a:rPr>
              <a:t>年経過管路）</a:t>
            </a:r>
            <a:r>
              <a:rPr kumimoji="1" lang="ja-JP" altLang="en-US" sz="1600" dirty="0">
                <a:latin typeface="BIZ UDPゴシック" panose="020B0400000000000000" pitchFamily="50" charset="-128"/>
                <a:ea typeface="BIZ UDPゴシック" panose="020B0400000000000000" pitchFamily="50" charset="-128"/>
              </a:rPr>
              <a:t>の見直し</a:t>
            </a:r>
            <a:endParaRPr kumimoji="1" lang="en-US" altLang="ja-JP" sz="1600" dirty="0">
              <a:latin typeface="BIZ UDPゴシック" panose="020B0400000000000000" pitchFamily="50" charset="-128"/>
              <a:ea typeface="BIZ UDPゴシック" panose="020B0400000000000000" pitchFamily="50" charset="-128"/>
            </a:endParaRPr>
          </a:p>
          <a:p>
            <a:r>
              <a:rPr kumimoji="1" lang="ja-JP" altLang="en-US" sz="1600" dirty="0">
                <a:latin typeface="BIZ UDPゴシック" panose="020B0400000000000000" pitchFamily="50" charset="-128"/>
                <a:ea typeface="BIZ UDPゴシック" panose="020B0400000000000000" pitchFamily="50" charset="-128"/>
              </a:rPr>
              <a:t>　　　　　　　　　</a:t>
            </a:r>
            <a:r>
              <a:rPr kumimoji="1" lang="en-US" altLang="ja-JP" sz="1600" dirty="0">
                <a:latin typeface="BIZ UDPゴシック" panose="020B0400000000000000" pitchFamily="50" charset="-128"/>
                <a:ea typeface="BIZ UDPゴシック" panose="020B0400000000000000" pitchFamily="50" charset="-128"/>
              </a:rPr>
              <a:t>※</a:t>
            </a:r>
            <a:r>
              <a:rPr kumimoji="1" lang="ja-JP" altLang="en-US" sz="1600" dirty="0">
                <a:latin typeface="BIZ UDPゴシック" panose="020B0400000000000000" pitchFamily="50" charset="-128"/>
                <a:ea typeface="BIZ UDPゴシック" panose="020B0400000000000000" pitchFamily="50" charset="-128"/>
              </a:rPr>
              <a:t>道路陥没は早いもので３０年経過したころから発生している</a:t>
            </a:r>
            <a:endParaRPr kumimoji="1" lang="en-US" altLang="ja-JP" sz="1600" dirty="0">
              <a:latin typeface="BIZ UDPゴシック" panose="020B0400000000000000" pitchFamily="50" charset="-128"/>
              <a:ea typeface="BIZ UDPゴシック" panose="020B0400000000000000" pitchFamily="50" charset="-128"/>
            </a:endParaRPr>
          </a:p>
          <a:p>
            <a:r>
              <a:rPr kumimoji="1" lang="ja-JP" altLang="en-US" sz="1600" dirty="0">
                <a:latin typeface="BIZ UDPゴシック" panose="020B0400000000000000" pitchFamily="50" charset="-128"/>
                <a:ea typeface="BIZ UDPゴシック" panose="020B0400000000000000" pitchFamily="50" charset="-128"/>
              </a:rPr>
              <a:t>　　　　　　　　　</a:t>
            </a:r>
            <a:r>
              <a:rPr kumimoji="1" lang="en-US" altLang="ja-JP" sz="1600" dirty="0">
                <a:latin typeface="BIZ UDPゴシック" panose="020B0400000000000000" pitchFamily="50" charset="-128"/>
                <a:ea typeface="BIZ UDPゴシック" panose="020B0400000000000000" pitchFamily="50" charset="-128"/>
              </a:rPr>
              <a:t>※</a:t>
            </a:r>
            <a:r>
              <a:rPr kumimoji="1" lang="ja-JP" altLang="en-US" sz="1600" dirty="0">
                <a:latin typeface="BIZ UDPゴシック" panose="020B0400000000000000" pitchFamily="50" charset="-128"/>
                <a:ea typeface="BIZ UDPゴシック" panose="020B0400000000000000" pitchFamily="50" charset="-128"/>
              </a:rPr>
              <a:t>スクリーニングを導入し、詳細調査のボリューム抑制が必要</a:t>
            </a:r>
            <a:endParaRPr kumimoji="1" lang="en-US" altLang="ja-JP" sz="1600" dirty="0">
              <a:latin typeface="BIZ UDPゴシック" panose="020B0400000000000000" pitchFamily="50" charset="-128"/>
              <a:ea typeface="BIZ UDPゴシック" panose="020B0400000000000000" pitchFamily="50" charset="-128"/>
            </a:endParaRPr>
          </a:p>
          <a:p>
            <a:r>
              <a:rPr kumimoji="1" lang="ja-JP" altLang="en-US" sz="1600" dirty="0">
                <a:latin typeface="BIZ UDPゴシック" panose="020B0400000000000000" pitchFamily="50" charset="-128"/>
                <a:ea typeface="BIZ UDPゴシック" panose="020B0400000000000000" pitchFamily="50" charset="-128"/>
              </a:rPr>
              <a:t>　　　　➡人が立ち入らずに実施する新たな</a:t>
            </a:r>
            <a:r>
              <a:rPr kumimoji="1" lang="ja-JP" altLang="en-US" sz="1600" u="sng" dirty="0">
                <a:solidFill>
                  <a:srgbClr val="FF0000"/>
                </a:solidFill>
                <a:latin typeface="BIZ UDPゴシック" panose="020B0400000000000000" pitchFamily="50" charset="-128"/>
                <a:ea typeface="BIZ UDPゴシック" panose="020B0400000000000000" pitchFamily="50" charset="-128"/>
              </a:rPr>
              <a:t>調査方法（ドローン・浮流式カメラ等）</a:t>
            </a:r>
            <a:r>
              <a:rPr kumimoji="1" lang="ja-JP" altLang="en-US" sz="1600" dirty="0">
                <a:latin typeface="BIZ UDPゴシック" panose="020B0400000000000000" pitchFamily="50" charset="-128"/>
                <a:ea typeface="BIZ UDPゴシック" panose="020B0400000000000000" pitchFamily="50" charset="-128"/>
              </a:rPr>
              <a:t>の契約への反映</a:t>
            </a:r>
            <a:endParaRPr kumimoji="1" lang="en-US" altLang="ja-JP" sz="1600" dirty="0">
              <a:latin typeface="BIZ UDPゴシック" panose="020B0400000000000000" pitchFamily="50" charset="-128"/>
              <a:ea typeface="BIZ UDPゴシック" panose="020B0400000000000000" pitchFamily="50" charset="-128"/>
            </a:endParaRPr>
          </a:p>
          <a:p>
            <a:r>
              <a:rPr kumimoji="1" lang="ja-JP" altLang="en-US" sz="1600" dirty="0">
                <a:latin typeface="BIZ UDPゴシック" panose="020B0400000000000000" pitchFamily="50" charset="-128"/>
                <a:ea typeface="BIZ UDPゴシック" panose="020B0400000000000000" pitchFamily="50" charset="-128"/>
              </a:rPr>
              <a:t>　　　　➡初回調査後、一定期間を経過したものに対する</a:t>
            </a:r>
            <a:r>
              <a:rPr kumimoji="1" lang="ja-JP" altLang="en-US" sz="1600" u="sng" dirty="0">
                <a:solidFill>
                  <a:srgbClr val="FF0000"/>
                </a:solidFill>
                <a:latin typeface="BIZ UDPゴシック" panose="020B0400000000000000" pitchFamily="50" charset="-128"/>
                <a:ea typeface="BIZ UDPゴシック" panose="020B0400000000000000" pitchFamily="50" charset="-128"/>
              </a:rPr>
              <a:t>再調査</a:t>
            </a:r>
            <a:r>
              <a:rPr kumimoji="1" lang="ja-JP" altLang="en-US" sz="1600" dirty="0">
                <a:latin typeface="BIZ UDPゴシック" panose="020B0400000000000000" pitchFamily="50" charset="-128"/>
                <a:ea typeface="BIZ UDPゴシック" panose="020B0400000000000000" pitchFamily="50" charset="-128"/>
              </a:rPr>
              <a:t>を反映</a:t>
            </a:r>
            <a:endParaRPr kumimoji="1" lang="en-US" altLang="ja-JP" sz="1600" dirty="0">
              <a:latin typeface="BIZ UDPゴシック" panose="020B0400000000000000" pitchFamily="50" charset="-128"/>
              <a:ea typeface="BIZ UDPゴシック" panose="020B0400000000000000" pitchFamily="50" charset="-128"/>
            </a:endParaRPr>
          </a:p>
          <a:p>
            <a:endParaRPr kumimoji="1" lang="en-US" altLang="ja-JP" sz="800" dirty="0">
              <a:latin typeface="BIZ UDPゴシック" panose="020B0400000000000000" pitchFamily="50" charset="-128"/>
              <a:ea typeface="BIZ UDPゴシック" panose="020B0400000000000000" pitchFamily="50" charset="-128"/>
            </a:endParaRPr>
          </a:p>
          <a:p>
            <a:r>
              <a:rPr kumimoji="1" lang="ja-JP" altLang="en-US" sz="1600" b="1" dirty="0">
                <a:latin typeface="BIZ UDPゴシック" panose="020B0400000000000000" pitchFamily="50" charset="-128"/>
                <a:ea typeface="BIZ UDPゴシック" panose="020B0400000000000000" pitchFamily="50" charset="-128"/>
              </a:rPr>
              <a:t>　③取付管・マンホールの詳細調査</a:t>
            </a:r>
          </a:p>
          <a:p>
            <a:r>
              <a:rPr kumimoji="1" lang="ja-JP" altLang="en-US" sz="1600" dirty="0">
                <a:latin typeface="BIZ UDPゴシック" panose="020B0400000000000000" pitchFamily="50" charset="-128"/>
                <a:ea typeface="BIZ UDPゴシック" panose="020B0400000000000000" pitchFamily="50" charset="-128"/>
              </a:rPr>
              <a:t>　　　➡</a:t>
            </a:r>
            <a:r>
              <a:rPr kumimoji="1" lang="ja-JP" altLang="en-US" sz="1600" u="sng" dirty="0">
                <a:solidFill>
                  <a:srgbClr val="FF0000"/>
                </a:solidFill>
                <a:latin typeface="BIZ UDPゴシック" panose="020B0400000000000000" pitchFamily="50" charset="-128"/>
                <a:ea typeface="BIZ UDPゴシック" panose="020B0400000000000000" pitchFamily="50" charset="-128"/>
              </a:rPr>
              <a:t>詳細調査の必要性</a:t>
            </a:r>
            <a:r>
              <a:rPr kumimoji="1" lang="ja-JP" altLang="en-US" sz="1600" dirty="0">
                <a:latin typeface="BIZ UDPゴシック" panose="020B0400000000000000" pitchFamily="50" charset="-128"/>
                <a:ea typeface="BIZ UDPゴシック" panose="020B0400000000000000" pitchFamily="50" charset="-128"/>
              </a:rPr>
              <a:t>を整理する必要がある</a:t>
            </a:r>
          </a:p>
          <a:p>
            <a:r>
              <a:rPr kumimoji="1" lang="ja-JP" altLang="en-US" sz="1600" dirty="0">
                <a:latin typeface="BIZ UDPゴシック" panose="020B0400000000000000" pitchFamily="50" charset="-128"/>
                <a:ea typeface="BIZ UDPゴシック" panose="020B0400000000000000" pitchFamily="50" charset="-128"/>
              </a:rPr>
              <a:t>　　　　　　　　</a:t>
            </a:r>
            <a:r>
              <a:rPr kumimoji="1" lang="en-US" altLang="ja-JP" sz="1600" dirty="0">
                <a:latin typeface="BIZ UDPゴシック" panose="020B0400000000000000" pitchFamily="50" charset="-128"/>
                <a:ea typeface="BIZ UDPゴシック" panose="020B0400000000000000" pitchFamily="50" charset="-128"/>
              </a:rPr>
              <a:t>※</a:t>
            </a:r>
            <a:r>
              <a:rPr kumimoji="1" lang="ja-JP" altLang="en-US" sz="1600" dirty="0">
                <a:latin typeface="BIZ UDPゴシック" panose="020B0400000000000000" pitchFamily="50" charset="-128"/>
                <a:ea typeface="BIZ UDPゴシック" panose="020B0400000000000000" pitchFamily="50" charset="-128"/>
              </a:rPr>
              <a:t>ストックマネジメント計画には明確な考え方を定めていない</a:t>
            </a:r>
          </a:p>
          <a:p>
            <a:r>
              <a:rPr kumimoji="1" lang="ja-JP" altLang="en-US" sz="1600" dirty="0">
                <a:latin typeface="BIZ UDPゴシック" panose="020B0400000000000000" pitchFamily="50" charset="-128"/>
                <a:ea typeface="BIZ UDPゴシック" panose="020B0400000000000000" pitchFamily="50" charset="-128"/>
              </a:rPr>
              <a:t>　　　　　　　　</a:t>
            </a:r>
            <a:r>
              <a:rPr kumimoji="1" lang="en-US" altLang="ja-JP" sz="1600" dirty="0">
                <a:latin typeface="BIZ UDPゴシック" panose="020B0400000000000000" pitchFamily="50" charset="-128"/>
                <a:ea typeface="BIZ UDPゴシック" panose="020B0400000000000000" pitchFamily="50" charset="-128"/>
              </a:rPr>
              <a:t>※CWO</a:t>
            </a:r>
            <a:r>
              <a:rPr kumimoji="1" lang="ja-JP" altLang="en-US" sz="1600" dirty="0">
                <a:latin typeface="BIZ UDPゴシック" panose="020B0400000000000000" pitchFamily="50" charset="-128"/>
                <a:ea typeface="BIZ UDPゴシック" panose="020B0400000000000000" pitchFamily="50" charset="-128"/>
              </a:rPr>
              <a:t>の業務実績でも実施されていない（点検に置換えて実施）</a:t>
            </a:r>
          </a:p>
          <a:p>
            <a:endParaRPr kumimoji="1" lang="ja-JP" altLang="en-US" sz="800" dirty="0">
              <a:latin typeface="BIZ UDPゴシック" panose="020B0400000000000000" pitchFamily="50" charset="-128"/>
              <a:ea typeface="BIZ UDPゴシック" panose="020B0400000000000000" pitchFamily="50" charset="-128"/>
            </a:endParaRPr>
          </a:p>
          <a:p>
            <a:r>
              <a:rPr kumimoji="1" lang="ja-JP" altLang="en-US" sz="1600" b="1" dirty="0">
                <a:latin typeface="BIZ UDPゴシック" panose="020B0400000000000000" pitchFamily="50" charset="-128"/>
                <a:ea typeface="BIZ UDPゴシック" panose="020B0400000000000000" pitchFamily="50" charset="-128"/>
              </a:rPr>
              <a:t>　④本管の巡視・点検</a:t>
            </a:r>
          </a:p>
          <a:p>
            <a:r>
              <a:rPr kumimoji="1" lang="ja-JP" altLang="en-US" sz="1600" dirty="0">
                <a:latin typeface="BIZ UDPゴシック" panose="020B0400000000000000" pitchFamily="50" charset="-128"/>
                <a:ea typeface="BIZ UDPゴシック" panose="020B0400000000000000" pitchFamily="50" charset="-128"/>
              </a:rPr>
              <a:t>　　　➡局内・</a:t>
            </a:r>
            <a:r>
              <a:rPr kumimoji="1" lang="en-US" altLang="ja-JP" sz="1600" dirty="0">
                <a:latin typeface="BIZ UDPゴシック" panose="020B0400000000000000" pitchFamily="50" charset="-128"/>
                <a:ea typeface="BIZ UDPゴシック" panose="020B0400000000000000" pitchFamily="50" charset="-128"/>
              </a:rPr>
              <a:t>CWO</a:t>
            </a:r>
            <a:r>
              <a:rPr kumimoji="1" lang="ja-JP" altLang="en-US" sz="1600" dirty="0">
                <a:latin typeface="BIZ UDPゴシック" panose="020B0400000000000000" pitchFamily="50" charset="-128"/>
                <a:ea typeface="BIZ UDPゴシック" panose="020B0400000000000000" pitchFamily="50" charset="-128"/>
              </a:rPr>
              <a:t>の意見を聴取して、</a:t>
            </a:r>
            <a:r>
              <a:rPr kumimoji="1" lang="ja-JP" altLang="en-US" sz="1600" u="sng" dirty="0">
                <a:solidFill>
                  <a:srgbClr val="FF0000"/>
                </a:solidFill>
                <a:latin typeface="BIZ UDPゴシック" panose="020B0400000000000000" pitchFamily="50" charset="-128"/>
                <a:ea typeface="BIZ UDPゴシック" panose="020B0400000000000000" pitchFamily="50" charset="-128"/>
              </a:rPr>
              <a:t>巡視・点検の実施頻度</a:t>
            </a:r>
            <a:r>
              <a:rPr kumimoji="1" lang="ja-JP" altLang="en-US" sz="1600" dirty="0">
                <a:latin typeface="BIZ UDPゴシック" panose="020B0400000000000000" pitchFamily="50" charset="-128"/>
                <a:ea typeface="BIZ UDPゴシック" panose="020B0400000000000000" pitchFamily="50" charset="-128"/>
              </a:rPr>
              <a:t>について検討する</a:t>
            </a:r>
          </a:p>
          <a:p>
            <a:r>
              <a:rPr kumimoji="1" lang="ja-JP" altLang="en-US" sz="1600" dirty="0">
                <a:latin typeface="BIZ UDPゴシック" panose="020B0400000000000000" pitchFamily="50" charset="-128"/>
                <a:ea typeface="BIZ UDPゴシック" panose="020B0400000000000000" pitchFamily="50" charset="-128"/>
              </a:rPr>
              <a:t>　　　➡</a:t>
            </a:r>
            <a:r>
              <a:rPr kumimoji="1" lang="ja-JP" altLang="en-US" sz="1600" u="sng" dirty="0">
                <a:solidFill>
                  <a:srgbClr val="FF0000"/>
                </a:solidFill>
                <a:latin typeface="BIZ UDPゴシック" panose="020B0400000000000000" pitchFamily="50" charset="-128"/>
                <a:ea typeface="BIZ UDPゴシック" panose="020B0400000000000000" pitchFamily="50" charset="-128"/>
              </a:rPr>
              <a:t>「巡視」は継続</a:t>
            </a:r>
            <a:r>
              <a:rPr kumimoji="1" lang="ja-JP" altLang="en-US" sz="1600" dirty="0">
                <a:latin typeface="BIZ UDPゴシック" panose="020B0400000000000000" pitchFamily="50" charset="-128"/>
                <a:ea typeface="BIZ UDPゴシック" panose="020B0400000000000000" pitchFamily="50" charset="-128"/>
              </a:rPr>
              <a:t>するのか？　（道路陥没の未然防止に効果はあるか？）</a:t>
            </a:r>
          </a:p>
          <a:p>
            <a:r>
              <a:rPr kumimoji="1" lang="ja-JP" altLang="en-US" sz="1600" dirty="0">
                <a:latin typeface="BIZ UDPゴシック" panose="020B0400000000000000" pitchFamily="50" charset="-128"/>
                <a:ea typeface="BIZ UDPゴシック" panose="020B0400000000000000" pitchFamily="50" charset="-128"/>
              </a:rPr>
              <a:t>　　　➡大口径管やマンホール間距離の長い場合、</a:t>
            </a:r>
            <a:r>
              <a:rPr kumimoji="1" lang="ja-JP" altLang="en-US" sz="1600" u="sng" dirty="0">
                <a:solidFill>
                  <a:srgbClr val="FF0000"/>
                </a:solidFill>
                <a:latin typeface="BIZ UDPゴシック" panose="020B0400000000000000" pitchFamily="50" charset="-128"/>
                <a:ea typeface="BIZ UDPゴシック" panose="020B0400000000000000" pitchFamily="50" charset="-128"/>
              </a:rPr>
              <a:t>「点検」で確認するのは困難</a:t>
            </a:r>
            <a:r>
              <a:rPr kumimoji="1" lang="ja-JP" altLang="en-US" sz="1600" dirty="0">
                <a:latin typeface="BIZ UDPゴシック" panose="020B0400000000000000" pitchFamily="50" charset="-128"/>
                <a:ea typeface="BIZ UDPゴシック" panose="020B0400000000000000" pitchFamily="50" charset="-128"/>
              </a:rPr>
              <a:t>では？</a:t>
            </a:r>
          </a:p>
          <a:p>
            <a:r>
              <a:rPr kumimoji="1" lang="ja-JP" altLang="en-US" sz="1600" dirty="0">
                <a:latin typeface="BIZ UDPゴシック" panose="020B0400000000000000" pitchFamily="50" charset="-128"/>
                <a:ea typeface="BIZ UDPゴシック" panose="020B0400000000000000" pitchFamily="50" charset="-128"/>
              </a:rPr>
              <a:t>　　　　　　　　</a:t>
            </a:r>
            <a:r>
              <a:rPr kumimoji="1" lang="en-US" altLang="ja-JP" sz="1600" dirty="0">
                <a:latin typeface="BIZ UDPゴシック" panose="020B0400000000000000" pitchFamily="50" charset="-128"/>
                <a:ea typeface="BIZ UDPゴシック" panose="020B0400000000000000" pitchFamily="50" charset="-128"/>
              </a:rPr>
              <a:t>※</a:t>
            </a:r>
            <a:r>
              <a:rPr kumimoji="1" lang="ja-JP" altLang="en-US" sz="1600" dirty="0">
                <a:latin typeface="BIZ UDPゴシック" panose="020B0400000000000000" pitchFamily="50" charset="-128"/>
                <a:ea typeface="BIZ UDPゴシック" panose="020B0400000000000000" pitchFamily="50" charset="-128"/>
              </a:rPr>
              <a:t>施設条件に応じて「スクリーニング調査」として実施？</a:t>
            </a:r>
          </a:p>
        </p:txBody>
      </p:sp>
      <p:sp>
        <p:nvSpPr>
          <p:cNvPr id="10" name="テキスト ボックス 9">
            <a:extLst>
              <a:ext uri="{FF2B5EF4-FFF2-40B4-BE49-F238E27FC236}">
                <a16:creationId xmlns:a16="http://schemas.microsoft.com/office/drawing/2014/main" id="{63A681BC-80C7-6696-D51D-EC71CA6D9234}"/>
              </a:ext>
            </a:extLst>
          </p:cNvPr>
          <p:cNvSpPr txBox="1"/>
          <p:nvPr/>
        </p:nvSpPr>
        <p:spPr>
          <a:xfrm>
            <a:off x="574348" y="6509066"/>
            <a:ext cx="8880947" cy="314253"/>
          </a:xfrm>
          <a:prstGeom prst="rect">
            <a:avLst/>
          </a:prstGeom>
          <a:noFill/>
        </p:spPr>
        <p:txBody>
          <a:bodyPr wrap="square" rtlCol="0">
            <a:spAutoFit/>
          </a:bodyPr>
          <a:lstStyle/>
          <a:p>
            <a:pPr lvl="0">
              <a:lnSpc>
                <a:spcPts val="2000"/>
              </a:lnSpc>
            </a:pPr>
            <a:r>
              <a:rPr lang="en-US" altLang="ja-JP" sz="1600" b="1" dirty="0">
                <a:solidFill>
                  <a:srgbClr val="FF0000"/>
                </a:solidFill>
                <a:latin typeface="BIZ UDPゴシック" panose="020B0400000000000000" pitchFamily="50" charset="-128"/>
                <a:ea typeface="BIZ UDPゴシック" panose="020B0400000000000000" pitchFamily="50" charset="-128"/>
              </a:rPr>
              <a:t>※</a:t>
            </a:r>
            <a:r>
              <a:rPr lang="ja-JP" altLang="en-US" sz="1600" b="1" dirty="0">
                <a:solidFill>
                  <a:srgbClr val="FF0000"/>
                </a:solidFill>
                <a:latin typeface="BIZ UDPゴシック" panose="020B0400000000000000" pitchFamily="50" charset="-128"/>
                <a:ea typeface="BIZ UDPゴシック" panose="020B0400000000000000" pitchFamily="50" charset="-128"/>
              </a:rPr>
              <a:t>八潮市道路陥没を踏まえた国からの提言が通知されれば、速やかに業務内容に反映していく。</a:t>
            </a:r>
            <a:endParaRPr lang="en-US" altLang="ja-JP" sz="1600" b="1" dirty="0">
              <a:solidFill>
                <a:srgbClr val="FF0000"/>
              </a:solidFill>
              <a:latin typeface="BIZ UDPゴシック" panose="020B0400000000000000" pitchFamily="50" charset="-128"/>
              <a:ea typeface="BIZ UDPゴシック" panose="020B0400000000000000" pitchFamily="50" charset="-128"/>
            </a:endParaRPr>
          </a:p>
        </p:txBody>
      </p:sp>
      <p:sp>
        <p:nvSpPr>
          <p:cNvPr id="2" name="角丸四角形 17">
            <a:extLst>
              <a:ext uri="{FF2B5EF4-FFF2-40B4-BE49-F238E27FC236}">
                <a16:creationId xmlns:a16="http://schemas.microsoft.com/office/drawing/2014/main" id="{23D71AD2-80E5-A930-310D-BE8F376A0638}"/>
              </a:ext>
            </a:extLst>
          </p:cNvPr>
          <p:cNvSpPr/>
          <p:nvPr/>
        </p:nvSpPr>
        <p:spPr>
          <a:xfrm>
            <a:off x="17810" y="623331"/>
            <a:ext cx="10091389"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④　業務数量の見直しについて</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管路施設</a:t>
            </a:r>
            <a:r>
              <a:rPr lang="en-US" altLang="ja-JP" sz="2275" u="sng" dirty="0">
                <a:solidFill>
                  <a:schemeClr val="tx1"/>
                </a:solidFill>
                <a:latin typeface="HGPｺﾞｼｯｸE" panose="020B0900000000000000" pitchFamily="50" charset="-128"/>
                <a:ea typeface="HGPｺﾞｼｯｸE" panose="020B0900000000000000" pitchFamily="50" charset="-128"/>
              </a:rPr>
              <a:t>】</a:t>
            </a:r>
          </a:p>
        </p:txBody>
      </p:sp>
    </p:spTree>
    <p:extLst>
      <p:ext uri="{BB962C8B-B14F-4D97-AF65-F5344CB8AC3E}">
        <p14:creationId xmlns:p14="http://schemas.microsoft.com/office/powerpoint/2010/main" val="141516833"/>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CF0B7D60-5515-433C-2201-F6210F72FA1A}"/>
              </a:ext>
            </a:extLst>
          </p:cNvPr>
          <p:cNvSpPr>
            <a:spLocks noGrp="1"/>
          </p:cNvSpPr>
          <p:nvPr>
            <p:ph type="sldNum" sz="quarter" idx="12"/>
          </p:nvPr>
        </p:nvSpPr>
        <p:spPr>
          <a:xfrm>
            <a:off x="7677150" y="6482397"/>
            <a:ext cx="2228850" cy="365125"/>
          </a:xfrm>
        </p:spPr>
        <p:txBody>
          <a:bodyPr/>
          <a:lstStyle/>
          <a:p>
            <a:fld id="{36EC18DB-A5DF-4E0E-B815-FCD04A2C4B2C}" type="slidenum">
              <a:rPr kumimoji="1" lang="ja-JP" altLang="en-US" smtClean="0"/>
              <a:t>53</a:t>
            </a:fld>
            <a:endParaRPr kumimoji="1" lang="ja-JP" altLang="en-US" dirty="0"/>
          </a:p>
        </p:txBody>
      </p:sp>
      <p:sp>
        <p:nvSpPr>
          <p:cNvPr id="3" name="角丸四角形 17">
            <a:extLst>
              <a:ext uri="{FF2B5EF4-FFF2-40B4-BE49-F238E27FC236}">
                <a16:creationId xmlns:a16="http://schemas.microsoft.com/office/drawing/2014/main" id="{277E3577-5A93-FFB8-E185-774E038E4557}"/>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6" name="テキスト ボックス 5">
            <a:extLst>
              <a:ext uri="{FF2B5EF4-FFF2-40B4-BE49-F238E27FC236}">
                <a16:creationId xmlns:a16="http://schemas.microsoft.com/office/drawing/2014/main" id="{E9F616A5-DE24-B36A-6E77-0257DD6F7814}"/>
              </a:ext>
            </a:extLst>
          </p:cNvPr>
          <p:cNvSpPr txBox="1"/>
          <p:nvPr/>
        </p:nvSpPr>
        <p:spPr>
          <a:xfrm>
            <a:off x="0" y="962202"/>
            <a:ext cx="9788447" cy="348813"/>
          </a:xfrm>
          <a:prstGeom prst="rect">
            <a:avLst/>
          </a:prstGeom>
          <a:noFill/>
        </p:spPr>
        <p:txBody>
          <a:bodyPr wrap="square" rtlCol="0">
            <a:spAutoFit/>
          </a:bodyPr>
          <a:lstStyle/>
          <a:p>
            <a:pPr lvl="0">
              <a:lnSpc>
                <a:spcPts val="2000"/>
              </a:lnSpc>
            </a:pP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履行実績による数量設定</a:t>
            </a:r>
            <a:r>
              <a:rPr lang="en-US" altLang="ja-JP"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　</a:t>
            </a:r>
            <a:endParaRPr lang="en-US" altLang="ja-JP" dirty="0">
              <a:latin typeface="BIZ UDPゴシック" panose="020B0400000000000000" pitchFamily="50" charset="-128"/>
              <a:ea typeface="BIZ UDPゴシック" panose="020B0400000000000000" pitchFamily="50" charset="-128"/>
            </a:endParaRPr>
          </a:p>
        </p:txBody>
      </p:sp>
      <p:pic>
        <p:nvPicPr>
          <p:cNvPr id="8" name="図 7">
            <a:extLst>
              <a:ext uri="{FF2B5EF4-FFF2-40B4-BE49-F238E27FC236}">
                <a16:creationId xmlns:a16="http://schemas.microsoft.com/office/drawing/2014/main" id="{333A1495-0321-807E-E904-446958F5A48C}"/>
              </a:ext>
            </a:extLst>
          </p:cNvPr>
          <p:cNvPicPr>
            <a:picLocks noChangeAspect="1"/>
          </p:cNvPicPr>
          <p:nvPr/>
        </p:nvPicPr>
        <p:blipFill>
          <a:blip r:embed="rId3"/>
          <a:stretch>
            <a:fillRect/>
          </a:stretch>
        </p:blipFill>
        <p:spPr>
          <a:xfrm>
            <a:off x="639675" y="3745670"/>
            <a:ext cx="8548007" cy="2411175"/>
          </a:xfrm>
          <a:prstGeom prst="rect">
            <a:avLst/>
          </a:prstGeom>
          <a:ln>
            <a:solidFill>
              <a:schemeClr val="tx1"/>
            </a:solidFill>
          </a:ln>
        </p:spPr>
      </p:pic>
      <p:pic>
        <p:nvPicPr>
          <p:cNvPr id="12" name="図 11">
            <a:extLst>
              <a:ext uri="{FF2B5EF4-FFF2-40B4-BE49-F238E27FC236}">
                <a16:creationId xmlns:a16="http://schemas.microsoft.com/office/drawing/2014/main" id="{C47E0A5A-641E-1D09-C6A6-05B7AFEAC559}"/>
              </a:ext>
            </a:extLst>
          </p:cNvPr>
          <p:cNvPicPr>
            <a:picLocks noChangeAspect="1"/>
          </p:cNvPicPr>
          <p:nvPr/>
        </p:nvPicPr>
        <p:blipFill>
          <a:blip r:embed="rId4"/>
          <a:stretch>
            <a:fillRect/>
          </a:stretch>
        </p:blipFill>
        <p:spPr>
          <a:xfrm>
            <a:off x="570088" y="2175535"/>
            <a:ext cx="8765821" cy="1136613"/>
          </a:xfrm>
          <a:prstGeom prst="rect">
            <a:avLst/>
          </a:prstGeom>
        </p:spPr>
      </p:pic>
      <p:sp>
        <p:nvSpPr>
          <p:cNvPr id="2" name="テキスト ボックス 1">
            <a:extLst>
              <a:ext uri="{FF2B5EF4-FFF2-40B4-BE49-F238E27FC236}">
                <a16:creationId xmlns:a16="http://schemas.microsoft.com/office/drawing/2014/main" id="{FD684D96-7EE7-939C-C70D-60996179FF88}"/>
              </a:ext>
            </a:extLst>
          </p:cNvPr>
          <p:cNvSpPr txBox="1"/>
          <p:nvPr/>
        </p:nvSpPr>
        <p:spPr>
          <a:xfrm>
            <a:off x="58776" y="1262375"/>
            <a:ext cx="9788447" cy="605294"/>
          </a:xfrm>
          <a:prstGeom prst="rect">
            <a:avLst/>
          </a:prstGeom>
          <a:noFill/>
        </p:spPr>
        <p:txBody>
          <a:bodyPr wrap="square" rtlCol="0">
            <a:spAutoFit/>
          </a:bodyPr>
          <a:lstStyle/>
          <a:p>
            <a:pPr marL="285750" indent="-285750">
              <a:lnSpc>
                <a:spcPts val="2000"/>
              </a:lnSpc>
              <a:buFont typeface="Wingdings" panose="05000000000000000000" pitchFamily="2" charset="2"/>
              <a:buChar char="ü"/>
            </a:pPr>
            <a:r>
              <a:rPr lang="ja-JP" altLang="en-US" dirty="0">
                <a:latin typeface="BIZ UDPゴシック" panose="020B0400000000000000" pitchFamily="50" charset="-128"/>
                <a:ea typeface="BIZ UDPゴシック" panose="020B0400000000000000" pitchFamily="50" charset="-128"/>
              </a:rPr>
              <a:t>現在、</a:t>
            </a:r>
            <a:r>
              <a:rPr lang="en-US" altLang="ja-JP" dirty="0">
                <a:latin typeface="BIZ UDPゴシック" panose="020B0400000000000000" pitchFamily="50" charset="-128"/>
                <a:ea typeface="BIZ UDPゴシック" panose="020B0400000000000000" pitchFamily="50" charset="-128"/>
              </a:rPr>
              <a:t>CWO</a:t>
            </a:r>
            <a:r>
              <a:rPr lang="ja-JP" altLang="en-US" dirty="0">
                <a:latin typeface="BIZ UDPゴシック" panose="020B0400000000000000" pitchFamily="50" charset="-128"/>
                <a:ea typeface="BIZ UDPゴシック" panose="020B0400000000000000" pitchFamily="50" charset="-128"/>
              </a:rPr>
              <a:t>において履行実績を整理中（以下のとおり業務数量の考え方について提案あり）</a:t>
            </a:r>
            <a:endParaRPr lang="en-US" altLang="ja-JP" dirty="0">
              <a:latin typeface="BIZ UDPゴシック" panose="020B0400000000000000" pitchFamily="50" charset="-128"/>
              <a:ea typeface="BIZ UDPゴシック" panose="020B0400000000000000" pitchFamily="50" charset="-128"/>
            </a:endParaRPr>
          </a:p>
          <a:p>
            <a:pPr marL="285750" lvl="0" indent="-285750">
              <a:lnSpc>
                <a:spcPts val="2000"/>
              </a:lnSpc>
              <a:buFont typeface="Wingdings" panose="05000000000000000000" pitchFamily="2" charset="2"/>
              <a:buChar char="ü"/>
            </a:pPr>
            <a:r>
              <a:rPr lang="ja-JP" altLang="en-US" dirty="0">
                <a:latin typeface="BIZ UDPゴシック" panose="020B0400000000000000" pitchFamily="50" charset="-128"/>
                <a:ea typeface="BIZ UDPゴシック" panose="020B0400000000000000" pitchFamily="50" charset="-128"/>
              </a:rPr>
              <a:t>市で提案内容を精査し、</a:t>
            </a:r>
            <a:r>
              <a:rPr lang="ja-JP" altLang="en-US" u="sng" dirty="0">
                <a:latin typeface="BIZ UDPゴシック" panose="020B0400000000000000" pitchFamily="50" charset="-128"/>
                <a:ea typeface="BIZ UDPゴシック" panose="020B0400000000000000" pitchFamily="50" charset="-128"/>
              </a:rPr>
              <a:t>最終的な実施数量をとりまとめる（</a:t>
            </a:r>
            <a:r>
              <a:rPr lang="en-US" altLang="ja-JP" u="sng" dirty="0">
                <a:latin typeface="BIZ UDPゴシック" panose="020B0400000000000000" pitchFamily="50" charset="-128"/>
                <a:ea typeface="BIZ UDPゴシック" panose="020B0400000000000000" pitchFamily="50" charset="-128"/>
              </a:rPr>
              <a:t>R8.</a:t>
            </a:r>
            <a:r>
              <a:rPr lang="ja-JP" altLang="en-US" u="sng" dirty="0">
                <a:latin typeface="BIZ UDPゴシック" panose="020B0400000000000000" pitchFamily="50" charset="-128"/>
                <a:ea typeface="BIZ UDPゴシック" panose="020B0400000000000000" pitchFamily="50" charset="-128"/>
              </a:rPr>
              <a:t>２月予定）</a:t>
            </a:r>
            <a:endParaRPr lang="en-US" altLang="ja-JP" u="sng" dirty="0">
              <a:latin typeface="BIZ UDPゴシック" panose="020B0400000000000000" pitchFamily="50" charset="-128"/>
              <a:ea typeface="BIZ UDPゴシック" panose="020B0400000000000000" pitchFamily="50" charset="-128"/>
            </a:endParaRPr>
          </a:p>
        </p:txBody>
      </p:sp>
      <p:sp>
        <p:nvSpPr>
          <p:cNvPr id="7" name="テキスト ボックス 6">
            <a:extLst>
              <a:ext uri="{FF2B5EF4-FFF2-40B4-BE49-F238E27FC236}">
                <a16:creationId xmlns:a16="http://schemas.microsoft.com/office/drawing/2014/main" id="{02816653-9B06-210C-BDC1-B62789EF9BED}"/>
              </a:ext>
            </a:extLst>
          </p:cNvPr>
          <p:cNvSpPr txBox="1"/>
          <p:nvPr/>
        </p:nvSpPr>
        <p:spPr>
          <a:xfrm>
            <a:off x="233463" y="1911590"/>
            <a:ext cx="9672537" cy="314253"/>
          </a:xfrm>
          <a:prstGeom prst="rect">
            <a:avLst/>
          </a:prstGeom>
          <a:noFill/>
        </p:spPr>
        <p:txBody>
          <a:bodyPr wrap="square" rtlCol="0">
            <a:spAutoFit/>
          </a:bodyPr>
          <a:lstStyle/>
          <a:p>
            <a:pPr lvl="0">
              <a:lnSpc>
                <a:spcPts val="2000"/>
              </a:lnSpc>
            </a:pP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CWO</a:t>
            </a:r>
            <a:r>
              <a:rPr lang="ja-JP" altLang="en-US" sz="1600" dirty="0">
                <a:latin typeface="BIZ UDPゴシック" panose="020B0400000000000000" pitchFamily="50" charset="-128"/>
                <a:ea typeface="BIZ UDPゴシック" panose="020B0400000000000000" pitchFamily="50" charset="-128"/>
              </a:rPr>
              <a:t>の提案）</a:t>
            </a:r>
            <a:endParaRPr lang="en-US" altLang="ja-JP" sz="1600" dirty="0">
              <a:latin typeface="BIZ UDPゴシック" panose="020B0400000000000000" pitchFamily="50" charset="-128"/>
              <a:ea typeface="BIZ UDPゴシック" panose="020B0400000000000000" pitchFamily="50" charset="-128"/>
            </a:endParaRPr>
          </a:p>
        </p:txBody>
      </p:sp>
      <p:sp>
        <p:nvSpPr>
          <p:cNvPr id="9" name="テキスト ボックス 8">
            <a:extLst>
              <a:ext uri="{FF2B5EF4-FFF2-40B4-BE49-F238E27FC236}">
                <a16:creationId xmlns:a16="http://schemas.microsoft.com/office/drawing/2014/main" id="{B88EF6A5-CDA8-3C46-09F5-CDD23E859D26}"/>
              </a:ext>
            </a:extLst>
          </p:cNvPr>
          <p:cNvSpPr txBox="1"/>
          <p:nvPr/>
        </p:nvSpPr>
        <p:spPr>
          <a:xfrm>
            <a:off x="932447" y="3317404"/>
            <a:ext cx="8548007" cy="314253"/>
          </a:xfrm>
          <a:prstGeom prst="rect">
            <a:avLst/>
          </a:prstGeom>
          <a:solidFill>
            <a:srgbClr val="00FFFF"/>
          </a:solidFill>
        </p:spPr>
        <p:txBody>
          <a:bodyPr wrap="square" rtlCol="0">
            <a:spAutoFit/>
          </a:bodyPr>
          <a:lstStyle/>
          <a:p>
            <a:pPr>
              <a:lnSpc>
                <a:spcPts val="2000"/>
              </a:lnSpc>
            </a:pPr>
            <a:r>
              <a:rPr lang="ja-JP" altLang="en-US" sz="1600" dirty="0">
                <a:latin typeface="BIZ UDPゴシック" panose="020B0400000000000000" pitchFamily="50" charset="-128"/>
                <a:ea typeface="BIZ UDPゴシック" panose="020B0400000000000000" pitchFamily="50" charset="-128"/>
              </a:rPr>
              <a:t>➡　</a:t>
            </a:r>
            <a:r>
              <a:rPr lang="en-US" altLang="ja-JP" sz="1600" dirty="0">
                <a:solidFill>
                  <a:srgbClr val="FF0101"/>
                </a:solidFill>
                <a:latin typeface="BIZ UDPゴシック" panose="020B0400000000000000" pitchFamily="50" charset="-128"/>
                <a:ea typeface="BIZ UDPゴシック" panose="020B0400000000000000" pitchFamily="50" charset="-128"/>
              </a:rPr>
              <a:t>CWO</a:t>
            </a:r>
            <a:r>
              <a:rPr lang="ja-JP" altLang="en-US" sz="1600" dirty="0">
                <a:solidFill>
                  <a:srgbClr val="FF0101"/>
                </a:solidFill>
                <a:latin typeface="BIZ UDPゴシック" panose="020B0400000000000000" pitchFamily="50" charset="-128"/>
                <a:ea typeface="BIZ UDPゴシック" panose="020B0400000000000000" pitchFamily="50" charset="-128"/>
              </a:rPr>
              <a:t>の創意工夫の余地を確保</a:t>
            </a:r>
            <a:r>
              <a:rPr lang="ja-JP" altLang="en-US" sz="1600" dirty="0">
                <a:latin typeface="BIZ UDPゴシック" panose="020B0400000000000000" pitchFamily="50" charset="-128"/>
                <a:ea typeface="BIZ UDPゴシック" panose="020B0400000000000000" pitchFamily="50" charset="-128"/>
              </a:rPr>
              <a:t>することについては、市としても異論なし。</a:t>
            </a:r>
            <a:endParaRPr lang="en-US" altLang="ja-JP" sz="1600" u="sng" dirty="0">
              <a:latin typeface="BIZ UDPゴシック" panose="020B0400000000000000" pitchFamily="50" charset="-128"/>
              <a:ea typeface="BIZ UDPゴシック" panose="020B0400000000000000" pitchFamily="50" charset="-128"/>
            </a:endParaRPr>
          </a:p>
        </p:txBody>
      </p:sp>
      <p:sp>
        <p:nvSpPr>
          <p:cNvPr id="10" name="テキスト ボックス 9">
            <a:extLst>
              <a:ext uri="{FF2B5EF4-FFF2-40B4-BE49-F238E27FC236}">
                <a16:creationId xmlns:a16="http://schemas.microsoft.com/office/drawing/2014/main" id="{7AB672EC-2FB2-2E68-5E16-2E17664CA9B9}"/>
              </a:ext>
            </a:extLst>
          </p:cNvPr>
          <p:cNvSpPr txBox="1"/>
          <p:nvPr/>
        </p:nvSpPr>
        <p:spPr>
          <a:xfrm>
            <a:off x="932447" y="6206501"/>
            <a:ext cx="8548007" cy="570734"/>
          </a:xfrm>
          <a:prstGeom prst="rect">
            <a:avLst/>
          </a:prstGeom>
          <a:solidFill>
            <a:srgbClr val="00FFFF"/>
          </a:solidFill>
        </p:spPr>
        <p:txBody>
          <a:bodyPr wrap="square" rtlCol="0">
            <a:spAutoFit/>
          </a:bodyPr>
          <a:lstStyle/>
          <a:p>
            <a:pPr>
              <a:lnSpc>
                <a:spcPts val="2000"/>
              </a:lnSpc>
            </a:pPr>
            <a:r>
              <a:rPr lang="ja-JP" altLang="en-US" sz="1600" dirty="0">
                <a:latin typeface="BIZ UDPゴシック" panose="020B0400000000000000" pitchFamily="50" charset="-128"/>
                <a:ea typeface="BIZ UDPゴシック" panose="020B0400000000000000" pitchFamily="50" charset="-128"/>
              </a:rPr>
              <a:t>➡　</a:t>
            </a:r>
            <a:r>
              <a:rPr lang="ja-JP" altLang="en-US" sz="1600" dirty="0">
                <a:solidFill>
                  <a:srgbClr val="FF0101"/>
                </a:solidFill>
                <a:latin typeface="BIZ UDPゴシック" panose="020B0400000000000000" pitchFamily="50" charset="-128"/>
                <a:ea typeface="BIZ UDPゴシック" panose="020B0400000000000000" pitchFamily="50" charset="-128"/>
              </a:rPr>
              <a:t>「</a:t>
            </a:r>
            <a:r>
              <a:rPr lang="en-US" altLang="ja-JP" sz="1600" dirty="0">
                <a:solidFill>
                  <a:srgbClr val="FF0101"/>
                </a:solidFill>
                <a:latin typeface="BIZ UDPゴシック" panose="020B0400000000000000" pitchFamily="50" charset="-128"/>
                <a:ea typeface="BIZ UDPゴシック" panose="020B0400000000000000" pitchFamily="50" charset="-128"/>
              </a:rPr>
              <a:t>1</a:t>
            </a:r>
            <a:r>
              <a:rPr lang="ja-JP" altLang="en-US" sz="1600" dirty="0">
                <a:solidFill>
                  <a:srgbClr val="FF0101"/>
                </a:solidFill>
                <a:latin typeface="BIZ UDPゴシック" panose="020B0400000000000000" pitchFamily="50" charset="-128"/>
                <a:ea typeface="BIZ UDPゴシック" panose="020B0400000000000000" pitchFamily="50" charset="-128"/>
              </a:rPr>
              <a:t>割増」に対する根拠</a:t>
            </a:r>
            <a:r>
              <a:rPr lang="ja-JP" altLang="en-US" sz="1600" dirty="0">
                <a:latin typeface="BIZ UDPゴシック" panose="020B0400000000000000" pitchFamily="50" charset="-128"/>
                <a:ea typeface="BIZ UDPゴシック" panose="020B0400000000000000" pitchFamily="50" charset="-128"/>
              </a:rPr>
              <a:t>を整理する必要がある。　（改めて</a:t>
            </a:r>
            <a:r>
              <a:rPr lang="en-US" altLang="ja-JP" sz="1600" dirty="0">
                <a:latin typeface="BIZ UDPゴシック" panose="020B0400000000000000" pitchFamily="50" charset="-128"/>
                <a:ea typeface="BIZ UDPゴシック" panose="020B0400000000000000" pitchFamily="50" charset="-128"/>
              </a:rPr>
              <a:t>CWO</a:t>
            </a:r>
            <a:r>
              <a:rPr lang="ja-JP" altLang="en-US" sz="1600" dirty="0">
                <a:latin typeface="BIZ UDPゴシック" panose="020B0400000000000000" pitchFamily="50" charset="-128"/>
                <a:ea typeface="BIZ UDPゴシック" panose="020B0400000000000000" pitchFamily="50" charset="-128"/>
              </a:rPr>
              <a:t>からの提案を求める）</a:t>
            </a:r>
            <a:endParaRPr lang="en-US" altLang="ja-JP" sz="1600" dirty="0">
              <a:latin typeface="BIZ UDPゴシック" panose="020B0400000000000000" pitchFamily="50" charset="-128"/>
              <a:ea typeface="BIZ UDPゴシック" panose="020B0400000000000000" pitchFamily="50" charset="-128"/>
            </a:endParaRPr>
          </a:p>
          <a:p>
            <a:pPr>
              <a:lnSpc>
                <a:spcPts val="2000"/>
              </a:lnSpc>
            </a:pPr>
            <a:r>
              <a:rPr lang="ja-JP" altLang="en-US" sz="1600" dirty="0">
                <a:latin typeface="BIZ UDPゴシック" panose="020B0400000000000000" pitchFamily="50" charset="-128"/>
                <a:ea typeface="BIZ UDPゴシック" panose="020B0400000000000000" pitchFamily="50" charset="-128"/>
              </a:rPr>
              <a:t>➡　性能発注の趣旨から逸脱するので、</a:t>
            </a:r>
            <a:r>
              <a:rPr lang="ja-JP" altLang="en-US" sz="1600" dirty="0">
                <a:solidFill>
                  <a:srgbClr val="FF0101"/>
                </a:solidFill>
                <a:latin typeface="BIZ UDPゴシック" panose="020B0400000000000000" pitchFamily="50" charset="-128"/>
                <a:ea typeface="BIZ UDPゴシック" panose="020B0400000000000000" pitchFamily="50" charset="-128"/>
              </a:rPr>
              <a:t>「実績に応じて精算」するのは不可</a:t>
            </a:r>
            <a:r>
              <a:rPr lang="ja-JP" altLang="en-US" sz="1600" dirty="0">
                <a:latin typeface="BIZ UDPゴシック" panose="020B0400000000000000" pitchFamily="50" charset="-128"/>
                <a:ea typeface="BIZ UDPゴシック" panose="020B0400000000000000" pitchFamily="50" charset="-128"/>
              </a:rPr>
              <a:t>。（別紙１２）</a:t>
            </a:r>
            <a:endParaRPr lang="en-US" altLang="ja-JP" sz="1600" dirty="0">
              <a:latin typeface="BIZ UDPゴシック" panose="020B0400000000000000" pitchFamily="50" charset="-128"/>
              <a:ea typeface="BIZ UDPゴシック" panose="020B0400000000000000" pitchFamily="50" charset="-128"/>
            </a:endParaRPr>
          </a:p>
        </p:txBody>
      </p:sp>
      <p:sp>
        <p:nvSpPr>
          <p:cNvPr id="11" name="角丸四角形 17">
            <a:extLst>
              <a:ext uri="{FF2B5EF4-FFF2-40B4-BE49-F238E27FC236}">
                <a16:creationId xmlns:a16="http://schemas.microsoft.com/office/drawing/2014/main" id="{EDB39FCC-F882-3A98-B55C-848B4927C0A0}"/>
              </a:ext>
            </a:extLst>
          </p:cNvPr>
          <p:cNvSpPr/>
          <p:nvPr/>
        </p:nvSpPr>
        <p:spPr>
          <a:xfrm>
            <a:off x="17810" y="623331"/>
            <a:ext cx="10091389"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④　業務数量の見直しについて</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管路施設</a:t>
            </a:r>
            <a:r>
              <a:rPr lang="en-US" altLang="ja-JP" sz="2275" u="sng" dirty="0">
                <a:solidFill>
                  <a:schemeClr val="tx1"/>
                </a:solidFill>
                <a:latin typeface="HGPｺﾞｼｯｸE" panose="020B0900000000000000" pitchFamily="50" charset="-128"/>
                <a:ea typeface="HGPｺﾞｼｯｸE" panose="020B0900000000000000" pitchFamily="50" charset="-128"/>
              </a:rPr>
              <a:t>】</a:t>
            </a:r>
          </a:p>
        </p:txBody>
      </p:sp>
    </p:spTree>
    <p:extLst>
      <p:ext uri="{BB962C8B-B14F-4D97-AF65-F5344CB8AC3E}">
        <p14:creationId xmlns:p14="http://schemas.microsoft.com/office/powerpoint/2010/main" val="3457664714"/>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01E5BB85-F7AE-693E-7AF5-24306F626297}"/>
              </a:ext>
            </a:extLst>
          </p:cNvPr>
          <p:cNvSpPr>
            <a:spLocks noGrp="1"/>
          </p:cNvSpPr>
          <p:nvPr>
            <p:ph type="ctrTitle"/>
          </p:nvPr>
        </p:nvSpPr>
        <p:spPr>
          <a:xfrm>
            <a:off x="815340" y="1660736"/>
            <a:ext cx="8275320" cy="2275823"/>
          </a:xfrm>
        </p:spPr>
        <p:txBody>
          <a:bodyPr anchor="ctr">
            <a:normAutofit/>
          </a:bodyPr>
          <a:lstStyle/>
          <a:p>
            <a:pPr>
              <a:lnSpc>
                <a:spcPct val="100000"/>
              </a:lnSpc>
            </a:pPr>
            <a:r>
              <a:rPr lang="ja-JP" altLang="en-US" sz="3200" b="1" dirty="0">
                <a:latin typeface="+mn-ea"/>
                <a:ea typeface="+mn-ea"/>
              </a:rPr>
              <a:t>⑤　修繕費不足への対応について</a:t>
            </a:r>
            <a:br>
              <a:rPr lang="en-US" altLang="ja-JP" sz="3200" b="1" dirty="0">
                <a:latin typeface="+mn-ea"/>
                <a:ea typeface="+mn-ea"/>
              </a:rPr>
            </a:br>
            <a:r>
              <a:rPr lang="en-US" altLang="ja-JP" sz="3200" b="1" dirty="0">
                <a:latin typeface="+mn-ea"/>
                <a:ea typeface="+mn-ea"/>
              </a:rPr>
              <a:t>【</a:t>
            </a:r>
            <a:r>
              <a:rPr lang="ja-JP" altLang="en-US" sz="3200" b="1" dirty="0">
                <a:latin typeface="+mn-ea"/>
                <a:ea typeface="+mn-ea"/>
              </a:rPr>
              <a:t>処理場・抽水所施設</a:t>
            </a:r>
            <a:r>
              <a:rPr lang="en-US" altLang="ja-JP" sz="3200" b="1" dirty="0">
                <a:latin typeface="+mn-ea"/>
                <a:ea typeface="+mn-ea"/>
              </a:rPr>
              <a:t>】</a:t>
            </a:r>
            <a:endParaRPr lang="ja-JP" altLang="en-US" sz="2800" b="1" dirty="0">
              <a:latin typeface="+mn-ea"/>
              <a:ea typeface="+mn-ea"/>
            </a:endParaRPr>
          </a:p>
        </p:txBody>
      </p:sp>
      <p:sp>
        <p:nvSpPr>
          <p:cNvPr id="4" name="スライド番号プレースホルダー 3">
            <a:extLst>
              <a:ext uri="{FF2B5EF4-FFF2-40B4-BE49-F238E27FC236}">
                <a16:creationId xmlns:a16="http://schemas.microsoft.com/office/drawing/2014/main" id="{B7D9E987-737F-1AC1-765B-7F5893106147}"/>
              </a:ext>
            </a:extLst>
          </p:cNvPr>
          <p:cNvSpPr>
            <a:spLocks noGrp="1"/>
          </p:cNvSpPr>
          <p:nvPr>
            <p:ph type="sldNum" sz="quarter" idx="12"/>
          </p:nvPr>
        </p:nvSpPr>
        <p:spPr/>
        <p:txBody>
          <a:bodyPr/>
          <a:lstStyle/>
          <a:p>
            <a:pPr defTabSz="422041"/>
            <a:fld id="{36EC18DB-A5DF-4E0E-B815-FCD04A2C4B2C}" type="slidenum">
              <a:rPr lang="ja-JP" altLang="en-US">
                <a:solidFill>
                  <a:prstClr val="black"/>
                </a:solidFill>
                <a:latin typeface="Segoe UI"/>
                <a:ea typeface="Meiryo UI"/>
              </a:rPr>
              <a:pPr defTabSz="422041"/>
              <a:t>54</a:t>
            </a:fld>
            <a:endParaRPr lang="ja-JP" altLang="en-US">
              <a:solidFill>
                <a:prstClr val="black"/>
              </a:solidFill>
              <a:latin typeface="Segoe UI"/>
              <a:ea typeface="Meiryo UI"/>
            </a:endParaRPr>
          </a:p>
        </p:txBody>
      </p:sp>
    </p:spTree>
    <p:extLst>
      <p:ext uri="{BB962C8B-B14F-4D97-AF65-F5344CB8AC3E}">
        <p14:creationId xmlns:p14="http://schemas.microsoft.com/office/powerpoint/2010/main" val="701536602"/>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7BA0755-D6BE-72CC-C68A-EBF1682DC5DC}"/>
            </a:ext>
          </a:extLst>
        </p:cNvPr>
        <p:cNvGrpSpPr/>
        <p:nvPr/>
      </p:nvGrpSpPr>
      <p:grpSpPr>
        <a:xfrm>
          <a:off x="0" y="0"/>
          <a:ext cx="0" cy="0"/>
          <a:chOff x="0" y="0"/>
          <a:chExt cx="0" cy="0"/>
        </a:xfrm>
      </p:grpSpPr>
      <p:grpSp>
        <p:nvGrpSpPr>
          <p:cNvPr id="20" name="グループ化 19">
            <a:extLst>
              <a:ext uri="{FF2B5EF4-FFF2-40B4-BE49-F238E27FC236}">
                <a16:creationId xmlns:a16="http://schemas.microsoft.com/office/drawing/2014/main" id="{70C24FA6-8DE7-1677-BE3B-9295FDA7438F}"/>
              </a:ext>
            </a:extLst>
          </p:cNvPr>
          <p:cNvGrpSpPr/>
          <p:nvPr/>
        </p:nvGrpSpPr>
        <p:grpSpPr>
          <a:xfrm>
            <a:off x="227489" y="2412645"/>
            <a:ext cx="6659382" cy="3775727"/>
            <a:chOff x="217240" y="2969718"/>
            <a:chExt cx="6391928" cy="3624087"/>
          </a:xfrm>
        </p:grpSpPr>
        <p:graphicFrame>
          <p:nvGraphicFramePr>
            <p:cNvPr id="18" name="オブジェクト 17">
              <a:extLst>
                <a:ext uri="{FF2B5EF4-FFF2-40B4-BE49-F238E27FC236}">
                  <a16:creationId xmlns:a16="http://schemas.microsoft.com/office/drawing/2014/main" id="{4D57B966-2152-E334-6F8A-DFEB8A11C28B}"/>
                </a:ext>
              </a:extLst>
            </p:cNvPr>
            <p:cNvGraphicFramePr>
              <a:graphicFrameLocks noChangeAspect="1"/>
            </p:cNvGraphicFramePr>
            <p:nvPr>
              <p:extLst>
                <p:ext uri="{D42A27DB-BD31-4B8C-83A1-F6EECF244321}">
                  <p14:modId xmlns:p14="http://schemas.microsoft.com/office/powerpoint/2010/main" val="2966217316"/>
                </p:ext>
              </p:extLst>
            </p:nvPr>
          </p:nvGraphicFramePr>
          <p:xfrm>
            <a:off x="217240" y="2969718"/>
            <a:ext cx="6391928" cy="3624087"/>
          </p:xfrm>
          <a:graphic>
            <a:graphicData uri="http://schemas.openxmlformats.org/presentationml/2006/ole">
              <mc:AlternateContent xmlns:mc="http://schemas.openxmlformats.org/markup-compatibility/2006">
                <mc:Choice xmlns:v="urn:schemas-microsoft-com:vml" Requires="v">
                  <p:oleObj name="Worksheet" r:id="rId3" imgW="8816517" imgH="4998736" progId="Excel.Sheet.12">
                    <p:embed/>
                  </p:oleObj>
                </mc:Choice>
                <mc:Fallback>
                  <p:oleObj name="Worksheet" r:id="rId3" imgW="8816517" imgH="4998736" progId="Excel.Sheet.12">
                    <p:embed/>
                    <p:pic>
                      <p:nvPicPr>
                        <p:cNvPr id="0" name=""/>
                        <p:cNvPicPr/>
                        <p:nvPr/>
                      </p:nvPicPr>
                      <p:blipFill>
                        <a:blip r:embed="rId4"/>
                        <a:stretch>
                          <a:fillRect/>
                        </a:stretch>
                      </p:blipFill>
                      <p:spPr>
                        <a:xfrm>
                          <a:off x="217240" y="2969718"/>
                          <a:ext cx="6391928" cy="3624087"/>
                        </a:xfrm>
                        <a:prstGeom prst="rect">
                          <a:avLst/>
                        </a:prstGeom>
                      </p:spPr>
                    </p:pic>
                  </p:oleObj>
                </mc:Fallback>
              </mc:AlternateContent>
            </a:graphicData>
          </a:graphic>
        </p:graphicFrame>
        <p:sp>
          <p:nvSpPr>
            <p:cNvPr id="40" name="字幕 2">
              <a:extLst>
                <a:ext uri="{FF2B5EF4-FFF2-40B4-BE49-F238E27FC236}">
                  <a16:creationId xmlns:a16="http://schemas.microsoft.com/office/drawing/2014/main" id="{F9D785E4-7853-3D0C-818D-7EAA1869AAA6}"/>
                </a:ext>
              </a:extLst>
            </p:cNvPr>
            <p:cNvSpPr txBox="1">
              <a:spLocks/>
            </p:cNvSpPr>
            <p:nvPr/>
          </p:nvSpPr>
          <p:spPr>
            <a:xfrm>
              <a:off x="5127518" y="3144646"/>
              <a:ext cx="910345" cy="417760"/>
            </a:xfrm>
            <a:prstGeom prst="rect">
              <a:avLst/>
            </a:prstGeom>
          </p:spPr>
          <p:txBody>
            <a:bodyPr vert="horz" lIns="91440" tIns="45720" rIns="91440" bIns="45720" rtlCol="0">
              <a:normAutofit/>
            </a:bodyPr>
            <a:lstStyle>
              <a:lvl1pPr marL="0" indent="0" algn="ctr" defTabSz="844083" rtl="0" eaLnBrk="1" latinLnBrk="0" hangingPunct="1">
                <a:lnSpc>
                  <a:spcPct val="90000"/>
                </a:lnSpc>
                <a:spcBef>
                  <a:spcPts val="923"/>
                </a:spcBef>
                <a:buFont typeface="Arial" panose="020B0604020202020204" pitchFamily="34" charset="0"/>
                <a:buNone/>
                <a:defRPr kumimoji="1" sz="2215" kern="1200">
                  <a:solidFill>
                    <a:schemeClr val="tx1"/>
                  </a:solidFill>
                  <a:latin typeface="+mn-lt"/>
                  <a:ea typeface="+mn-ea"/>
                  <a:cs typeface="+mn-cs"/>
                </a:defRPr>
              </a:lvl1pPr>
              <a:lvl2pPr marL="422041" indent="0" algn="ctr" defTabSz="844083" rtl="0" eaLnBrk="1" latinLnBrk="0" hangingPunct="1">
                <a:lnSpc>
                  <a:spcPct val="90000"/>
                </a:lnSpc>
                <a:spcBef>
                  <a:spcPts val="462"/>
                </a:spcBef>
                <a:buFont typeface="Arial" panose="020B0604020202020204" pitchFamily="34" charset="0"/>
                <a:buNone/>
                <a:defRPr kumimoji="1" sz="1846" kern="1200">
                  <a:solidFill>
                    <a:schemeClr val="tx1"/>
                  </a:solidFill>
                  <a:latin typeface="+mn-lt"/>
                  <a:ea typeface="+mn-ea"/>
                  <a:cs typeface="+mn-cs"/>
                </a:defRPr>
              </a:lvl2pPr>
              <a:lvl3pPr marL="844083" indent="0" algn="ctr" defTabSz="844083" rtl="0" eaLnBrk="1" latinLnBrk="0" hangingPunct="1">
                <a:lnSpc>
                  <a:spcPct val="90000"/>
                </a:lnSpc>
                <a:spcBef>
                  <a:spcPts val="462"/>
                </a:spcBef>
                <a:buFont typeface="Arial" panose="020B0604020202020204" pitchFamily="34" charset="0"/>
                <a:buNone/>
                <a:defRPr kumimoji="1" sz="1662" kern="1200">
                  <a:solidFill>
                    <a:schemeClr val="tx1"/>
                  </a:solidFill>
                  <a:latin typeface="+mn-lt"/>
                  <a:ea typeface="+mn-ea"/>
                  <a:cs typeface="+mn-cs"/>
                </a:defRPr>
              </a:lvl3pPr>
              <a:lvl4pPr marL="1266124"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4pPr>
              <a:lvl5pPr marL="1688165"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5pPr>
              <a:lvl6pPr marL="2110207"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6pPr>
              <a:lvl7pPr marL="2532248"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7pPr>
              <a:lvl8pPr marL="2954289"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8pPr>
              <a:lvl9pPr marL="3376331"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9pPr>
            </a:lstStyle>
            <a:p>
              <a:pPr algn="l"/>
              <a:endParaRPr lang="en-US" altLang="ja-JP" sz="1400" u="sng" dirty="0">
                <a:solidFill>
                  <a:prstClr val="black"/>
                </a:solidFill>
                <a:latin typeface="BIZ UDPゴシック" panose="020B0400000000000000" pitchFamily="50" charset="-128"/>
                <a:ea typeface="BIZ UDPゴシック" panose="020B0400000000000000" pitchFamily="50" charset="-128"/>
              </a:endParaRPr>
            </a:p>
          </p:txBody>
        </p:sp>
        <p:sp>
          <p:nvSpPr>
            <p:cNvPr id="16" name="四角形: 角を丸くする 15">
              <a:extLst>
                <a:ext uri="{FF2B5EF4-FFF2-40B4-BE49-F238E27FC236}">
                  <a16:creationId xmlns:a16="http://schemas.microsoft.com/office/drawing/2014/main" id="{EAF2F598-ECC1-E4E2-7C60-BD4100CCB412}"/>
                </a:ext>
              </a:extLst>
            </p:cNvPr>
            <p:cNvSpPr/>
            <p:nvPr/>
          </p:nvSpPr>
          <p:spPr>
            <a:xfrm>
              <a:off x="4631992" y="4364933"/>
              <a:ext cx="885713" cy="1642464"/>
            </a:xfrm>
            <a:prstGeom prst="roundRect">
              <a:avLst/>
            </a:prstGeom>
            <a:noFill/>
            <a:ln w="38100">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矢印: 右 16">
              <a:extLst>
                <a:ext uri="{FF2B5EF4-FFF2-40B4-BE49-F238E27FC236}">
                  <a16:creationId xmlns:a16="http://schemas.microsoft.com/office/drawing/2014/main" id="{BDBEAE10-6D03-A826-CC72-4E6C7091E3A9}"/>
                </a:ext>
              </a:extLst>
            </p:cNvPr>
            <p:cNvSpPr/>
            <p:nvPr/>
          </p:nvSpPr>
          <p:spPr>
            <a:xfrm>
              <a:off x="4065424" y="5481535"/>
              <a:ext cx="566568" cy="594438"/>
            </a:xfrm>
            <a:prstGeom prst="right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四角形: 角を丸くする 18">
              <a:extLst>
                <a:ext uri="{FF2B5EF4-FFF2-40B4-BE49-F238E27FC236}">
                  <a16:creationId xmlns:a16="http://schemas.microsoft.com/office/drawing/2014/main" id="{19A4D56A-7B0A-4929-C7B7-70F761177F97}"/>
                </a:ext>
              </a:extLst>
            </p:cNvPr>
            <p:cNvSpPr/>
            <p:nvPr/>
          </p:nvSpPr>
          <p:spPr>
            <a:xfrm>
              <a:off x="3583125" y="4364933"/>
              <a:ext cx="885713" cy="1116602"/>
            </a:xfrm>
            <a:prstGeom prst="roundRect">
              <a:avLst/>
            </a:prstGeom>
            <a:noFill/>
            <a:ln w="38100">
              <a:solidFill>
                <a:srgbClr val="0000FF"/>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5" name="スライド番号プレースホルダー 4">
            <a:extLst>
              <a:ext uri="{FF2B5EF4-FFF2-40B4-BE49-F238E27FC236}">
                <a16:creationId xmlns:a16="http://schemas.microsoft.com/office/drawing/2014/main" id="{863FFAB9-530B-55EC-E31E-F726324478F6}"/>
              </a:ext>
            </a:extLst>
          </p:cNvPr>
          <p:cNvSpPr>
            <a:spLocks noGrp="1"/>
          </p:cNvSpPr>
          <p:nvPr>
            <p:ph type="sldNum" sz="quarter" idx="12"/>
          </p:nvPr>
        </p:nvSpPr>
        <p:spPr/>
        <p:txBody>
          <a:bodyPr/>
          <a:lstStyle/>
          <a:p>
            <a:fld id="{36EC18DB-A5DF-4E0E-B815-FCD04A2C4B2C}" type="slidenum">
              <a:rPr kumimoji="1" lang="ja-JP" altLang="en-US" smtClean="0"/>
              <a:t>55</a:t>
            </a:fld>
            <a:endParaRPr kumimoji="1" lang="ja-JP" altLang="en-US" dirty="0"/>
          </a:p>
        </p:txBody>
      </p:sp>
      <p:sp>
        <p:nvSpPr>
          <p:cNvPr id="6" name="角丸四角形 17">
            <a:extLst>
              <a:ext uri="{FF2B5EF4-FFF2-40B4-BE49-F238E27FC236}">
                <a16:creationId xmlns:a16="http://schemas.microsoft.com/office/drawing/2014/main" id="{3B2B75A4-EB91-42A2-C33E-B74DD969938B}"/>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2" name="角丸四角形 17">
            <a:extLst>
              <a:ext uri="{FF2B5EF4-FFF2-40B4-BE49-F238E27FC236}">
                <a16:creationId xmlns:a16="http://schemas.microsoft.com/office/drawing/2014/main" id="{C34121C9-D535-22D7-C400-992ED285BEDF}"/>
              </a:ext>
            </a:extLst>
          </p:cNvPr>
          <p:cNvSpPr/>
          <p:nvPr/>
        </p:nvSpPr>
        <p:spPr>
          <a:xfrm>
            <a:off x="217240" y="669628"/>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⑤　修繕費不足への対応について</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処理場・抽水所施設</a:t>
            </a:r>
            <a:r>
              <a:rPr lang="en-US" altLang="ja-JP" sz="2275" u="sng" dirty="0">
                <a:solidFill>
                  <a:schemeClr val="tx1"/>
                </a:solidFill>
                <a:latin typeface="HGPｺﾞｼｯｸE" panose="020B0900000000000000" pitchFamily="50" charset="-128"/>
                <a:ea typeface="HGPｺﾞｼｯｸE" panose="020B0900000000000000" pitchFamily="50" charset="-128"/>
              </a:rPr>
              <a:t>】</a:t>
            </a:r>
          </a:p>
        </p:txBody>
      </p:sp>
      <p:sp>
        <p:nvSpPr>
          <p:cNvPr id="4" name="テキスト ボックス 3">
            <a:extLst>
              <a:ext uri="{FF2B5EF4-FFF2-40B4-BE49-F238E27FC236}">
                <a16:creationId xmlns:a16="http://schemas.microsoft.com/office/drawing/2014/main" id="{6F4C2538-142D-E87A-840D-6C328CD8F323}"/>
              </a:ext>
            </a:extLst>
          </p:cNvPr>
          <p:cNvSpPr txBox="1"/>
          <p:nvPr/>
        </p:nvSpPr>
        <p:spPr>
          <a:xfrm>
            <a:off x="217240" y="1004051"/>
            <a:ext cx="9163772" cy="1754326"/>
          </a:xfrm>
          <a:prstGeom prst="rect">
            <a:avLst/>
          </a:prstGeom>
          <a:noFill/>
        </p:spPr>
        <p:txBody>
          <a:bodyPr wrap="square">
            <a:spAutoFit/>
          </a:bodyPr>
          <a:lstStyle/>
          <a:p>
            <a:r>
              <a:rPr lang="en-US" altLang="ja-JP" dirty="0">
                <a:latin typeface="+mn-ea"/>
                <a:cs typeface="ＭＳ Ｐゴシック" panose="020B0600070205080204" pitchFamily="50" charset="-128"/>
              </a:rPr>
              <a:t>【</a:t>
            </a:r>
            <a:r>
              <a:rPr lang="ja-JP" altLang="en-US" dirty="0">
                <a:latin typeface="+mn-ea"/>
                <a:cs typeface="ＭＳ Ｐゴシック" panose="020B0600070205080204" pitchFamily="50" charset="-128"/>
              </a:rPr>
              <a:t>修繕費（処理場・抽水所施設）の現状</a:t>
            </a:r>
            <a:r>
              <a:rPr lang="en-US" altLang="ja-JP" dirty="0">
                <a:latin typeface="+mn-ea"/>
                <a:cs typeface="ＭＳ Ｐゴシック" panose="020B0600070205080204" pitchFamily="50" charset="-128"/>
              </a:rPr>
              <a:t>】</a:t>
            </a:r>
          </a:p>
          <a:p>
            <a:r>
              <a:rPr lang="ja-JP" altLang="en-US" dirty="0">
                <a:latin typeface="+mn-ea"/>
                <a:cs typeface="ＭＳ Ｐゴシック" panose="020B0600070205080204" pitchFamily="50" charset="-128"/>
              </a:rPr>
              <a:t>・施設の老朽化が著しく、故障頻度が増加（健全度２が増加）</a:t>
            </a:r>
            <a:endParaRPr lang="en-US" altLang="ja-JP" dirty="0">
              <a:latin typeface="+mn-ea"/>
              <a:cs typeface="ＭＳ Ｐゴシック" panose="020B0600070205080204" pitchFamily="50" charset="-128"/>
            </a:endParaRPr>
          </a:p>
          <a:p>
            <a:r>
              <a:rPr lang="ja-JP" altLang="en-US" dirty="0">
                <a:latin typeface="+mn-ea"/>
                <a:cs typeface="ＭＳ Ｐゴシック" panose="020B0600070205080204" pitchFamily="50" charset="-128"/>
              </a:rPr>
              <a:t>・劣化状況と経過年数に基づき優先順位を設定して、修繕計画（５か年）を策定</a:t>
            </a:r>
            <a:endParaRPr lang="en-US" altLang="ja-JP" dirty="0">
              <a:latin typeface="+mn-ea"/>
              <a:cs typeface="ＭＳ Ｐゴシック" panose="020B0600070205080204" pitchFamily="50" charset="-128"/>
            </a:endParaRPr>
          </a:p>
          <a:p>
            <a:pPr lvl="0" algn="just"/>
            <a:r>
              <a:rPr lang="ja-JP" altLang="en-US" dirty="0">
                <a:effectLst/>
                <a:latin typeface="+mn-ea"/>
                <a:cs typeface="ＭＳ Ｐゴシック" panose="020B0600070205080204" pitchFamily="50" charset="-128"/>
              </a:rPr>
              <a:t>・</a:t>
            </a:r>
            <a:r>
              <a:rPr lang="ja-JP" altLang="en-US" b="1" dirty="0">
                <a:solidFill>
                  <a:srgbClr val="FF0000"/>
                </a:solidFill>
                <a:effectLst/>
                <a:latin typeface="+mn-ea"/>
                <a:cs typeface="ＭＳ Ｐゴシック" panose="020B0600070205080204" pitchFamily="50" charset="-128"/>
              </a:rPr>
              <a:t>修繕費が逼迫</a:t>
            </a:r>
            <a:r>
              <a:rPr lang="ja-JP" altLang="en-US" dirty="0">
                <a:effectLst/>
                <a:latin typeface="+mn-ea"/>
                <a:cs typeface="ＭＳ Ｐゴシック" panose="020B0600070205080204" pitchFamily="50" charset="-128"/>
              </a:rPr>
              <a:t>しており、規定の整備周期に到達しているが、</a:t>
            </a:r>
            <a:r>
              <a:rPr lang="ja-JP" altLang="en-US" b="1" dirty="0">
                <a:effectLst/>
                <a:latin typeface="+mn-ea"/>
                <a:cs typeface="ＭＳ Ｐゴシック" panose="020B0600070205080204" pitchFamily="50" charset="-128"/>
              </a:rPr>
              <a:t>応急処置等で整備を先延ばし</a:t>
            </a:r>
            <a:endParaRPr lang="en-US" altLang="ja-JP" b="1" dirty="0">
              <a:effectLst/>
              <a:latin typeface="+mn-ea"/>
              <a:cs typeface="ＭＳ Ｐゴシック" panose="020B0600070205080204" pitchFamily="50" charset="-128"/>
            </a:endParaRPr>
          </a:p>
          <a:p>
            <a:pPr lvl="0" algn="just"/>
            <a:r>
              <a:rPr lang="ja-JP" altLang="en-US" dirty="0">
                <a:latin typeface="+mn-ea"/>
                <a:cs typeface="ＭＳ Ｐゴシック" panose="020B0600070205080204" pitchFamily="50" charset="-128"/>
              </a:rPr>
              <a:t>　</a:t>
            </a:r>
            <a:r>
              <a:rPr lang="ja-JP" altLang="en-US" dirty="0">
                <a:effectLst/>
                <a:latin typeface="+mn-ea"/>
                <a:cs typeface="ＭＳ Ｐゴシック" panose="020B0600070205080204" pitchFamily="50" charset="-128"/>
              </a:rPr>
              <a:t>（物価上昇については、増額変更により都度対応）</a:t>
            </a:r>
            <a:endParaRPr lang="en-US" altLang="ja-JP" dirty="0">
              <a:effectLst/>
              <a:latin typeface="+mn-ea"/>
              <a:cs typeface="ＭＳ Ｐゴシック" panose="020B0600070205080204" pitchFamily="50" charset="-128"/>
            </a:endParaRPr>
          </a:p>
          <a:p>
            <a:pPr lvl="0" algn="just"/>
            <a:r>
              <a:rPr lang="ja-JP" altLang="en-US" dirty="0">
                <a:latin typeface="+mn-ea"/>
                <a:cs typeface="ＭＳ Ｐゴシック" panose="020B0600070205080204" pitchFamily="50" charset="-128"/>
              </a:rPr>
              <a:t>　　　　　　健全度２：５年以内に改築更新または長寿命化が必要な設備</a:t>
            </a:r>
            <a:endParaRPr lang="en-US" altLang="ja-JP" dirty="0">
              <a:latin typeface="+mn-ea"/>
              <a:cs typeface="ＭＳ Ｐゴシック" panose="020B0600070205080204" pitchFamily="50" charset="-128"/>
            </a:endParaRPr>
          </a:p>
        </p:txBody>
      </p:sp>
      <p:sp>
        <p:nvSpPr>
          <p:cNvPr id="22" name="字幕 2">
            <a:extLst>
              <a:ext uri="{FF2B5EF4-FFF2-40B4-BE49-F238E27FC236}">
                <a16:creationId xmlns:a16="http://schemas.microsoft.com/office/drawing/2014/main" id="{D7DB53E5-82EA-AE63-0C3F-3A59954B1068}"/>
              </a:ext>
            </a:extLst>
          </p:cNvPr>
          <p:cNvSpPr txBox="1">
            <a:spLocks/>
          </p:cNvSpPr>
          <p:nvPr/>
        </p:nvSpPr>
        <p:spPr>
          <a:xfrm>
            <a:off x="1916412" y="5981071"/>
            <a:ext cx="7830114" cy="933021"/>
          </a:xfrm>
          <a:prstGeom prst="rect">
            <a:avLst/>
          </a:prstGeom>
        </p:spPr>
        <p:txBody>
          <a:bodyPr vert="horz" lIns="91440" tIns="45720" rIns="91440" bIns="45720" rtlCol="0">
            <a:normAutofit/>
          </a:bodyPr>
          <a:lstStyle>
            <a:lvl1pPr marL="0" indent="0" algn="ctr" defTabSz="844083" rtl="0" eaLnBrk="1" latinLnBrk="0" hangingPunct="1">
              <a:lnSpc>
                <a:spcPct val="90000"/>
              </a:lnSpc>
              <a:spcBef>
                <a:spcPts val="923"/>
              </a:spcBef>
              <a:buFont typeface="Arial" panose="020B0604020202020204" pitchFamily="34" charset="0"/>
              <a:buNone/>
              <a:defRPr kumimoji="1" sz="2215" kern="1200">
                <a:solidFill>
                  <a:schemeClr val="tx1"/>
                </a:solidFill>
                <a:latin typeface="+mn-lt"/>
                <a:ea typeface="+mn-ea"/>
                <a:cs typeface="+mn-cs"/>
              </a:defRPr>
            </a:lvl1pPr>
            <a:lvl2pPr marL="422041" indent="0" algn="ctr" defTabSz="844083" rtl="0" eaLnBrk="1" latinLnBrk="0" hangingPunct="1">
              <a:lnSpc>
                <a:spcPct val="90000"/>
              </a:lnSpc>
              <a:spcBef>
                <a:spcPts val="462"/>
              </a:spcBef>
              <a:buFont typeface="Arial" panose="020B0604020202020204" pitchFamily="34" charset="0"/>
              <a:buNone/>
              <a:defRPr kumimoji="1" sz="1846" kern="1200">
                <a:solidFill>
                  <a:schemeClr val="tx1"/>
                </a:solidFill>
                <a:latin typeface="+mn-lt"/>
                <a:ea typeface="+mn-ea"/>
                <a:cs typeface="+mn-cs"/>
              </a:defRPr>
            </a:lvl2pPr>
            <a:lvl3pPr marL="844083" indent="0" algn="ctr" defTabSz="844083" rtl="0" eaLnBrk="1" latinLnBrk="0" hangingPunct="1">
              <a:lnSpc>
                <a:spcPct val="90000"/>
              </a:lnSpc>
              <a:spcBef>
                <a:spcPts val="462"/>
              </a:spcBef>
              <a:buFont typeface="Arial" panose="020B0604020202020204" pitchFamily="34" charset="0"/>
              <a:buNone/>
              <a:defRPr kumimoji="1" sz="1662" kern="1200">
                <a:solidFill>
                  <a:schemeClr val="tx1"/>
                </a:solidFill>
                <a:latin typeface="+mn-lt"/>
                <a:ea typeface="+mn-ea"/>
                <a:cs typeface="+mn-cs"/>
              </a:defRPr>
            </a:lvl3pPr>
            <a:lvl4pPr marL="1266124"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4pPr>
            <a:lvl5pPr marL="1688165"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5pPr>
            <a:lvl6pPr marL="2110207"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6pPr>
            <a:lvl7pPr marL="2532248"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7pPr>
            <a:lvl8pPr marL="2954289"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8pPr>
            <a:lvl9pPr marL="3376331"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9pPr>
          </a:lstStyle>
          <a:p>
            <a:pPr lvl="0" algn="just"/>
            <a:r>
              <a:rPr lang="ja-JP" altLang="en-US" sz="1600" dirty="0">
                <a:latin typeface="游ゴシック" panose="020B0400000000000000" pitchFamily="50" charset="-128"/>
                <a:ea typeface="游ゴシック" panose="020B0400000000000000" pitchFamily="50" charset="-128"/>
                <a:cs typeface="ＭＳ Ｐゴシック" panose="020B0600070205080204" pitchFamily="50" charset="-128"/>
              </a:rPr>
              <a:t>令和７年１０月末時点では、全装置数</a:t>
            </a:r>
            <a:r>
              <a:rPr lang="en-US" altLang="ja-JP" sz="1600" dirty="0">
                <a:latin typeface="游ゴシック" panose="020B0400000000000000" pitchFamily="50" charset="-128"/>
                <a:ea typeface="游ゴシック" panose="020B0400000000000000" pitchFamily="50" charset="-128"/>
                <a:cs typeface="ＭＳ Ｐゴシック" panose="020B0600070205080204" pitchFamily="50" charset="-128"/>
              </a:rPr>
              <a:t>4,648</a:t>
            </a:r>
            <a:r>
              <a:rPr lang="ja-JP" altLang="en-US" sz="1600" dirty="0">
                <a:latin typeface="游ゴシック" panose="020B0400000000000000" pitchFamily="50" charset="-128"/>
                <a:ea typeface="游ゴシック" panose="020B0400000000000000" pitchFamily="50" charset="-128"/>
                <a:cs typeface="ＭＳ Ｐゴシック" panose="020B0600070205080204" pitchFamily="50" charset="-128"/>
              </a:rPr>
              <a:t>装置の内、</a:t>
            </a:r>
            <a:endParaRPr lang="en-US" altLang="ja-JP" sz="1600" dirty="0">
              <a:latin typeface="游ゴシック" panose="020B0400000000000000" pitchFamily="50" charset="-128"/>
              <a:ea typeface="游ゴシック" panose="020B0400000000000000" pitchFamily="50" charset="-128"/>
              <a:cs typeface="ＭＳ Ｐゴシック" panose="020B0600070205080204" pitchFamily="50" charset="-128"/>
            </a:endParaRPr>
          </a:p>
          <a:p>
            <a:pPr lvl="0" algn="just"/>
            <a:r>
              <a:rPr lang="ja-JP" altLang="en-US" sz="1600" b="1" u="sng" dirty="0">
                <a:latin typeface="游ゴシック" panose="020B0400000000000000" pitchFamily="50" charset="-128"/>
                <a:ea typeface="游ゴシック" panose="020B0400000000000000" pitchFamily="50" charset="-128"/>
                <a:cs typeface="ＭＳ Ｐゴシック" panose="020B0600070205080204" pitchFamily="50" charset="-128"/>
              </a:rPr>
              <a:t>設置後</a:t>
            </a:r>
            <a:r>
              <a:rPr lang="en-US" altLang="ja-JP" sz="1600" b="1" u="sng" dirty="0">
                <a:latin typeface="游ゴシック" panose="020B0400000000000000" pitchFamily="50" charset="-128"/>
                <a:ea typeface="游ゴシック" panose="020B0400000000000000" pitchFamily="50" charset="-128"/>
                <a:cs typeface="ＭＳ Ｐゴシック" panose="020B0600070205080204" pitchFamily="50" charset="-128"/>
              </a:rPr>
              <a:t>21</a:t>
            </a:r>
            <a:r>
              <a:rPr lang="ja-JP" altLang="en-US" sz="1600" b="1" u="sng" dirty="0">
                <a:latin typeface="游ゴシック" panose="020B0400000000000000" pitchFamily="50" charset="-128"/>
                <a:ea typeface="游ゴシック" panose="020B0400000000000000" pitchFamily="50" charset="-128"/>
                <a:cs typeface="ＭＳ Ｐゴシック" panose="020B0600070205080204" pitchFamily="50" charset="-128"/>
              </a:rPr>
              <a:t>年以上経過</a:t>
            </a:r>
            <a:r>
              <a:rPr lang="ja-JP" altLang="en-US" sz="1600" u="sng" dirty="0">
                <a:latin typeface="游ゴシック" panose="020B0400000000000000" pitchFamily="50" charset="-128"/>
                <a:ea typeface="游ゴシック" panose="020B0400000000000000" pitchFamily="50" charset="-128"/>
                <a:cs typeface="ＭＳ Ｐゴシック" panose="020B0600070205080204" pitchFamily="50" charset="-128"/>
              </a:rPr>
              <a:t>している装置が、</a:t>
            </a:r>
            <a:r>
              <a:rPr lang="en-US" altLang="ja-JP" sz="1600" b="1" u="sng" dirty="0">
                <a:latin typeface="游ゴシック" panose="020B0400000000000000" pitchFamily="50" charset="-128"/>
                <a:ea typeface="游ゴシック" panose="020B0400000000000000" pitchFamily="50" charset="-128"/>
                <a:cs typeface="ＭＳ Ｐゴシック" panose="020B0600070205080204" pitchFamily="50" charset="-128"/>
              </a:rPr>
              <a:t>2,454</a:t>
            </a:r>
            <a:r>
              <a:rPr lang="ja-JP" altLang="en-US" sz="1600" b="1" u="sng" dirty="0">
                <a:latin typeface="游ゴシック" panose="020B0400000000000000" pitchFamily="50" charset="-128"/>
                <a:ea typeface="游ゴシック" panose="020B0400000000000000" pitchFamily="50" charset="-128"/>
                <a:cs typeface="ＭＳ Ｐゴシック" panose="020B0600070205080204" pitchFamily="50" charset="-128"/>
              </a:rPr>
              <a:t>装置（約</a:t>
            </a:r>
            <a:r>
              <a:rPr lang="en-US" altLang="ja-JP" sz="1600" b="1" u="sng" dirty="0">
                <a:latin typeface="游ゴシック" panose="020B0400000000000000" pitchFamily="50" charset="-128"/>
                <a:ea typeface="游ゴシック" panose="020B0400000000000000" pitchFamily="50" charset="-128"/>
                <a:cs typeface="ＭＳ Ｐゴシック" panose="020B0600070205080204" pitchFamily="50" charset="-128"/>
              </a:rPr>
              <a:t>52.7</a:t>
            </a:r>
            <a:r>
              <a:rPr lang="ja-JP" altLang="en-US" sz="1600" b="1" u="sng" dirty="0">
                <a:latin typeface="游ゴシック" panose="020B0400000000000000" pitchFamily="50" charset="-128"/>
                <a:ea typeface="游ゴシック" panose="020B0400000000000000" pitchFamily="50" charset="-128"/>
                <a:cs typeface="ＭＳ Ｐゴシック" panose="020B0600070205080204" pitchFamily="50" charset="-128"/>
              </a:rPr>
              <a:t>％）と年々増加</a:t>
            </a:r>
            <a:r>
              <a:rPr lang="ja-JP" altLang="en-US" sz="1600" dirty="0">
                <a:latin typeface="游ゴシック" panose="020B0400000000000000" pitchFamily="50" charset="-128"/>
                <a:ea typeface="游ゴシック" panose="020B0400000000000000" pitchFamily="50" charset="-128"/>
                <a:cs typeface="ＭＳ Ｐゴシック" panose="020B0600070205080204" pitchFamily="50" charset="-128"/>
              </a:rPr>
              <a:t>している</a:t>
            </a:r>
            <a:endParaRPr lang="ja-JP" altLang="ja-JP" sz="1600" dirty="0">
              <a:latin typeface="游ゴシック" panose="020B0400000000000000" pitchFamily="50" charset="-128"/>
              <a:ea typeface="游ゴシック" panose="020B0400000000000000" pitchFamily="50" charset="-128"/>
              <a:cs typeface="ＭＳ Ｐゴシック" panose="020B0600070205080204" pitchFamily="50" charset="-128"/>
            </a:endParaRPr>
          </a:p>
        </p:txBody>
      </p:sp>
      <p:grpSp>
        <p:nvGrpSpPr>
          <p:cNvPr id="8" name="グループ化 7">
            <a:extLst>
              <a:ext uri="{FF2B5EF4-FFF2-40B4-BE49-F238E27FC236}">
                <a16:creationId xmlns:a16="http://schemas.microsoft.com/office/drawing/2014/main" id="{D878E9C6-82A8-25CE-689E-8BD190B196E2}"/>
              </a:ext>
            </a:extLst>
          </p:cNvPr>
          <p:cNvGrpSpPr/>
          <p:nvPr/>
        </p:nvGrpSpPr>
        <p:grpSpPr>
          <a:xfrm>
            <a:off x="6886871" y="3562144"/>
            <a:ext cx="2952388" cy="2177992"/>
            <a:chOff x="893718" y="330848"/>
            <a:chExt cx="8118563" cy="5989104"/>
          </a:xfrm>
        </p:grpSpPr>
        <p:pic>
          <p:nvPicPr>
            <p:cNvPr id="9" name="図 8">
              <a:extLst>
                <a:ext uri="{FF2B5EF4-FFF2-40B4-BE49-F238E27FC236}">
                  <a16:creationId xmlns:a16="http://schemas.microsoft.com/office/drawing/2014/main" id="{569C383C-5618-56A6-3165-D1AED73F5D71}"/>
                </a:ext>
              </a:extLst>
            </p:cNvPr>
            <p:cNvPicPr>
              <a:picLocks noChangeAspect="1"/>
            </p:cNvPicPr>
            <p:nvPr/>
          </p:nvPicPr>
          <p:blipFill>
            <a:blip r:embed="rId5"/>
            <a:stretch>
              <a:fillRect/>
            </a:stretch>
          </p:blipFill>
          <p:spPr>
            <a:xfrm>
              <a:off x="893718" y="330848"/>
              <a:ext cx="8118563" cy="5989104"/>
            </a:xfrm>
            <a:prstGeom prst="rect">
              <a:avLst/>
            </a:prstGeom>
          </p:spPr>
        </p:pic>
        <p:sp>
          <p:nvSpPr>
            <p:cNvPr id="10" name="フリーフォーム: 図形 9">
              <a:extLst>
                <a:ext uri="{FF2B5EF4-FFF2-40B4-BE49-F238E27FC236}">
                  <a16:creationId xmlns:a16="http://schemas.microsoft.com/office/drawing/2014/main" id="{EA15885A-374B-F28E-8595-2DE3B223CB95}"/>
                </a:ext>
              </a:extLst>
            </p:cNvPr>
            <p:cNvSpPr/>
            <p:nvPr/>
          </p:nvSpPr>
          <p:spPr>
            <a:xfrm>
              <a:off x="2556769" y="3071810"/>
              <a:ext cx="3891657" cy="1651693"/>
            </a:xfrm>
            <a:custGeom>
              <a:avLst/>
              <a:gdLst>
                <a:gd name="connsiteX0" fmla="*/ 3857625 w 3857625"/>
                <a:gd name="connsiteY0" fmla="*/ 0 h 1609725"/>
                <a:gd name="connsiteX1" fmla="*/ 3857625 w 3857625"/>
                <a:gd name="connsiteY1" fmla="*/ 1609725 h 1609725"/>
                <a:gd name="connsiteX2" fmla="*/ 0 w 3857625"/>
                <a:gd name="connsiteY2" fmla="*/ 1609725 h 1609725"/>
                <a:gd name="connsiteX3" fmla="*/ 3857625 w 3857625"/>
                <a:gd name="connsiteY3" fmla="*/ 0 h 1609725"/>
                <a:gd name="connsiteX0" fmla="*/ 3857625 w 3857625"/>
                <a:gd name="connsiteY0" fmla="*/ 0 h 1638300"/>
                <a:gd name="connsiteX1" fmla="*/ 3857625 w 3857625"/>
                <a:gd name="connsiteY1" fmla="*/ 1638300 h 1638300"/>
                <a:gd name="connsiteX2" fmla="*/ 0 w 3857625"/>
                <a:gd name="connsiteY2" fmla="*/ 1638300 h 1638300"/>
                <a:gd name="connsiteX3" fmla="*/ 3857625 w 3857625"/>
                <a:gd name="connsiteY3" fmla="*/ 0 h 1638300"/>
                <a:gd name="connsiteX0" fmla="*/ 3857625 w 3857625"/>
                <a:gd name="connsiteY0" fmla="*/ 0 h 1638300"/>
                <a:gd name="connsiteX1" fmla="*/ 3857625 w 3857625"/>
                <a:gd name="connsiteY1" fmla="*/ 1638300 h 1638300"/>
                <a:gd name="connsiteX2" fmla="*/ 0 w 3857625"/>
                <a:gd name="connsiteY2" fmla="*/ 1638300 h 1638300"/>
                <a:gd name="connsiteX3" fmla="*/ 2867025 w 3857625"/>
                <a:gd name="connsiteY3" fmla="*/ 614362 h 1638300"/>
                <a:gd name="connsiteX4" fmla="*/ 3857625 w 3857625"/>
                <a:gd name="connsiteY4" fmla="*/ 0 h 1638300"/>
                <a:gd name="connsiteX0" fmla="*/ 3925430 w 3925430"/>
                <a:gd name="connsiteY0" fmla="*/ 0 h 1638300"/>
                <a:gd name="connsiteX1" fmla="*/ 3925430 w 3925430"/>
                <a:gd name="connsiteY1" fmla="*/ 1638300 h 1638300"/>
                <a:gd name="connsiteX2" fmla="*/ 67805 w 3925430"/>
                <a:gd name="connsiteY2" fmla="*/ 1638300 h 1638300"/>
                <a:gd name="connsiteX3" fmla="*/ 1620380 w 3925430"/>
                <a:gd name="connsiteY3" fmla="*/ 1266825 h 1638300"/>
                <a:gd name="connsiteX4" fmla="*/ 2934830 w 3925430"/>
                <a:gd name="connsiteY4" fmla="*/ 614362 h 1638300"/>
                <a:gd name="connsiteX5" fmla="*/ 3925430 w 3925430"/>
                <a:gd name="connsiteY5" fmla="*/ 0 h 1638300"/>
                <a:gd name="connsiteX0" fmla="*/ 3857625 w 3857625"/>
                <a:gd name="connsiteY0" fmla="*/ 0 h 1638300"/>
                <a:gd name="connsiteX1" fmla="*/ 3857625 w 3857625"/>
                <a:gd name="connsiteY1" fmla="*/ 1638300 h 1638300"/>
                <a:gd name="connsiteX2" fmla="*/ 0 w 3857625"/>
                <a:gd name="connsiteY2" fmla="*/ 1638300 h 1638300"/>
                <a:gd name="connsiteX3" fmla="*/ 1552575 w 3857625"/>
                <a:gd name="connsiteY3" fmla="*/ 1266825 h 1638300"/>
                <a:gd name="connsiteX4" fmla="*/ 2867025 w 3857625"/>
                <a:gd name="connsiteY4" fmla="*/ 614362 h 1638300"/>
                <a:gd name="connsiteX5" fmla="*/ 3857625 w 3857625"/>
                <a:gd name="connsiteY5" fmla="*/ 0 h 1638300"/>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1854279 w 4159329"/>
                <a:gd name="connsiteY4" fmla="*/ 1266825 h 1640067"/>
                <a:gd name="connsiteX5" fmla="*/ 3168729 w 4159329"/>
                <a:gd name="connsiteY5" fmla="*/ 614362 h 1640067"/>
                <a:gd name="connsiteX6" fmla="*/ 4159329 w 4159329"/>
                <a:gd name="connsiteY6"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1854279 w 4159329"/>
                <a:gd name="connsiteY5" fmla="*/ 1266825 h 1640067"/>
                <a:gd name="connsiteX6" fmla="*/ 3168729 w 4159329"/>
                <a:gd name="connsiteY6" fmla="*/ 614362 h 1640067"/>
                <a:gd name="connsiteX7" fmla="*/ 4159329 w 4159329"/>
                <a:gd name="connsiteY7"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1854279 w 4159329"/>
                <a:gd name="connsiteY6" fmla="*/ 1266825 h 1640067"/>
                <a:gd name="connsiteX7" fmla="*/ 3168729 w 4159329"/>
                <a:gd name="connsiteY7" fmla="*/ 614362 h 1640067"/>
                <a:gd name="connsiteX8" fmla="*/ 4159329 w 4159329"/>
                <a:gd name="connsiteY8"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942260 w 4159329"/>
                <a:gd name="connsiteY6" fmla="*/ 1497806 h 1640067"/>
                <a:gd name="connsiteX7" fmla="*/ 1854279 w 4159329"/>
                <a:gd name="connsiteY7" fmla="*/ 1266825 h 1640067"/>
                <a:gd name="connsiteX8" fmla="*/ 3168729 w 4159329"/>
                <a:gd name="connsiteY8" fmla="*/ 614362 h 1640067"/>
                <a:gd name="connsiteX9" fmla="*/ 4159329 w 4159329"/>
                <a:gd name="connsiteY9"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942260 w 4159329"/>
                <a:gd name="connsiteY6" fmla="*/ 1497806 h 1640067"/>
                <a:gd name="connsiteX7" fmla="*/ 1011317 w 4159329"/>
                <a:gd name="connsiteY7" fmla="*/ 1485900 h 1640067"/>
                <a:gd name="connsiteX8" fmla="*/ 1854279 w 4159329"/>
                <a:gd name="connsiteY8" fmla="*/ 1266825 h 1640067"/>
                <a:gd name="connsiteX9" fmla="*/ 3168729 w 4159329"/>
                <a:gd name="connsiteY9" fmla="*/ 614362 h 1640067"/>
                <a:gd name="connsiteX10" fmla="*/ 4159329 w 4159329"/>
                <a:gd name="connsiteY10"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942260 w 4159329"/>
                <a:gd name="connsiteY6" fmla="*/ 1497806 h 1640067"/>
                <a:gd name="connsiteX7" fmla="*/ 1011317 w 4159329"/>
                <a:gd name="connsiteY7" fmla="*/ 1485900 h 1640067"/>
                <a:gd name="connsiteX8" fmla="*/ 1047035 w 4159329"/>
                <a:gd name="connsiteY8" fmla="*/ 1490662 h 1640067"/>
                <a:gd name="connsiteX9" fmla="*/ 1854279 w 4159329"/>
                <a:gd name="connsiteY9" fmla="*/ 1266825 h 1640067"/>
                <a:gd name="connsiteX10" fmla="*/ 3168729 w 4159329"/>
                <a:gd name="connsiteY10" fmla="*/ 614362 h 1640067"/>
                <a:gd name="connsiteX11" fmla="*/ 4159329 w 4159329"/>
                <a:gd name="connsiteY11"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854279 w 4159329"/>
                <a:gd name="connsiteY10" fmla="*/ 1266825 h 1640067"/>
                <a:gd name="connsiteX11" fmla="*/ 3168729 w 4159329"/>
                <a:gd name="connsiteY11" fmla="*/ 614362 h 1640067"/>
                <a:gd name="connsiteX12" fmla="*/ 4159329 w 4159329"/>
                <a:gd name="connsiteY12"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854279 w 4159329"/>
                <a:gd name="connsiteY11" fmla="*/ 1266825 h 1640067"/>
                <a:gd name="connsiteX12" fmla="*/ 3168729 w 4159329"/>
                <a:gd name="connsiteY12" fmla="*/ 614362 h 1640067"/>
                <a:gd name="connsiteX13" fmla="*/ 4159329 w 4159329"/>
                <a:gd name="connsiteY13"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325642 w 4159329"/>
                <a:gd name="connsiteY11" fmla="*/ 1412081 h 1640067"/>
                <a:gd name="connsiteX12" fmla="*/ 1854279 w 4159329"/>
                <a:gd name="connsiteY12" fmla="*/ 1266825 h 1640067"/>
                <a:gd name="connsiteX13" fmla="*/ 3168729 w 4159329"/>
                <a:gd name="connsiteY13" fmla="*/ 614362 h 1640067"/>
                <a:gd name="connsiteX14" fmla="*/ 4159329 w 4159329"/>
                <a:gd name="connsiteY14"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854279 w 4159329"/>
                <a:gd name="connsiteY13" fmla="*/ 1266825 h 1640067"/>
                <a:gd name="connsiteX14" fmla="*/ 3168729 w 4159329"/>
                <a:gd name="connsiteY14" fmla="*/ 614362 h 1640067"/>
                <a:gd name="connsiteX15" fmla="*/ 4159329 w 4159329"/>
                <a:gd name="connsiteY15"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854279 w 4159329"/>
                <a:gd name="connsiteY14" fmla="*/ 1266825 h 1640067"/>
                <a:gd name="connsiteX15" fmla="*/ 3168729 w 4159329"/>
                <a:gd name="connsiteY15" fmla="*/ 614362 h 1640067"/>
                <a:gd name="connsiteX16" fmla="*/ 4159329 w 4159329"/>
                <a:gd name="connsiteY16"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854279 w 4159329"/>
                <a:gd name="connsiteY15" fmla="*/ 1266825 h 1640067"/>
                <a:gd name="connsiteX16" fmla="*/ 3168729 w 4159329"/>
                <a:gd name="connsiteY16" fmla="*/ 614362 h 1640067"/>
                <a:gd name="connsiteX17" fmla="*/ 4159329 w 4159329"/>
                <a:gd name="connsiteY17"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854279 w 4159329"/>
                <a:gd name="connsiteY16" fmla="*/ 1266825 h 1640067"/>
                <a:gd name="connsiteX17" fmla="*/ 3168729 w 4159329"/>
                <a:gd name="connsiteY17" fmla="*/ 614362 h 1640067"/>
                <a:gd name="connsiteX18" fmla="*/ 4159329 w 4159329"/>
                <a:gd name="connsiteY18"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854279 w 4159329"/>
                <a:gd name="connsiteY17" fmla="*/ 1266825 h 1640067"/>
                <a:gd name="connsiteX18" fmla="*/ 3168729 w 4159329"/>
                <a:gd name="connsiteY18" fmla="*/ 614362 h 1640067"/>
                <a:gd name="connsiteX19" fmla="*/ 4159329 w 4159329"/>
                <a:gd name="connsiteY19"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854279 w 4159329"/>
                <a:gd name="connsiteY18" fmla="*/ 1266825 h 1640067"/>
                <a:gd name="connsiteX19" fmla="*/ 3168729 w 4159329"/>
                <a:gd name="connsiteY19" fmla="*/ 614362 h 1640067"/>
                <a:gd name="connsiteX20" fmla="*/ 4159329 w 4159329"/>
                <a:gd name="connsiteY20"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854279 w 4159329"/>
                <a:gd name="connsiteY19" fmla="*/ 1266825 h 1640067"/>
                <a:gd name="connsiteX20" fmla="*/ 3168729 w 4159329"/>
                <a:gd name="connsiteY20" fmla="*/ 614362 h 1640067"/>
                <a:gd name="connsiteX21" fmla="*/ 4159329 w 4159329"/>
                <a:gd name="connsiteY21"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854279 w 4159329"/>
                <a:gd name="connsiteY20" fmla="*/ 1266825 h 1640067"/>
                <a:gd name="connsiteX21" fmla="*/ 3168729 w 4159329"/>
                <a:gd name="connsiteY21" fmla="*/ 614362 h 1640067"/>
                <a:gd name="connsiteX22" fmla="*/ 4159329 w 4159329"/>
                <a:gd name="connsiteY22"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592342 w 4159329"/>
                <a:gd name="connsiteY20" fmla="*/ 1283493 h 1640067"/>
                <a:gd name="connsiteX21" fmla="*/ 1854279 w 4159329"/>
                <a:gd name="connsiteY21" fmla="*/ 1266825 h 1640067"/>
                <a:gd name="connsiteX22" fmla="*/ 3168729 w 4159329"/>
                <a:gd name="connsiteY22" fmla="*/ 614362 h 1640067"/>
                <a:gd name="connsiteX23" fmla="*/ 4159329 w 4159329"/>
                <a:gd name="connsiteY23"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592342 w 4159329"/>
                <a:gd name="connsiteY20" fmla="*/ 1283493 h 1640067"/>
                <a:gd name="connsiteX21" fmla="*/ 1623298 w 4159329"/>
                <a:gd name="connsiteY21" fmla="*/ 1276350 h 1640067"/>
                <a:gd name="connsiteX22" fmla="*/ 1854279 w 4159329"/>
                <a:gd name="connsiteY22" fmla="*/ 1266825 h 1640067"/>
                <a:gd name="connsiteX23" fmla="*/ 3168729 w 4159329"/>
                <a:gd name="connsiteY23" fmla="*/ 614362 h 1640067"/>
                <a:gd name="connsiteX24" fmla="*/ 4159329 w 4159329"/>
                <a:gd name="connsiteY24"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592342 w 4159329"/>
                <a:gd name="connsiteY20" fmla="*/ 1283493 h 1640067"/>
                <a:gd name="connsiteX21" fmla="*/ 1623298 w 4159329"/>
                <a:gd name="connsiteY21" fmla="*/ 1276350 h 1640067"/>
                <a:gd name="connsiteX22" fmla="*/ 1654254 w 4159329"/>
                <a:gd name="connsiteY22" fmla="*/ 1273968 h 1640067"/>
                <a:gd name="connsiteX23" fmla="*/ 1854279 w 4159329"/>
                <a:gd name="connsiteY23" fmla="*/ 1266825 h 1640067"/>
                <a:gd name="connsiteX24" fmla="*/ 3168729 w 4159329"/>
                <a:gd name="connsiteY24" fmla="*/ 614362 h 1640067"/>
                <a:gd name="connsiteX25" fmla="*/ 4159329 w 4159329"/>
                <a:gd name="connsiteY25"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592342 w 4159329"/>
                <a:gd name="connsiteY20" fmla="*/ 1283493 h 1640067"/>
                <a:gd name="connsiteX21" fmla="*/ 1623298 w 4159329"/>
                <a:gd name="connsiteY21" fmla="*/ 1276350 h 1640067"/>
                <a:gd name="connsiteX22" fmla="*/ 1654254 w 4159329"/>
                <a:gd name="connsiteY22" fmla="*/ 1273968 h 1640067"/>
                <a:gd name="connsiteX23" fmla="*/ 1682829 w 4159329"/>
                <a:gd name="connsiteY23" fmla="*/ 1271587 h 1640067"/>
                <a:gd name="connsiteX24" fmla="*/ 1854279 w 4159329"/>
                <a:gd name="connsiteY24" fmla="*/ 1266825 h 1640067"/>
                <a:gd name="connsiteX25" fmla="*/ 3168729 w 4159329"/>
                <a:gd name="connsiteY25" fmla="*/ 614362 h 1640067"/>
                <a:gd name="connsiteX26" fmla="*/ 4159329 w 4159329"/>
                <a:gd name="connsiteY26"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592342 w 4159329"/>
                <a:gd name="connsiteY20" fmla="*/ 1283493 h 1640067"/>
                <a:gd name="connsiteX21" fmla="*/ 1623298 w 4159329"/>
                <a:gd name="connsiteY21" fmla="*/ 1276350 h 1640067"/>
                <a:gd name="connsiteX22" fmla="*/ 1654254 w 4159329"/>
                <a:gd name="connsiteY22" fmla="*/ 1273968 h 1640067"/>
                <a:gd name="connsiteX23" fmla="*/ 1682829 w 4159329"/>
                <a:gd name="connsiteY23" fmla="*/ 1271587 h 1640067"/>
                <a:gd name="connsiteX24" fmla="*/ 1706642 w 4159329"/>
                <a:gd name="connsiteY24" fmla="*/ 1257300 h 1640067"/>
                <a:gd name="connsiteX25" fmla="*/ 1854279 w 4159329"/>
                <a:gd name="connsiteY25" fmla="*/ 1266825 h 1640067"/>
                <a:gd name="connsiteX26" fmla="*/ 3168729 w 4159329"/>
                <a:gd name="connsiteY26" fmla="*/ 614362 h 1640067"/>
                <a:gd name="connsiteX27" fmla="*/ 4159329 w 4159329"/>
                <a:gd name="connsiteY27"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592342 w 4159329"/>
                <a:gd name="connsiteY20" fmla="*/ 1283493 h 1640067"/>
                <a:gd name="connsiteX21" fmla="*/ 1623298 w 4159329"/>
                <a:gd name="connsiteY21" fmla="*/ 1276350 h 1640067"/>
                <a:gd name="connsiteX22" fmla="*/ 1654254 w 4159329"/>
                <a:gd name="connsiteY22" fmla="*/ 1273968 h 1640067"/>
                <a:gd name="connsiteX23" fmla="*/ 1682829 w 4159329"/>
                <a:gd name="connsiteY23" fmla="*/ 1271587 h 1640067"/>
                <a:gd name="connsiteX24" fmla="*/ 1706642 w 4159329"/>
                <a:gd name="connsiteY24" fmla="*/ 1257300 h 1640067"/>
                <a:gd name="connsiteX25" fmla="*/ 1723310 w 4159329"/>
                <a:gd name="connsiteY25" fmla="*/ 1243012 h 1640067"/>
                <a:gd name="connsiteX26" fmla="*/ 1854279 w 4159329"/>
                <a:gd name="connsiteY26" fmla="*/ 1266825 h 1640067"/>
                <a:gd name="connsiteX27" fmla="*/ 3168729 w 4159329"/>
                <a:gd name="connsiteY27" fmla="*/ 614362 h 1640067"/>
                <a:gd name="connsiteX28" fmla="*/ 4159329 w 4159329"/>
                <a:gd name="connsiteY28"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592342 w 4159329"/>
                <a:gd name="connsiteY20" fmla="*/ 1283493 h 1640067"/>
                <a:gd name="connsiteX21" fmla="*/ 1623298 w 4159329"/>
                <a:gd name="connsiteY21" fmla="*/ 1276350 h 1640067"/>
                <a:gd name="connsiteX22" fmla="*/ 1654254 w 4159329"/>
                <a:gd name="connsiteY22" fmla="*/ 1273968 h 1640067"/>
                <a:gd name="connsiteX23" fmla="*/ 1682829 w 4159329"/>
                <a:gd name="connsiteY23" fmla="*/ 1271587 h 1640067"/>
                <a:gd name="connsiteX24" fmla="*/ 1706642 w 4159329"/>
                <a:gd name="connsiteY24" fmla="*/ 1257300 h 1640067"/>
                <a:gd name="connsiteX25" fmla="*/ 1723310 w 4159329"/>
                <a:gd name="connsiteY25" fmla="*/ 1243012 h 1640067"/>
                <a:gd name="connsiteX26" fmla="*/ 1739979 w 4159329"/>
                <a:gd name="connsiteY26" fmla="*/ 1233487 h 1640067"/>
                <a:gd name="connsiteX27" fmla="*/ 1854279 w 4159329"/>
                <a:gd name="connsiteY27" fmla="*/ 1266825 h 1640067"/>
                <a:gd name="connsiteX28" fmla="*/ 3168729 w 4159329"/>
                <a:gd name="connsiteY28" fmla="*/ 614362 h 1640067"/>
                <a:gd name="connsiteX29" fmla="*/ 4159329 w 4159329"/>
                <a:gd name="connsiteY29"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1011317 w 4159329"/>
                <a:gd name="connsiteY8" fmla="*/ 1485900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592342 w 4159329"/>
                <a:gd name="connsiteY20" fmla="*/ 1283493 h 1640067"/>
                <a:gd name="connsiteX21" fmla="*/ 1623298 w 4159329"/>
                <a:gd name="connsiteY21" fmla="*/ 1276350 h 1640067"/>
                <a:gd name="connsiteX22" fmla="*/ 1654254 w 4159329"/>
                <a:gd name="connsiteY22" fmla="*/ 1273968 h 1640067"/>
                <a:gd name="connsiteX23" fmla="*/ 1682829 w 4159329"/>
                <a:gd name="connsiteY23" fmla="*/ 1271587 h 1640067"/>
                <a:gd name="connsiteX24" fmla="*/ 1706642 w 4159329"/>
                <a:gd name="connsiteY24" fmla="*/ 1257300 h 1640067"/>
                <a:gd name="connsiteX25" fmla="*/ 1723310 w 4159329"/>
                <a:gd name="connsiteY25" fmla="*/ 1243012 h 1640067"/>
                <a:gd name="connsiteX26" fmla="*/ 1739979 w 4159329"/>
                <a:gd name="connsiteY26" fmla="*/ 1233487 h 1640067"/>
                <a:gd name="connsiteX27" fmla="*/ 1766173 w 4159329"/>
                <a:gd name="connsiteY27" fmla="*/ 1216818 h 1640067"/>
                <a:gd name="connsiteX28" fmla="*/ 1854279 w 4159329"/>
                <a:gd name="connsiteY28" fmla="*/ 1266825 h 1640067"/>
                <a:gd name="connsiteX29" fmla="*/ 3168729 w 4159329"/>
                <a:gd name="connsiteY29" fmla="*/ 614362 h 1640067"/>
                <a:gd name="connsiteX30" fmla="*/ 4159329 w 4159329"/>
                <a:gd name="connsiteY30"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42260 w 4159329"/>
                <a:gd name="connsiteY7" fmla="*/ 1497806 h 1640067"/>
                <a:gd name="connsiteX8" fmla="*/ 992267 w 4159329"/>
                <a:gd name="connsiteY8" fmla="*/ 1493044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592342 w 4159329"/>
                <a:gd name="connsiteY20" fmla="*/ 1283493 h 1640067"/>
                <a:gd name="connsiteX21" fmla="*/ 1623298 w 4159329"/>
                <a:gd name="connsiteY21" fmla="*/ 1276350 h 1640067"/>
                <a:gd name="connsiteX22" fmla="*/ 1654254 w 4159329"/>
                <a:gd name="connsiteY22" fmla="*/ 1273968 h 1640067"/>
                <a:gd name="connsiteX23" fmla="*/ 1682829 w 4159329"/>
                <a:gd name="connsiteY23" fmla="*/ 1271587 h 1640067"/>
                <a:gd name="connsiteX24" fmla="*/ 1706642 w 4159329"/>
                <a:gd name="connsiteY24" fmla="*/ 1257300 h 1640067"/>
                <a:gd name="connsiteX25" fmla="*/ 1723310 w 4159329"/>
                <a:gd name="connsiteY25" fmla="*/ 1243012 h 1640067"/>
                <a:gd name="connsiteX26" fmla="*/ 1739979 w 4159329"/>
                <a:gd name="connsiteY26" fmla="*/ 1233487 h 1640067"/>
                <a:gd name="connsiteX27" fmla="*/ 1766173 w 4159329"/>
                <a:gd name="connsiteY27" fmla="*/ 1216818 h 1640067"/>
                <a:gd name="connsiteX28" fmla="*/ 1854279 w 4159329"/>
                <a:gd name="connsiteY28" fmla="*/ 1266825 h 1640067"/>
                <a:gd name="connsiteX29" fmla="*/ 3168729 w 4159329"/>
                <a:gd name="connsiteY29" fmla="*/ 614362 h 1640067"/>
                <a:gd name="connsiteX30" fmla="*/ 4159329 w 4159329"/>
                <a:gd name="connsiteY30"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32735 w 4159329"/>
                <a:gd name="connsiteY7" fmla="*/ 1502569 h 1640067"/>
                <a:gd name="connsiteX8" fmla="*/ 992267 w 4159329"/>
                <a:gd name="connsiteY8" fmla="*/ 1493044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592342 w 4159329"/>
                <a:gd name="connsiteY20" fmla="*/ 1283493 h 1640067"/>
                <a:gd name="connsiteX21" fmla="*/ 1623298 w 4159329"/>
                <a:gd name="connsiteY21" fmla="*/ 1276350 h 1640067"/>
                <a:gd name="connsiteX22" fmla="*/ 1654254 w 4159329"/>
                <a:gd name="connsiteY22" fmla="*/ 1273968 h 1640067"/>
                <a:gd name="connsiteX23" fmla="*/ 1682829 w 4159329"/>
                <a:gd name="connsiteY23" fmla="*/ 1271587 h 1640067"/>
                <a:gd name="connsiteX24" fmla="*/ 1706642 w 4159329"/>
                <a:gd name="connsiteY24" fmla="*/ 1257300 h 1640067"/>
                <a:gd name="connsiteX25" fmla="*/ 1723310 w 4159329"/>
                <a:gd name="connsiteY25" fmla="*/ 1243012 h 1640067"/>
                <a:gd name="connsiteX26" fmla="*/ 1739979 w 4159329"/>
                <a:gd name="connsiteY26" fmla="*/ 1233487 h 1640067"/>
                <a:gd name="connsiteX27" fmla="*/ 1766173 w 4159329"/>
                <a:gd name="connsiteY27" fmla="*/ 1216818 h 1640067"/>
                <a:gd name="connsiteX28" fmla="*/ 1854279 w 4159329"/>
                <a:gd name="connsiteY28" fmla="*/ 1266825 h 1640067"/>
                <a:gd name="connsiteX29" fmla="*/ 3168729 w 4159329"/>
                <a:gd name="connsiteY29" fmla="*/ 614362 h 1640067"/>
                <a:gd name="connsiteX30" fmla="*/ 4159329 w 4159329"/>
                <a:gd name="connsiteY30"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630317 w 4159329"/>
                <a:gd name="connsiteY5" fmla="*/ 1557337 h 1640067"/>
                <a:gd name="connsiteX6" fmla="*/ 768429 w 4159329"/>
                <a:gd name="connsiteY6" fmla="*/ 1526381 h 1640067"/>
                <a:gd name="connsiteX7" fmla="*/ 927973 w 4159329"/>
                <a:gd name="connsiteY7" fmla="*/ 1500188 h 1640067"/>
                <a:gd name="connsiteX8" fmla="*/ 992267 w 4159329"/>
                <a:gd name="connsiteY8" fmla="*/ 1493044 h 1640067"/>
                <a:gd name="connsiteX9" fmla="*/ 1047035 w 4159329"/>
                <a:gd name="connsiteY9" fmla="*/ 1490662 h 1640067"/>
                <a:gd name="connsiteX10" fmla="*/ 1163717 w 4159329"/>
                <a:gd name="connsiteY10" fmla="*/ 1459706 h 1640067"/>
                <a:gd name="connsiteX11" fmla="*/ 1266110 w 4159329"/>
                <a:gd name="connsiteY11" fmla="*/ 1443037 h 1640067"/>
                <a:gd name="connsiteX12" fmla="*/ 1325642 w 4159329"/>
                <a:gd name="connsiteY12" fmla="*/ 1412081 h 1640067"/>
                <a:gd name="connsiteX13" fmla="*/ 1349454 w 4159329"/>
                <a:gd name="connsiteY13" fmla="*/ 1393031 h 1640067"/>
                <a:gd name="connsiteX14" fmla="*/ 1380410 w 4159329"/>
                <a:gd name="connsiteY14" fmla="*/ 1366837 h 1640067"/>
                <a:gd name="connsiteX15" fmla="*/ 1439942 w 4159329"/>
                <a:gd name="connsiteY15" fmla="*/ 1347787 h 1640067"/>
                <a:gd name="connsiteX16" fmla="*/ 1468517 w 4159329"/>
                <a:gd name="connsiteY16" fmla="*/ 1331118 h 1640067"/>
                <a:gd name="connsiteX17" fmla="*/ 1504235 w 4159329"/>
                <a:gd name="connsiteY17" fmla="*/ 1316831 h 1640067"/>
                <a:gd name="connsiteX18" fmla="*/ 1544717 w 4159329"/>
                <a:gd name="connsiteY18" fmla="*/ 1302543 h 1640067"/>
                <a:gd name="connsiteX19" fmla="*/ 1573292 w 4159329"/>
                <a:gd name="connsiteY19" fmla="*/ 1290637 h 1640067"/>
                <a:gd name="connsiteX20" fmla="*/ 1592342 w 4159329"/>
                <a:gd name="connsiteY20" fmla="*/ 1283493 h 1640067"/>
                <a:gd name="connsiteX21" fmla="*/ 1623298 w 4159329"/>
                <a:gd name="connsiteY21" fmla="*/ 1276350 h 1640067"/>
                <a:gd name="connsiteX22" fmla="*/ 1654254 w 4159329"/>
                <a:gd name="connsiteY22" fmla="*/ 1273968 h 1640067"/>
                <a:gd name="connsiteX23" fmla="*/ 1682829 w 4159329"/>
                <a:gd name="connsiteY23" fmla="*/ 1271587 h 1640067"/>
                <a:gd name="connsiteX24" fmla="*/ 1706642 w 4159329"/>
                <a:gd name="connsiteY24" fmla="*/ 1257300 h 1640067"/>
                <a:gd name="connsiteX25" fmla="*/ 1723310 w 4159329"/>
                <a:gd name="connsiteY25" fmla="*/ 1243012 h 1640067"/>
                <a:gd name="connsiteX26" fmla="*/ 1739979 w 4159329"/>
                <a:gd name="connsiteY26" fmla="*/ 1233487 h 1640067"/>
                <a:gd name="connsiteX27" fmla="*/ 1766173 w 4159329"/>
                <a:gd name="connsiteY27" fmla="*/ 1216818 h 1640067"/>
                <a:gd name="connsiteX28" fmla="*/ 1854279 w 4159329"/>
                <a:gd name="connsiteY28" fmla="*/ 1266825 h 1640067"/>
                <a:gd name="connsiteX29" fmla="*/ 3168729 w 4159329"/>
                <a:gd name="connsiteY29" fmla="*/ 614362 h 1640067"/>
                <a:gd name="connsiteX30" fmla="*/ 4159329 w 4159329"/>
                <a:gd name="connsiteY30"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473154 w 4159329"/>
                <a:gd name="connsiteY4" fmla="*/ 1583531 h 1640067"/>
                <a:gd name="connsiteX5" fmla="*/ 513635 w 4159329"/>
                <a:gd name="connsiteY5" fmla="*/ 1576387 h 1640067"/>
                <a:gd name="connsiteX6" fmla="*/ 630317 w 4159329"/>
                <a:gd name="connsiteY6" fmla="*/ 1557337 h 1640067"/>
                <a:gd name="connsiteX7" fmla="*/ 768429 w 4159329"/>
                <a:gd name="connsiteY7" fmla="*/ 1526381 h 1640067"/>
                <a:gd name="connsiteX8" fmla="*/ 927973 w 4159329"/>
                <a:gd name="connsiteY8" fmla="*/ 1500188 h 1640067"/>
                <a:gd name="connsiteX9" fmla="*/ 992267 w 4159329"/>
                <a:gd name="connsiteY9" fmla="*/ 1493044 h 1640067"/>
                <a:gd name="connsiteX10" fmla="*/ 1047035 w 4159329"/>
                <a:gd name="connsiteY10" fmla="*/ 1490662 h 1640067"/>
                <a:gd name="connsiteX11" fmla="*/ 1163717 w 4159329"/>
                <a:gd name="connsiteY11" fmla="*/ 1459706 h 1640067"/>
                <a:gd name="connsiteX12" fmla="*/ 1266110 w 4159329"/>
                <a:gd name="connsiteY12" fmla="*/ 1443037 h 1640067"/>
                <a:gd name="connsiteX13" fmla="*/ 1325642 w 4159329"/>
                <a:gd name="connsiteY13" fmla="*/ 1412081 h 1640067"/>
                <a:gd name="connsiteX14" fmla="*/ 1349454 w 4159329"/>
                <a:gd name="connsiteY14" fmla="*/ 1393031 h 1640067"/>
                <a:gd name="connsiteX15" fmla="*/ 1380410 w 4159329"/>
                <a:gd name="connsiteY15" fmla="*/ 1366837 h 1640067"/>
                <a:gd name="connsiteX16" fmla="*/ 1439942 w 4159329"/>
                <a:gd name="connsiteY16" fmla="*/ 1347787 h 1640067"/>
                <a:gd name="connsiteX17" fmla="*/ 1468517 w 4159329"/>
                <a:gd name="connsiteY17" fmla="*/ 1331118 h 1640067"/>
                <a:gd name="connsiteX18" fmla="*/ 1504235 w 4159329"/>
                <a:gd name="connsiteY18" fmla="*/ 1316831 h 1640067"/>
                <a:gd name="connsiteX19" fmla="*/ 1544717 w 4159329"/>
                <a:gd name="connsiteY19" fmla="*/ 1302543 h 1640067"/>
                <a:gd name="connsiteX20" fmla="*/ 1573292 w 4159329"/>
                <a:gd name="connsiteY20" fmla="*/ 1290637 h 1640067"/>
                <a:gd name="connsiteX21" fmla="*/ 1592342 w 4159329"/>
                <a:gd name="connsiteY21" fmla="*/ 1283493 h 1640067"/>
                <a:gd name="connsiteX22" fmla="*/ 1623298 w 4159329"/>
                <a:gd name="connsiteY22" fmla="*/ 1276350 h 1640067"/>
                <a:gd name="connsiteX23" fmla="*/ 1654254 w 4159329"/>
                <a:gd name="connsiteY23" fmla="*/ 1273968 h 1640067"/>
                <a:gd name="connsiteX24" fmla="*/ 1682829 w 4159329"/>
                <a:gd name="connsiteY24" fmla="*/ 1271587 h 1640067"/>
                <a:gd name="connsiteX25" fmla="*/ 1706642 w 4159329"/>
                <a:gd name="connsiteY25" fmla="*/ 1257300 h 1640067"/>
                <a:gd name="connsiteX26" fmla="*/ 1723310 w 4159329"/>
                <a:gd name="connsiteY26" fmla="*/ 1243012 h 1640067"/>
                <a:gd name="connsiteX27" fmla="*/ 1739979 w 4159329"/>
                <a:gd name="connsiteY27" fmla="*/ 1233487 h 1640067"/>
                <a:gd name="connsiteX28" fmla="*/ 1766173 w 4159329"/>
                <a:gd name="connsiteY28" fmla="*/ 1216818 h 1640067"/>
                <a:gd name="connsiteX29" fmla="*/ 1854279 w 4159329"/>
                <a:gd name="connsiteY29" fmla="*/ 1266825 h 1640067"/>
                <a:gd name="connsiteX30" fmla="*/ 3168729 w 4159329"/>
                <a:gd name="connsiteY30" fmla="*/ 614362 h 1640067"/>
                <a:gd name="connsiteX31" fmla="*/ 4159329 w 4159329"/>
                <a:gd name="connsiteY31"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854279 w 4159329"/>
                <a:gd name="connsiteY30" fmla="*/ 1266825 h 1640067"/>
                <a:gd name="connsiteX31" fmla="*/ 3168729 w 4159329"/>
                <a:gd name="connsiteY31" fmla="*/ 614362 h 1640067"/>
                <a:gd name="connsiteX32" fmla="*/ 4159329 w 4159329"/>
                <a:gd name="connsiteY32"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54279 w 4159329"/>
                <a:gd name="connsiteY31" fmla="*/ 1266825 h 1640067"/>
                <a:gd name="connsiteX32" fmla="*/ 3168729 w 4159329"/>
                <a:gd name="connsiteY32" fmla="*/ 614362 h 1640067"/>
                <a:gd name="connsiteX33" fmla="*/ 4159329 w 4159329"/>
                <a:gd name="connsiteY33"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54279 w 4159329"/>
                <a:gd name="connsiteY32" fmla="*/ 1266825 h 1640067"/>
                <a:gd name="connsiteX33" fmla="*/ 3168729 w 4159329"/>
                <a:gd name="connsiteY33" fmla="*/ 614362 h 1640067"/>
                <a:gd name="connsiteX34" fmla="*/ 4159329 w 4159329"/>
                <a:gd name="connsiteY34"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54279 w 4159329"/>
                <a:gd name="connsiteY33" fmla="*/ 1266825 h 1640067"/>
                <a:gd name="connsiteX34" fmla="*/ 3168729 w 4159329"/>
                <a:gd name="connsiteY34" fmla="*/ 614362 h 1640067"/>
                <a:gd name="connsiteX35" fmla="*/ 4159329 w 4159329"/>
                <a:gd name="connsiteY35"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54279 w 4159329"/>
                <a:gd name="connsiteY34" fmla="*/ 1266825 h 1640067"/>
                <a:gd name="connsiteX35" fmla="*/ 3168729 w 4159329"/>
                <a:gd name="connsiteY35" fmla="*/ 614362 h 1640067"/>
                <a:gd name="connsiteX36" fmla="*/ 4159329 w 4159329"/>
                <a:gd name="connsiteY36"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854279 w 4159329"/>
                <a:gd name="connsiteY35" fmla="*/ 1266825 h 1640067"/>
                <a:gd name="connsiteX36" fmla="*/ 3168729 w 4159329"/>
                <a:gd name="connsiteY36" fmla="*/ 614362 h 1640067"/>
                <a:gd name="connsiteX37" fmla="*/ 4159329 w 4159329"/>
                <a:gd name="connsiteY37"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1854279 w 4159329"/>
                <a:gd name="connsiteY36" fmla="*/ 1266825 h 1640067"/>
                <a:gd name="connsiteX37" fmla="*/ 3168729 w 4159329"/>
                <a:gd name="connsiteY37" fmla="*/ 614362 h 1640067"/>
                <a:gd name="connsiteX38" fmla="*/ 4159329 w 4159329"/>
                <a:gd name="connsiteY38"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3168729 w 4159329"/>
                <a:gd name="connsiteY36" fmla="*/ 614362 h 1640067"/>
                <a:gd name="connsiteX37" fmla="*/ 4159329 w 4159329"/>
                <a:gd name="connsiteY37"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3168729 w 4159329"/>
                <a:gd name="connsiteY37" fmla="*/ 614362 h 1640067"/>
                <a:gd name="connsiteX38" fmla="*/ 4159329 w 4159329"/>
                <a:gd name="connsiteY38"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2354342 w 4159329"/>
                <a:gd name="connsiteY37" fmla="*/ 952500 h 1640067"/>
                <a:gd name="connsiteX38" fmla="*/ 3168729 w 4159329"/>
                <a:gd name="connsiteY38" fmla="*/ 614362 h 1640067"/>
                <a:gd name="connsiteX39" fmla="*/ 4159329 w 4159329"/>
                <a:gd name="connsiteY39"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2354342 w 4159329"/>
                <a:gd name="connsiteY37" fmla="*/ 952500 h 1640067"/>
                <a:gd name="connsiteX38" fmla="*/ 2375773 w 4159329"/>
                <a:gd name="connsiteY38" fmla="*/ 935831 h 1640067"/>
                <a:gd name="connsiteX39" fmla="*/ 3168729 w 4159329"/>
                <a:gd name="connsiteY39" fmla="*/ 614362 h 1640067"/>
                <a:gd name="connsiteX40" fmla="*/ 4159329 w 4159329"/>
                <a:gd name="connsiteY40"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2354342 w 4159329"/>
                <a:gd name="connsiteY37" fmla="*/ 952500 h 1640067"/>
                <a:gd name="connsiteX38" fmla="*/ 2375773 w 4159329"/>
                <a:gd name="connsiteY38" fmla="*/ 935831 h 1640067"/>
                <a:gd name="connsiteX39" fmla="*/ 2442448 w 4159329"/>
                <a:gd name="connsiteY39" fmla="*/ 919162 h 1640067"/>
                <a:gd name="connsiteX40" fmla="*/ 3168729 w 4159329"/>
                <a:gd name="connsiteY40" fmla="*/ 614362 h 1640067"/>
                <a:gd name="connsiteX41" fmla="*/ 4159329 w 4159329"/>
                <a:gd name="connsiteY41"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2354342 w 4159329"/>
                <a:gd name="connsiteY37" fmla="*/ 952500 h 1640067"/>
                <a:gd name="connsiteX38" fmla="*/ 2375773 w 4159329"/>
                <a:gd name="connsiteY38" fmla="*/ 935831 h 1640067"/>
                <a:gd name="connsiteX39" fmla="*/ 2442448 w 4159329"/>
                <a:gd name="connsiteY39" fmla="*/ 919162 h 1640067"/>
                <a:gd name="connsiteX40" fmla="*/ 2666285 w 4159329"/>
                <a:gd name="connsiteY40" fmla="*/ 814387 h 1640067"/>
                <a:gd name="connsiteX41" fmla="*/ 3168729 w 4159329"/>
                <a:gd name="connsiteY41" fmla="*/ 614362 h 1640067"/>
                <a:gd name="connsiteX42" fmla="*/ 4159329 w 4159329"/>
                <a:gd name="connsiteY42"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2354342 w 4159329"/>
                <a:gd name="connsiteY37" fmla="*/ 952500 h 1640067"/>
                <a:gd name="connsiteX38" fmla="*/ 2375773 w 4159329"/>
                <a:gd name="connsiteY38" fmla="*/ 935831 h 1640067"/>
                <a:gd name="connsiteX39" fmla="*/ 2442448 w 4159329"/>
                <a:gd name="connsiteY39" fmla="*/ 919162 h 1640067"/>
                <a:gd name="connsiteX40" fmla="*/ 2666285 w 4159329"/>
                <a:gd name="connsiteY40" fmla="*/ 814387 h 1640067"/>
                <a:gd name="connsiteX41" fmla="*/ 2694860 w 4159329"/>
                <a:gd name="connsiteY41" fmla="*/ 814387 h 1640067"/>
                <a:gd name="connsiteX42" fmla="*/ 3168729 w 4159329"/>
                <a:gd name="connsiteY42" fmla="*/ 614362 h 1640067"/>
                <a:gd name="connsiteX43" fmla="*/ 4159329 w 4159329"/>
                <a:gd name="connsiteY43"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2354342 w 4159329"/>
                <a:gd name="connsiteY37" fmla="*/ 952500 h 1640067"/>
                <a:gd name="connsiteX38" fmla="*/ 2375773 w 4159329"/>
                <a:gd name="connsiteY38" fmla="*/ 935831 h 1640067"/>
                <a:gd name="connsiteX39" fmla="*/ 2442448 w 4159329"/>
                <a:gd name="connsiteY39" fmla="*/ 919162 h 1640067"/>
                <a:gd name="connsiteX40" fmla="*/ 2492454 w 4159329"/>
                <a:gd name="connsiteY40" fmla="*/ 907256 h 1640067"/>
                <a:gd name="connsiteX41" fmla="*/ 2666285 w 4159329"/>
                <a:gd name="connsiteY41" fmla="*/ 814387 h 1640067"/>
                <a:gd name="connsiteX42" fmla="*/ 2694860 w 4159329"/>
                <a:gd name="connsiteY42" fmla="*/ 814387 h 1640067"/>
                <a:gd name="connsiteX43" fmla="*/ 3168729 w 4159329"/>
                <a:gd name="connsiteY43" fmla="*/ 614362 h 1640067"/>
                <a:gd name="connsiteX44" fmla="*/ 4159329 w 4159329"/>
                <a:gd name="connsiteY44"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2354342 w 4159329"/>
                <a:gd name="connsiteY37" fmla="*/ 952500 h 1640067"/>
                <a:gd name="connsiteX38" fmla="*/ 2375773 w 4159329"/>
                <a:gd name="connsiteY38" fmla="*/ 935831 h 1640067"/>
                <a:gd name="connsiteX39" fmla="*/ 2442448 w 4159329"/>
                <a:gd name="connsiteY39" fmla="*/ 919162 h 1640067"/>
                <a:gd name="connsiteX40" fmla="*/ 2492454 w 4159329"/>
                <a:gd name="connsiteY40" fmla="*/ 907256 h 1640067"/>
                <a:gd name="connsiteX41" fmla="*/ 2668666 w 4159329"/>
                <a:gd name="connsiteY41" fmla="*/ 831056 h 1640067"/>
                <a:gd name="connsiteX42" fmla="*/ 2694860 w 4159329"/>
                <a:gd name="connsiteY42" fmla="*/ 814387 h 1640067"/>
                <a:gd name="connsiteX43" fmla="*/ 3168729 w 4159329"/>
                <a:gd name="connsiteY43" fmla="*/ 614362 h 1640067"/>
                <a:gd name="connsiteX44" fmla="*/ 4159329 w 4159329"/>
                <a:gd name="connsiteY44"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2354342 w 4159329"/>
                <a:gd name="connsiteY37" fmla="*/ 952500 h 1640067"/>
                <a:gd name="connsiteX38" fmla="*/ 2375773 w 4159329"/>
                <a:gd name="connsiteY38" fmla="*/ 935831 h 1640067"/>
                <a:gd name="connsiteX39" fmla="*/ 2442448 w 4159329"/>
                <a:gd name="connsiteY39" fmla="*/ 919162 h 1640067"/>
                <a:gd name="connsiteX40" fmla="*/ 2506741 w 4159329"/>
                <a:gd name="connsiteY40" fmla="*/ 909637 h 1640067"/>
                <a:gd name="connsiteX41" fmla="*/ 2668666 w 4159329"/>
                <a:gd name="connsiteY41" fmla="*/ 831056 h 1640067"/>
                <a:gd name="connsiteX42" fmla="*/ 2694860 w 4159329"/>
                <a:gd name="connsiteY42" fmla="*/ 814387 h 1640067"/>
                <a:gd name="connsiteX43" fmla="*/ 3168729 w 4159329"/>
                <a:gd name="connsiteY43" fmla="*/ 614362 h 1640067"/>
                <a:gd name="connsiteX44" fmla="*/ 4159329 w 4159329"/>
                <a:gd name="connsiteY44"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2354342 w 4159329"/>
                <a:gd name="connsiteY37" fmla="*/ 952500 h 1640067"/>
                <a:gd name="connsiteX38" fmla="*/ 2375773 w 4159329"/>
                <a:gd name="connsiteY38" fmla="*/ 935831 h 1640067"/>
                <a:gd name="connsiteX39" fmla="*/ 2442448 w 4159329"/>
                <a:gd name="connsiteY39" fmla="*/ 931068 h 1640067"/>
                <a:gd name="connsiteX40" fmla="*/ 2506741 w 4159329"/>
                <a:gd name="connsiteY40" fmla="*/ 909637 h 1640067"/>
                <a:gd name="connsiteX41" fmla="*/ 2668666 w 4159329"/>
                <a:gd name="connsiteY41" fmla="*/ 831056 h 1640067"/>
                <a:gd name="connsiteX42" fmla="*/ 2694860 w 4159329"/>
                <a:gd name="connsiteY42" fmla="*/ 814387 h 1640067"/>
                <a:gd name="connsiteX43" fmla="*/ 3168729 w 4159329"/>
                <a:gd name="connsiteY43" fmla="*/ 614362 h 1640067"/>
                <a:gd name="connsiteX44" fmla="*/ 4159329 w 4159329"/>
                <a:gd name="connsiteY44"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2354342 w 4159329"/>
                <a:gd name="connsiteY37" fmla="*/ 952500 h 1640067"/>
                <a:gd name="connsiteX38" fmla="*/ 2378155 w 4159329"/>
                <a:gd name="connsiteY38" fmla="*/ 952500 h 1640067"/>
                <a:gd name="connsiteX39" fmla="*/ 2442448 w 4159329"/>
                <a:gd name="connsiteY39" fmla="*/ 931068 h 1640067"/>
                <a:gd name="connsiteX40" fmla="*/ 2506741 w 4159329"/>
                <a:gd name="connsiteY40" fmla="*/ 909637 h 1640067"/>
                <a:gd name="connsiteX41" fmla="*/ 2668666 w 4159329"/>
                <a:gd name="connsiteY41" fmla="*/ 831056 h 1640067"/>
                <a:gd name="connsiteX42" fmla="*/ 2694860 w 4159329"/>
                <a:gd name="connsiteY42" fmla="*/ 814387 h 1640067"/>
                <a:gd name="connsiteX43" fmla="*/ 3168729 w 4159329"/>
                <a:gd name="connsiteY43" fmla="*/ 614362 h 1640067"/>
                <a:gd name="connsiteX44" fmla="*/ 4159329 w 4159329"/>
                <a:gd name="connsiteY44"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35292 w 4159329"/>
                <a:gd name="connsiteY36" fmla="*/ 969168 h 1640067"/>
                <a:gd name="connsiteX37" fmla="*/ 2366249 w 4159329"/>
                <a:gd name="connsiteY37" fmla="*/ 971550 h 1640067"/>
                <a:gd name="connsiteX38" fmla="*/ 2378155 w 4159329"/>
                <a:gd name="connsiteY38" fmla="*/ 952500 h 1640067"/>
                <a:gd name="connsiteX39" fmla="*/ 2442448 w 4159329"/>
                <a:gd name="connsiteY39" fmla="*/ 931068 h 1640067"/>
                <a:gd name="connsiteX40" fmla="*/ 2506741 w 4159329"/>
                <a:gd name="connsiteY40" fmla="*/ 909637 h 1640067"/>
                <a:gd name="connsiteX41" fmla="*/ 2668666 w 4159329"/>
                <a:gd name="connsiteY41" fmla="*/ 831056 h 1640067"/>
                <a:gd name="connsiteX42" fmla="*/ 2694860 w 4159329"/>
                <a:gd name="connsiteY42" fmla="*/ 814387 h 1640067"/>
                <a:gd name="connsiteX43" fmla="*/ 3168729 w 4159329"/>
                <a:gd name="connsiteY43" fmla="*/ 614362 h 1640067"/>
                <a:gd name="connsiteX44" fmla="*/ 4159329 w 4159329"/>
                <a:gd name="connsiteY44"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68379 w 4159329"/>
                <a:gd name="connsiteY4" fmla="*/ 1609725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11480 w 4159329"/>
                <a:gd name="connsiteY36" fmla="*/ 988218 h 1640067"/>
                <a:gd name="connsiteX37" fmla="*/ 2366249 w 4159329"/>
                <a:gd name="connsiteY37" fmla="*/ 971550 h 1640067"/>
                <a:gd name="connsiteX38" fmla="*/ 2378155 w 4159329"/>
                <a:gd name="connsiteY38" fmla="*/ 952500 h 1640067"/>
                <a:gd name="connsiteX39" fmla="*/ 2442448 w 4159329"/>
                <a:gd name="connsiteY39" fmla="*/ 931068 h 1640067"/>
                <a:gd name="connsiteX40" fmla="*/ 2506741 w 4159329"/>
                <a:gd name="connsiteY40" fmla="*/ 909637 h 1640067"/>
                <a:gd name="connsiteX41" fmla="*/ 2668666 w 4159329"/>
                <a:gd name="connsiteY41" fmla="*/ 831056 h 1640067"/>
                <a:gd name="connsiteX42" fmla="*/ 2694860 w 4159329"/>
                <a:gd name="connsiteY42" fmla="*/ 814387 h 1640067"/>
                <a:gd name="connsiteX43" fmla="*/ 3168729 w 4159329"/>
                <a:gd name="connsiteY43" fmla="*/ 614362 h 1640067"/>
                <a:gd name="connsiteX44" fmla="*/ 4159329 w 4159329"/>
                <a:gd name="connsiteY44" fmla="*/ 0 h 1640067"/>
                <a:gd name="connsiteX0" fmla="*/ 4159329 w 4159329"/>
                <a:gd name="connsiteY0" fmla="*/ 0 h 1640067"/>
                <a:gd name="connsiteX1" fmla="*/ 4159329 w 4159329"/>
                <a:gd name="connsiteY1" fmla="*/ 1638300 h 1640067"/>
                <a:gd name="connsiteX2" fmla="*/ 301704 w 4159329"/>
                <a:gd name="connsiteY2" fmla="*/ 1638300 h 1640067"/>
                <a:gd name="connsiteX3" fmla="*/ 428704 w 4159329"/>
                <a:gd name="connsiteY3" fmla="*/ 1598612 h 1640067"/>
                <a:gd name="connsiteX4" fmla="*/ 375522 w 4159329"/>
                <a:gd name="connsiteY4" fmla="*/ 1614487 h 1640067"/>
                <a:gd name="connsiteX5" fmla="*/ 473154 w 4159329"/>
                <a:gd name="connsiteY5" fmla="*/ 1583531 h 1640067"/>
                <a:gd name="connsiteX6" fmla="*/ 513635 w 4159329"/>
                <a:gd name="connsiteY6" fmla="*/ 1576387 h 1640067"/>
                <a:gd name="connsiteX7" fmla="*/ 630317 w 4159329"/>
                <a:gd name="connsiteY7" fmla="*/ 1557337 h 1640067"/>
                <a:gd name="connsiteX8" fmla="*/ 768429 w 4159329"/>
                <a:gd name="connsiteY8" fmla="*/ 1526381 h 1640067"/>
                <a:gd name="connsiteX9" fmla="*/ 927973 w 4159329"/>
                <a:gd name="connsiteY9" fmla="*/ 1500188 h 1640067"/>
                <a:gd name="connsiteX10" fmla="*/ 992267 w 4159329"/>
                <a:gd name="connsiteY10" fmla="*/ 1493044 h 1640067"/>
                <a:gd name="connsiteX11" fmla="*/ 1047035 w 4159329"/>
                <a:gd name="connsiteY11" fmla="*/ 1490662 h 1640067"/>
                <a:gd name="connsiteX12" fmla="*/ 1163717 w 4159329"/>
                <a:gd name="connsiteY12" fmla="*/ 1459706 h 1640067"/>
                <a:gd name="connsiteX13" fmla="*/ 1266110 w 4159329"/>
                <a:gd name="connsiteY13" fmla="*/ 1443037 h 1640067"/>
                <a:gd name="connsiteX14" fmla="*/ 1325642 w 4159329"/>
                <a:gd name="connsiteY14" fmla="*/ 1412081 h 1640067"/>
                <a:gd name="connsiteX15" fmla="*/ 1349454 w 4159329"/>
                <a:gd name="connsiteY15" fmla="*/ 1393031 h 1640067"/>
                <a:gd name="connsiteX16" fmla="*/ 1380410 w 4159329"/>
                <a:gd name="connsiteY16" fmla="*/ 1366837 h 1640067"/>
                <a:gd name="connsiteX17" fmla="*/ 1439942 w 4159329"/>
                <a:gd name="connsiteY17" fmla="*/ 1347787 h 1640067"/>
                <a:gd name="connsiteX18" fmla="*/ 1468517 w 4159329"/>
                <a:gd name="connsiteY18" fmla="*/ 1331118 h 1640067"/>
                <a:gd name="connsiteX19" fmla="*/ 1504235 w 4159329"/>
                <a:gd name="connsiteY19" fmla="*/ 1316831 h 1640067"/>
                <a:gd name="connsiteX20" fmla="*/ 1544717 w 4159329"/>
                <a:gd name="connsiteY20" fmla="*/ 1302543 h 1640067"/>
                <a:gd name="connsiteX21" fmla="*/ 1573292 w 4159329"/>
                <a:gd name="connsiteY21" fmla="*/ 1290637 h 1640067"/>
                <a:gd name="connsiteX22" fmla="*/ 1592342 w 4159329"/>
                <a:gd name="connsiteY22" fmla="*/ 1283493 h 1640067"/>
                <a:gd name="connsiteX23" fmla="*/ 1623298 w 4159329"/>
                <a:gd name="connsiteY23" fmla="*/ 1276350 h 1640067"/>
                <a:gd name="connsiteX24" fmla="*/ 1654254 w 4159329"/>
                <a:gd name="connsiteY24" fmla="*/ 1273968 h 1640067"/>
                <a:gd name="connsiteX25" fmla="*/ 1682829 w 4159329"/>
                <a:gd name="connsiteY25" fmla="*/ 1271587 h 1640067"/>
                <a:gd name="connsiteX26" fmla="*/ 1706642 w 4159329"/>
                <a:gd name="connsiteY26" fmla="*/ 1257300 h 1640067"/>
                <a:gd name="connsiteX27" fmla="*/ 1723310 w 4159329"/>
                <a:gd name="connsiteY27" fmla="*/ 1243012 h 1640067"/>
                <a:gd name="connsiteX28" fmla="*/ 1739979 w 4159329"/>
                <a:gd name="connsiteY28" fmla="*/ 1233487 h 1640067"/>
                <a:gd name="connsiteX29" fmla="*/ 1766173 w 4159329"/>
                <a:gd name="connsiteY29" fmla="*/ 1216818 h 1640067"/>
                <a:gd name="connsiteX30" fmla="*/ 1792367 w 4159329"/>
                <a:gd name="connsiteY30" fmla="*/ 1209675 h 1640067"/>
                <a:gd name="connsiteX31" fmla="*/ 1816179 w 4159329"/>
                <a:gd name="connsiteY31" fmla="*/ 1197768 h 1640067"/>
                <a:gd name="connsiteX32" fmla="*/ 1842373 w 4159329"/>
                <a:gd name="connsiteY32" fmla="*/ 1185862 h 1640067"/>
                <a:gd name="connsiteX33" fmla="*/ 1863804 w 4159329"/>
                <a:gd name="connsiteY33" fmla="*/ 1171575 h 1640067"/>
                <a:gd name="connsiteX34" fmla="*/ 1885235 w 4159329"/>
                <a:gd name="connsiteY34" fmla="*/ 1157287 h 1640067"/>
                <a:gd name="connsiteX35" fmla="*/ 1906667 w 4159329"/>
                <a:gd name="connsiteY35" fmla="*/ 1147762 h 1640067"/>
                <a:gd name="connsiteX36" fmla="*/ 2311480 w 4159329"/>
                <a:gd name="connsiteY36" fmla="*/ 988218 h 1640067"/>
                <a:gd name="connsiteX37" fmla="*/ 2366249 w 4159329"/>
                <a:gd name="connsiteY37" fmla="*/ 971550 h 1640067"/>
                <a:gd name="connsiteX38" fmla="*/ 2378155 w 4159329"/>
                <a:gd name="connsiteY38" fmla="*/ 952500 h 1640067"/>
                <a:gd name="connsiteX39" fmla="*/ 2442448 w 4159329"/>
                <a:gd name="connsiteY39" fmla="*/ 931068 h 1640067"/>
                <a:gd name="connsiteX40" fmla="*/ 2506741 w 4159329"/>
                <a:gd name="connsiteY40" fmla="*/ 909637 h 1640067"/>
                <a:gd name="connsiteX41" fmla="*/ 2668666 w 4159329"/>
                <a:gd name="connsiteY41" fmla="*/ 831056 h 1640067"/>
                <a:gd name="connsiteX42" fmla="*/ 2694860 w 4159329"/>
                <a:gd name="connsiteY42" fmla="*/ 814387 h 1640067"/>
                <a:gd name="connsiteX43" fmla="*/ 3168729 w 4159329"/>
                <a:gd name="connsiteY43" fmla="*/ 614362 h 1640067"/>
                <a:gd name="connsiteX44" fmla="*/ 4159329 w 4159329"/>
                <a:gd name="connsiteY44" fmla="*/ 0 h 1640067"/>
                <a:gd name="connsiteX0" fmla="*/ 4160022 w 4160022"/>
                <a:gd name="connsiteY0" fmla="*/ 0 h 1644619"/>
                <a:gd name="connsiteX1" fmla="*/ 4160022 w 4160022"/>
                <a:gd name="connsiteY1" fmla="*/ 1638300 h 1644619"/>
                <a:gd name="connsiteX2" fmla="*/ 302397 w 4160022"/>
                <a:gd name="connsiteY2" fmla="*/ 1638300 h 1644619"/>
                <a:gd name="connsiteX3" fmla="*/ 427016 w 4160022"/>
                <a:gd name="connsiteY3" fmla="*/ 1608137 h 1644619"/>
                <a:gd name="connsiteX4" fmla="*/ 376215 w 4160022"/>
                <a:gd name="connsiteY4" fmla="*/ 1614487 h 1644619"/>
                <a:gd name="connsiteX5" fmla="*/ 473847 w 4160022"/>
                <a:gd name="connsiteY5" fmla="*/ 1583531 h 1644619"/>
                <a:gd name="connsiteX6" fmla="*/ 514328 w 4160022"/>
                <a:gd name="connsiteY6" fmla="*/ 1576387 h 1644619"/>
                <a:gd name="connsiteX7" fmla="*/ 631010 w 4160022"/>
                <a:gd name="connsiteY7" fmla="*/ 1557337 h 1644619"/>
                <a:gd name="connsiteX8" fmla="*/ 769122 w 4160022"/>
                <a:gd name="connsiteY8" fmla="*/ 1526381 h 1644619"/>
                <a:gd name="connsiteX9" fmla="*/ 928666 w 4160022"/>
                <a:gd name="connsiteY9" fmla="*/ 1500188 h 1644619"/>
                <a:gd name="connsiteX10" fmla="*/ 992960 w 4160022"/>
                <a:gd name="connsiteY10" fmla="*/ 1493044 h 1644619"/>
                <a:gd name="connsiteX11" fmla="*/ 1047728 w 4160022"/>
                <a:gd name="connsiteY11" fmla="*/ 1490662 h 1644619"/>
                <a:gd name="connsiteX12" fmla="*/ 1164410 w 4160022"/>
                <a:gd name="connsiteY12" fmla="*/ 1459706 h 1644619"/>
                <a:gd name="connsiteX13" fmla="*/ 1266803 w 4160022"/>
                <a:gd name="connsiteY13" fmla="*/ 1443037 h 1644619"/>
                <a:gd name="connsiteX14" fmla="*/ 1326335 w 4160022"/>
                <a:gd name="connsiteY14" fmla="*/ 1412081 h 1644619"/>
                <a:gd name="connsiteX15" fmla="*/ 1350147 w 4160022"/>
                <a:gd name="connsiteY15" fmla="*/ 1393031 h 1644619"/>
                <a:gd name="connsiteX16" fmla="*/ 1381103 w 4160022"/>
                <a:gd name="connsiteY16" fmla="*/ 1366837 h 1644619"/>
                <a:gd name="connsiteX17" fmla="*/ 1440635 w 4160022"/>
                <a:gd name="connsiteY17" fmla="*/ 1347787 h 1644619"/>
                <a:gd name="connsiteX18" fmla="*/ 1469210 w 4160022"/>
                <a:gd name="connsiteY18" fmla="*/ 1331118 h 1644619"/>
                <a:gd name="connsiteX19" fmla="*/ 1504928 w 4160022"/>
                <a:gd name="connsiteY19" fmla="*/ 1316831 h 1644619"/>
                <a:gd name="connsiteX20" fmla="*/ 1545410 w 4160022"/>
                <a:gd name="connsiteY20" fmla="*/ 1302543 h 1644619"/>
                <a:gd name="connsiteX21" fmla="*/ 1573985 w 4160022"/>
                <a:gd name="connsiteY21" fmla="*/ 1290637 h 1644619"/>
                <a:gd name="connsiteX22" fmla="*/ 1593035 w 4160022"/>
                <a:gd name="connsiteY22" fmla="*/ 1283493 h 1644619"/>
                <a:gd name="connsiteX23" fmla="*/ 1623991 w 4160022"/>
                <a:gd name="connsiteY23" fmla="*/ 1276350 h 1644619"/>
                <a:gd name="connsiteX24" fmla="*/ 1654947 w 4160022"/>
                <a:gd name="connsiteY24" fmla="*/ 1273968 h 1644619"/>
                <a:gd name="connsiteX25" fmla="*/ 1683522 w 4160022"/>
                <a:gd name="connsiteY25" fmla="*/ 1271587 h 1644619"/>
                <a:gd name="connsiteX26" fmla="*/ 1707335 w 4160022"/>
                <a:gd name="connsiteY26" fmla="*/ 1257300 h 1644619"/>
                <a:gd name="connsiteX27" fmla="*/ 1724003 w 4160022"/>
                <a:gd name="connsiteY27" fmla="*/ 1243012 h 1644619"/>
                <a:gd name="connsiteX28" fmla="*/ 1740672 w 4160022"/>
                <a:gd name="connsiteY28" fmla="*/ 1233487 h 1644619"/>
                <a:gd name="connsiteX29" fmla="*/ 1766866 w 4160022"/>
                <a:gd name="connsiteY29" fmla="*/ 1216818 h 1644619"/>
                <a:gd name="connsiteX30" fmla="*/ 1793060 w 4160022"/>
                <a:gd name="connsiteY30" fmla="*/ 1209675 h 1644619"/>
                <a:gd name="connsiteX31" fmla="*/ 1816872 w 4160022"/>
                <a:gd name="connsiteY31" fmla="*/ 1197768 h 1644619"/>
                <a:gd name="connsiteX32" fmla="*/ 1843066 w 4160022"/>
                <a:gd name="connsiteY32" fmla="*/ 1185862 h 1644619"/>
                <a:gd name="connsiteX33" fmla="*/ 1864497 w 4160022"/>
                <a:gd name="connsiteY33" fmla="*/ 1171575 h 1644619"/>
                <a:gd name="connsiteX34" fmla="*/ 1885928 w 4160022"/>
                <a:gd name="connsiteY34" fmla="*/ 1157287 h 1644619"/>
                <a:gd name="connsiteX35" fmla="*/ 1907360 w 4160022"/>
                <a:gd name="connsiteY35" fmla="*/ 1147762 h 1644619"/>
                <a:gd name="connsiteX36" fmla="*/ 2312173 w 4160022"/>
                <a:gd name="connsiteY36" fmla="*/ 988218 h 1644619"/>
                <a:gd name="connsiteX37" fmla="*/ 2366942 w 4160022"/>
                <a:gd name="connsiteY37" fmla="*/ 971550 h 1644619"/>
                <a:gd name="connsiteX38" fmla="*/ 2378848 w 4160022"/>
                <a:gd name="connsiteY38" fmla="*/ 952500 h 1644619"/>
                <a:gd name="connsiteX39" fmla="*/ 2443141 w 4160022"/>
                <a:gd name="connsiteY39" fmla="*/ 931068 h 1644619"/>
                <a:gd name="connsiteX40" fmla="*/ 2507434 w 4160022"/>
                <a:gd name="connsiteY40" fmla="*/ 909637 h 1644619"/>
                <a:gd name="connsiteX41" fmla="*/ 2669359 w 4160022"/>
                <a:gd name="connsiteY41" fmla="*/ 831056 h 1644619"/>
                <a:gd name="connsiteX42" fmla="*/ 2695553 w 4160022"/>
                <a:gd name="connsiteY42" fmla="*/ 814387 h 1644619"/>
                <a:gd name="connsiteX43" fmla="*/ 3169422 w 4160022"/>
                <a:gd name="connsiteY43" fmla="*/ 614362 h 1644619"/>
                <a:gd name="connsiteX44" fmla="*/ 4160022 w 4160022"/>
                <a:gd name="connsiteY44" fmla="*/ 0 h 1644619"/>
                <a:gd name="connsiteX0" fmla="*/ 4160022 w 4160022"/>
                <a:gd name="connsiteY0" fmla="*/ 0 h 1644619"/>
                <a:gd name="connsiteX1" fmla="*/ 4160022 w 4160022"/>
                <a:gd name="connsiteY1" fmla="*/ 1638300 h 1644619"/>
                <a:gd name="connsiteX2" fmla="*/ 302397 w 4160022"/>
                <a:gd name="connsiteY2" fmla="*/ 1638300 h 1644619"/>
                <a:gd name="connsiteX3" fmla="*/ 427016 w 4160022"/>
                <a:gd name="connsiteY3" fmla="*/ 1608137 h 1644619"/>
                <a:gd name="connsiteX4" fmla="*/ 376215 w 4160022"/>
                <a:gd name="connsiteY4" fmla="*/ 1614487 h 1644619"/>
                <a:gd name="connsiteX5" fmla="*/ 473847 w 4160022"/>
                <a:gd name="connsiteY5" fmla="*/ 1593056 h 1644619"/>
                <a:gd name="connsiteX6" fmla="*/ 514328 w 4160022"/>
                <a:gd name="connsiteY6" fmla="*/ 1576387 h 1644619"/>
                <a:gd name="connsiteX7" fmla="*/ 631010 w 4160022"/>
                <a:gd name="connsiteY7" fmla="*/ 1557337 h 1644619"/>
                <a:gd name="connsiteX8" fmla="*/ 769122 w 4160022"/>
                <a:gd name="connsiteY8" fmla="*/ 1526381 h 1644619"/>
                <a:gd name="connsiteX9" fmla="*/ 928666 w 4160022"/>
                <a:gd name="connsiteY9" fmla="*/ 1500188 h 1644619"/>
                <a:gd name="connsiteX10" fmla="*/ 992960 w 4160022"/>
                <a:gd name="connsiteY10" fmla="*/ 1493044 h 1644619"/>
                <a:gd name="connsiteX11" fmla="*/ 1047728 w 4160022"/>
                <a:gd name="connsiteY11" fmla="*/ 1490662 h 1644619"/>
                <a:gd name="connsiteX12" fmla="*/ 1164410 w 4160022"/>
                <a:gd name="connsiteY12" fmla="*/ 1459706 h 1644619"/>
                <a:gd name="connsiteX13" fmla="*/ 1266803 w 4160022"/>
                <a:gd name="connsiteY13" fmla="*/ 1443037 h 1644619"/>
                <a:gd name="connsiteX14" fmla="*/ 1326335 w 4160022"/>
                <a:gd name="connsiteY14" fmla="*/ 1412081 h 1644619"/>
                <a:gd name="connsiteX15" fmla="*/ 1350147 w 4160022"/>
                <a:gd name="connsiteY15" fmla="*/ 1393031 h 1644619"/>
                <a:gd name="connsiteX16" fmla="*/ 1381103 w 4160022"/>
                <a:gd name="connsiteY16" fmla="*/ 1366837 h 1644619"/>
                <a:gd name="connsiteX17" fmla="*/ 1440635 w 4160022"/>
                <a:gd name="connsiteY17" fmla="*/ 1347787 h 1644619"/>
                <a:gd name="connsiteX18" fmla="*/ 1469210 w 4160022"/>
                <a:gd name="connsiteY18" fmla="*/ 1331118 h 1644619"/>
                <a:gd name="connsiteX19" fmla="*/ 1504928 w 4160022"/>
                <a:gd name="connsiteY19" fmla="*/ 1316831 h 1644619"/>
                <a:gd name="connsiteX20" fmla="*/ 1545410 w 4160022"/>
                <a:gd name="connsiteY20" fmla="*/ 1302543 h 1644619"/>
                <a:gd name="connsiteX21" fmla="*/ 1573985 w 4160022"/>
                <a:gd name="connsiteY21" fmla="*/ 1290637 h 1644619"/>
                <a:gd name="connsiteX22" fmla="*/ 1593035 w 4160022"/>
                <a:gd name="connsiteY22" fmla="*/ 1283493 h 1644619"/>
                <a:gd name="connsiteX23" fmla="*/ 1623991 w 4160022"/>
                <a:gd name="connsiteY23" fmla="*/ 1276350 h 1644619"/>
                <a:gd name="connsiteX24" fmla="*/ 1654947 w 4160022"/>
                <a:gd name="connsiteY24" fmla="*/ 1273968 h 1644619"/>
                <a:gd name="connsiteX25" fmla="*/ 1683522 w 4160022"/>
                <a:gd name="connsiteY25" fmla="*/ 1271587 h 1644619"/>
                <a:gd name="connsiteX26" fmla="*/ 1707335 w 4160022"/>
                <a:gd name="connsiteY26" fmla="*/ 1257300 h 1644619"/>
                <a:gd name="connsiteX27" fmla="*/ 1724003 w 4160022"/>
                <a:gd name="connsiteY27" fmla="*/ 1243012 h 1644619"/>
                <a:gd name="connsiteX28" fmla="*/ 1740672 w 4160022"/>
                <a:gd name="connsiteY28" fmla="*/ 1233487 h 1644619"/>
                <a:gd name="connsiteX29" fmla="*/ 1766866 w 4160022"/>
                <a:gd name="connsiteY29" fmla="*/ 1216818 h 1644619"/>
                <a:gd name="connsiteX30" fmla="*/ 1793060 w 4160022"/>
                <a:gd name="connsiteY30" fmla="*/ 1209675 h 1644619"/>
                <a:gd name="connsiteX31" fmla="*/ 1816872 w 4160022"/>
                <a:gd name="connsiteY31" fmla="*/ 1197768 h 1644619"/>
                <a:gd name="connsiteX32" fmla="*/ 1843066 w 4160022"/>
                <a:gd name="connsiteY32" fmla="*/ 1185862 h 1644619"/>
                <a:gd name="connsiteX33" fmla="*/ 1864497 w 4160022"/>
                <a:gd name="connsiteY33" fmla="*/ 1171575 h 1644619"/>
                <a:gd name="connsiteX34" fmla="*/ 1885928 w 4160022"/>
                <a:gd name="connsiteY34" fmla="*/ 1157287 h 1644619"/>
                <a:gd name="connsiteX35" fmla="*/ 1907360 w 4160022"/>
                <a:gd name="connsiteY35" fmla="*/ 1147762 h 1644619"/>
                <a:gd name="connsiteX36" fmla="*/ 2312173 w 4160022"/>
                <a:gd name="connsiteY36" fmla="*/ 988218 h 1644619"/>
                <a:gd name="connsiteX37" fmla="*/ 2366942 w 4160022"/>
                <a:gd name="connsiteY37" fmla="*/ 971550 h 1644619"/>
                <a:gd name="connsiteX38" fmla="*/ 2378848 w 4160022"/>
                <a:gd name="connsiteY38" fmla="*/ 952500 h 1644619"/>
                <a:gd name="connsiteX39" fmla="*/ 2443141 w 4160022"/>
                <a:gd name="connsiteY39" fmla="*/ 931068 h 1644619"/>
                <a:gd name="connsiteX40" fmla="*/ 2507434 w 4160022"/>
                <a:gd name="connsiteY40" fmla="*/ 909637 h 1644619"/>
                <a:gd name="connsiteX41" fmla="*/ 2669359 w 4160022"/>
                <a:gd name="connsiteY41" fmla="*/ 831056 h 1644619"/>
                <a:gd name="connsiteX42" fmla="*/ 2695553 w 4160022"/>
                <a:gd name="connsiteY42" fmla="*/ 814387 h 1644619"/>
                <a:gd name="connsiteX43" fmla="*/ 3169422 w 4160022"/>
                <a:gd name="connsiteY43" fmla="*/ 614362 h 1644619"/>
                <a:gd name="connsiteX44" fmla="*/ 4160022 w 4160022"/>
                <a:gd name="connsiteY44" fmla="*/ 0 h 1644619"/>
                <a:gd name="connsiteX0" fmla="*/ 4160022 w 4160022"/>
                <a:gd name="connsiteY0" fmla="*/ 0 h 1644619"/>
                <a:gd name="connsiteX1" fmla="*/ 4160022 w 4160022"/>
                <a:gd name="connsiteY1" fmla="*/ 1638300 h 1644619"/>
                <a:gd name="connsiteX2" fmla="*/ 302397 w 4160022"/>
                <a:gd name="connsiteY2" fmla="*/ 1638300 h 1644619"/>
                <a:gd name="connsiteX3" fmla="*/ 427016 w 4160022"/>
                <a:gd name="connsiteY3" fmla="*/ 1608137 h 1644619"/>
                <a:gd name="connsiteX4" fmla="*/ 376215 w 4160022"/>
                <a:gd name="connsiteY4" fmla="*/ 1614487 h 1644619"/>
                <a:gd name="connsiteX5" fmla="*/ 473847 w 4160022"/>
                <a:gd name="connsiteY5" fmla="*/ 1593056 h 1644619"/>
                <a:gd name="connsiteX6" fmla="*/ 514328 w 4160022"/>
                <a:gd name="connsiteY6" fmla="*/ 1590675 h 1644619"/>
                <a:gd name="connsiteX7" fmla="*/ 631010 w 4160022"/>
                <a:gd name="connsiteY7" fmla="*/ 1557337 h 1644619"/>
                <a:gd name="connsiteX8" fmla="*/ 769122 w 4160022"/>
                <a:gd name="connsiteY8" fmla="*/ 1526381 h 1644619"/>
                <a:gd name="connsiteX9" fmla="*/ 928666 w 4160022"/>
                <a:gd name="connsiteY9" fmla="*/ 1500188 h 1644619"/>
                <a:gd name="connsiteX10" fmla="*/ 992960 w 4160022"/>
                <a:gd name="connsiteY10" fmla="*/ 1493044 h 1644619"/>
                <a:gd name="connsiteX11" fmla="*/ 1047728 w 4160022"/>
                <a:gd name="connsiteY11" fmla="*/ 1490662 h 1644619"/>
                <a:gd name="connsiteX12" fmla="*/ 1164410 w 4160022"/>
                <a:gd name="connsiteY12" fmla="*/ 1459706 h 1644619"/>
                <a:gd name="connsiteX13" fmla="*/ 1266803 w 4160022"/>
                <a:gd name="connsiteY13" fmla="*/ 1443037 h 1644619"/>
                <a:gd name="connsiteX14" fmla="*/ 1326335 w 4160022"/>
                <a:gd name="connsiteY14" fmla="*/ 1412081 h 1644619"/>
                <a:gd name="connsiteX15" fmla="*/ 1350147 w 4160022"/>
                <a:gd name="connsiteY15" fmla="*/ 1393031 h 1644619"/>
                <a:gd name="connsiteX16" fmla="*/ 1381103 w 4160022"/>
                <a:gd name="connsiteY16" fmla="*/ 1366837 h 1644619"/>
                <a:gd name="connsiteX17" fmla="*/ 1440635 w 4160022"/>
                <a:gd name="connsiteY17" fmla="*/ 1347787 h 1644619"/>
                <a:gd name="connsiteX18" fmla="*/ 1469210 w 4160022"/>
                <a:gd name="connsiteY18" fmla="*/ 1331118 h 1644619"/>
                <a:gd name="connsiteX19" fmla="*/ 1504928 w 4160022"/>
                <a:gd name="connsiteY19" fmla="*/ 1316831 h 1644619"/>
                <a:gd name="connsiteX20" fmla="*/ 1545410 w 4160022"/>
                <a:gd name="connsiteY20" fmla="*/ 1302543 h 1644619"/>
                <a:gd name="connsiteX21" fmla="*/ 1573985 w 4160022"/>
                <a:gd name="connsiteY21" fmla="*/ 1290637 h 1644619"/>
                <a:gd name="connsiteX22" fmla="*/ 1593035 w 4160022"/>
                <a:gd name="connsiteY22" fmla="*/ 1283493 h 1644619"/>
                <a:gd name="connsiteX23" fmla="*/ 1623991 w 4160022"/>
                <a:gd name="connsiteY23" fmla="*/ 1276350 h 1644619"/>
                <a:gd name="connsiteX24" fmla="*/ 1654947 w 4160022"/>
                <a:gd name="connsiteY24" fmla="*/ 1273968 h 1644619"/>
                <a:gd name="connsiteX25" fmla="*/ 1683522 w 4160022"/>
                <a:gd name="connsiteY25" fmla="*/ 1271587 h 1644619"/>
                <a:gd name="connsiteX26" fmla="*/ 1707335 w 4160022"/>
                <a:gd name="connsiteY26" fmla="*/ 1257300 h 1644619"/>
                <a:gd name="connsiteX27" fmla="*/ 1724003 w 4160022"/>
                <a:gd name="connsiteY27" fmla="*/ 1243012 h 1644619"/>
                <a:gd name="connsiteX28" fmla="*/ 1740672 w 4160022"/>
                <a:gd name="connsiteY28" fmla="*/ 1233487 h 1644619"/>
                <a:gd name="connsiteX29" fmla="*/ 1766866 w 4160022"/>
                <a:gd name="connsiteY29" fmla="*/ 1216818 h 1644619"/>
                <a:gd name="connsiteX30" fmla="*/ 1793060 w 4160022"/>
                <a:gd name="connsiteY30" fmla="*/ 1209675 h 1644619"/>
                <a:gd name="connsiteX31" fmla="*/ 1816872 w 4160022"/>
                <a:gd name="connsiteY31" fmla="*/ 1197768 h 1644619"/>
                <a:gd name="connsiteX32" fmla="*/ 1843066 w 4160022"/>
                <a:gd name="connsiteY32" fmla="*/ 1185862 h 1644619"/>
                <a:gd name="connsiteX33" fmla="*/ 1864497 w 4160022"/>
                <a:gd name="connsiteY33" fmla="*/ 1171575 h 1644619"/>
                <a:gd name="connsiteX34" fmla="*/ 1885928 w 4160022"/>
                <a:gd name="connsiteY34" fmla="*/ 1157287 h 1644619"/>
                <a:gd name="connsiteX35" fmla="*/ 1907360 w 4160022"/>
                <a:gd name="connsiteY35" fmla="*/ 1147762 h 1644619"/>
                <a:gd name="connsiteX36" fmla="*/ 2312173 w 4160022"/>
                <a:gd name="connsiteY36" fmla="*/ 988218 h 1644619"/>
                <a:gd name="connsiteX37" fmla="*/ 2366942 w 4160022"/>
                <a:gd name="connsiteY37" fmla="*/ 971550 h 1644619"/>
                <a:gd name="connsiteX38" fmla="*/ 2378848 w 4160022"/>
                <a:gd name="connsiteY38" fmla="*/ 952500 h 1644619"/>
                <a:gd name="connsiteX39" fmla="*/ 2443141 w 4160022"/>
                <a:gd name="connsiteY39" fmla="*/ 931068 h 1644619"/>
                <a:gd name="connsiteX40" fmla="*/ 2507434 w 4160022"/>
                <a:gd name="connsiteY40" fmla="*/ 909637 h 1644619"/>
                <a:gd name="connsiteX41" fmla="*/ 2669359 w 4160022"/>
                <a:gd name="connsiteY41" fmla="*/ 831056 h 1644619"/>
                <a:gd name="connsiteX42" fmla="*/ 2695553 w 4160022"/>
                <a:gd name="connsiteY42" fmla="*/ 814387 h 1644619"/>
                <a:gd name="connsiteX43" fmla="*/ 3169422 w 4160022"/>
                <a:gd name="connsiteY43" fmla="*/ 614362 h 1644619"/>
                <a:gd name="connsiteX44" fmla="*/ 4160022 w 4160022"/>
                <a:gd name="connsiteY44" fmla="*/ 0 h 1644619"/>
                <a:gd name="connsiteX0" fmla="*/ 4160022 w 4160022"/>
                <a:gd name="connsiteY0" fmla="*/ 0 h 1644619"/>
                <a:gd name="connsiteX1" fmla="*/ 4160022 w 4160022"/>
                <a:gd name="connsiteY1" fmla="*/ 1638300 h 1644619"/>
                <a:gd name="connsiteX2" fmla="*/ 302397 w 4160022"/>
                <a:gd name="connsiteY2" fmla="*/ 1638300 h 1644619"/>
                <a:gd name="connsiteX3" fmla="*/ 427016 w 4160022"/>
                <a:gd name="connsiteY3" fmla="*/ 1608137 h 1644619"/>
                <a:gd name="connsiteX4" fmla="*/ 376215 w 4160022"/>
                <a:gd name="connsiteY4" fmla="*/ 1614487 h 1644619"/>
                <a:gd name="connsiteX5" fmla="*/ 473847 w 4160022"/>
                <a:gd name="connsiteY5" fmla="*/ 1593056 h 1644619"/>
                <a:gd name="connsiteX6" fmla="*/ 514328 w 4160022"/>
                <a:gd name="connsiteY6" fmla="*/ 1590675 h 1644619"/>
                <a:gd name="connsiteX7" fmla="*/ 631010 w 4160022"/>
                <a:gd name="connsiteY7" fmla="*/ 1574006 h 1644619"/>
                <a:gd name="connsiteX8" fmla="*/ 769122 w 4160022"/>
                <a:gd name="connsiteY8" fmla="*/ 1526381 h 1644619"/>
                <a:gd name="connsiteX9" fmla="*/ 928666 w 4160022"/>
                <a:gd name="connsiteY9" fmla="*/ 1500188 h 1644619"/>
                <a:gd name="connsiteX10" fmla="*/ 992960 w 4160022"/>
                <a:gd name="connsiteY10" fmla="*/ 1493044 h 1644619"/>
                <a:gd name="connsiteX11" fmla="*/ 1047728 w 4160022"/>
                <a:gd name="connsiteY11" fmla="*/ 1490662 h 1644619"/>
                <a:gd name="connsiteX12" fmla="*/ 1164410 w 4160022"/>
                <a:gd name="connsiteY12" fmla="*/ 1459706 h 1644619"/>
                <a:gd name="connsiteX13" fmla="*/ 1266803 w 4160022"/>
                <a:gd name="connsiteY13" fmla="*/ 1443037 h 1644619"/>
                <a:gd name="connsiteX14" fmla="*/ 1326335 w 4160022"/>
                <a:gd name="connsiteY14" fmla="*/ 1412081 h 1644619"/>
                <a:gd name="connsiteX15" fmla="*/ 1350147 w 4160022"/>
                <a:gd name="connsiteY15" fmla="*/ 1393031 h 1644619"/>
                <a:gd name="connsiteX16" fmla="*/ 1381103 w 4160022"/>
                <a:gd name="connsiteY16" fmla="*/ 1366837 h 1644619"/>
                <a:gd name="connsiteX17" fmla="*/ 1440635 w 4160022"/>
                <a:gd name="connsiteY17" fmla="*/ 1347787 h 1644619"/>
                <a:gd name="connsiteX18" fmla="*/ 1469210 w 4160022"/>
                <a:gd name="connsiteY18" fmla="*/ 1331118 h 1644619"/>
                <a:gd name="connsiteX19" fmla="*/ 1504928 w 4160022"/>
                <a:gd name="connsiteY19" fmla="*/ 1316831 h 1644619"/>
                <a:gd name="connsiteX20" fmla="*/ 1545410 w 4160022"/>
                <a:gd name="connsiteY20" fmla="*/ 1302543 h 1644619"/>
                <a:gd name="connsiteX21" fmla="*/ 1573985 w 4160022"/>
                <a:gd name="connsiteY21" fmla="*/ 1290637 h 1644619"/>
                <a:gd name="connsiteX22" fmla="*/ 1593035 w 4160022"/>
                <a:gd name="connsiteY22" fmla="*/ 1283493 h 1644619"/>
                <a:gd name="connsiteX23" fmla="*/ 1623991 w 4160022"/>
                <a:gd name="connsiteY23" fmla="*/ 1276350 h 1644619"/>
                <a:gd name="connsiteX24" fmla="*/ 1654947 w 4160022"/>
                <a:gd name="connsiteY24" fmla="*/ 1273968 h 1644619"/>
                <a:gd name="connsiteX25" fmla="*/ 1683522 w 4160022"/>
                <a:gd name="connsiteY25" fmla="*/ 1271587 h 1644619"/>
                <a:gd name="connsiteX26" fmla="*/ 1707335 w 4160022"/>
                <a:gd name="connsiteY26" fmla="*/ 1257300 h 1644619"/>
                <a:gd name="connsiteX27" fmla="*/ 1724003 w 4160022"/>
                <a:gd name="connsiteY27" fmla="*/ 1243012 h 1644619"/>
                <a:gd name="connsiteX28" fmla="*/ 1740672 w 4160022"/>
                <a:gd name="connsiteY28" fmla="*/ 1233487 h 1644619"/>
                <a:gd name="connsiteX29" fmla="*/ 1766866 w 4160022"/>
                <a:gd name="connsiteY29" fmla="*/ 1216818 h 1644619"/>
                <a:gd name="connsiteX30" fmla="*/ 1793060 w 4160022"/>
                <a:gd name="connsiteY30" fmla="*/ 1209675 h 1644619"/>
                <a:gd name="connsiteX31" fmla="*/ 1816872 w 4160022"/>
                <a:gd name="connsiteY31" fmla="*/ 1197768 h 1644619"/>
                <a:gd name="connsiteX32" fmla="*/ 1843066 w 4160022"/>
                <a:gd name="connsiteY32" fmla="*/ 1185862 h 1644619"/>
                <a:gd name="connsiteX33" fmla="*/ 1864497 w 4160022"/>
                <a:gd name="connsiteY33" fmla="*/ 1171575 h 1644619"/>
                <a:gd name="connsiteX34" fmla="*/ 1885928 w 4160022"/>
                <a:gd name="connsiteY34" fmla="*/ 1157287 h 1644619"/>
                <a:gd name="connsiteX35" fmla="*/ 1907360 w 4160022"/>
                <a:gd name="connsiteY35" fmla="*/ 1147762 h 1644619"/>
                <a:gd name="connsiteX36" fmla="*/ 2312173 w 4160022"/>
                <a:gd name="connsiteY36" fmla="*/ 988218 h 1644619"/>
                <a:gd name="connsiteX37" fmla="*/ 2366942 w 4160022"/>
                <a:gd name="connsiteY37" fmla="*/ 971550 h 1644619"/>
                <a:gd name="connsiteX38" fmla="*/ 2378848 w 4160022"/>
                <a:gd name="connsiteY38" fmla="*/ 952500 h 1644619"/>
                <a:gd name="connsiteX39" fmla="*/ 2443141 w 4160022"/>
                <a:gd name="connsiteY39" fmla="*/ 931068 h 1644619"/>
                <a:gd name="connsiteX40" fmla="*/ 2507434 w 4160022"/>
                <a:gd name="connsiteY40" fmla="*/ 909637 h 1644619"/>
                <a:gd name="connsiteX41" fmla="*/ 2669359 w 4160022"/>
                <a:gd name="connsiteY41" fmla="*/ 831056 h 1644619"/>
                <a:gd name="connsiteX42" fmla="*/ 2695553 w 4160022"/>
                <a:gd name="connsiteY42" fmla="*/ 814387 h 1644619"/>
                <a:gd name="connsiteX43" fmla="*/ 3169422 w 4160022"/>
                <a:gd name="connsiteY43" fmla="*/ 614362 h 1644619"/>
                <a:gd name="connsiteX44" fmla="*/ 4160022 w 4160022"/>
                <a:gd name="connsiteY44" fmla="*/ 0 h 1644619"/>
                <a:gd name="connsiteX0" fmla="*/ 4160022 w 4160022"/>
                <a:gd name="connsiteY0" fmla="*/ 0 h 1644619"/>
                <a:gd name="connsiteX1" fmla="*/ 4160022 w 4160022"/>
                <a:gd name="connsiteY1" fmla="*/ 1638300 h 1644619"/>
                <a:gd name="connsiteX2" fmla="*/ 302397 w 4160022"/>
                <a:gd name="connsiteY2" fmla="*/ 1638300 h 1644619"/>
                <a:gd name="connsiteX3" fmla="*/ 427016 w 4160022"/>
                <a:gd name="connsiteY3" fmla="*/ 1608137 h 1644619"/>
                <a:gd name="connsiteX4" fmla="*/ 380978 w 4160022"/>
                <a:gd name="connsiteY4" fmla="*/ 1621631 h 1644619"/>
                <a:gd name="connsiteX5" fmla="*/ 473847 w 4160022"/>
                <a:gd name="connsiteY5" fmla="*/ 1593056 h 1644619"/>
                <a:gd name="connsiteX6" fmla="*/ 514328 w 4160022"/>
                <a:gd name="connsiteY6" fmla="*/ 1590675 h 1644619"/>
                <a:gd name="connsiteX7" fmla="*/ 631010 w 4160022"/>
                <a:gd name="connsiteY7" fmla="*/ 1574006 h 1644619"/>
                <a:gd name="connsiteX8" fmla="*/ 769122 w 4160022"/>
                <a:gd name="connsiteY8" fmla="*/ 1526381 h 1644619"/>
                <a:gd name="connsiteX9" fmla="*/ 928666 w 4160022"/>
                <a:gd name="connsiteY9" fmla="*/ 1500188 h 1644619"/>
                <a:gd name="connsiteX10" fmla="*/ 992960 w 4160022"/>
                <a:gd name="connsiteY10" fmla="*/ 1493044 h 1644619"/>
                <a:gd name="connsiteX11" fmla="*/ 1047728 w 4160022"/>
                <a:gd name="connsiteY11" fmla="*/ 1490662 h 1644619"/>
                <a:gd name="connsiteX12" fmla="*/ 1164410 w 4160022"/>
                <a:gd name="connsiteY12" fmla="*/ 1459706 h 1644619"/>
                <a:gd name="connsiteX13" fmla="*/ 1266803 w 4160022"/>
                <a:gd name="connsiteY13" fmla="*/ 1443037 h 1644619"/>
                <a:gd name="connsiteX14" fmla="*/ 1326335 w 4160022"/>
                <a:gd name="connsiteY14" fmla="*/ 1412081 h 1644619"/>
                <a:gd name="connsiteX15" fmla="*/ 1350147 w 4160022"/>
                <a:gd name="connsiteY15" fmla="*/ 1393031 h 1644619"/>
                <a:gd name="connsiteX16" fmla="*/ 1381103 w 4160022"/>
                <a:gd name="connsiteY16" fmla="*/ 1366837 h 1644619"/>
                <a:gd name="connsiteX17" fmla="*/ 1440635 w 4160022"/>
                <a:gd name="connsiteY17" fmla="*/ 1347787 h 1644619"/>
                <a:gd name="connsiteX18" fmla="*/ 1469210 w 4160022"/>
                <a:gd name="connsiteY18" fmla="*/ 1331118 h 1644619"/>
                <a:gd name="connsiteX19" fmla="*/ 1504928 w 4160022"/>
                <a:gd name="connsiteY19" fmla="*/ 1316831 h 1644619"/>
                <a:gd name="connsiteX20" fmla="*/ 1545410 w 4160022"/>
                <a:gd name="connsiteY20" fmla="*/ 1302543 h 1644619"/>
                <a:gd name="connsiteX21" fmla="*/ 1573985 w 4160022"/>
                <a:gd name="connsiteY21" fmla="*/ 1290637 h 1644619"/>
                <a:gd name="connsiteX22" fmla="*/ 1593035 w 4160022"/>
                <a:gd name="connsiteY22" fmla="*/ 1283493 h 1644619"/>
                <a:gd name="connsiteX23" fmla="*/ 1623991 w 4160022"/>
                <a:gd name="connsiteY23" fmla="*/ 1276350 h 1644619"/>
                <a:gd name="connsiteX24" fmla="*/ 1654947 w 4160022"/>
                <a:gd name="connsiteY24" fmla="*/ 1273968 h 1644619"/>
                <a:gd name="connsiteX25" fmla="*/ 1683522 w 4160022"/>
                <a:gd name="connsiteY25" fmla="*/ 1271587 h 1644619"/>
                <a:gd name="connsiteX26" fmla="*/ 1707335 w 4160022"/>
                <a:gd name="connsiteY26" fmla="*/ 1257300 h 1644619"/>
                <a:gd name="connsiteX27" fmla="*/ 1724003 w 4160022"/>
                <a:gd name="connsiteY27" fmla="*/ 1243012 h 1644619"/>
                <a:gd name="connsiteX28" fmla="*/ 1740672 w 4160022"/>
                <a:gd name="connsiteY28" fmla="*/ 1233487 h 1644619"/>
                <a:gd name="connsiteX29" fmla="*/ 1766866 w 4160022"/>
                <a:gd name="connsiteY29" fmla="*/ 1216818 h 1644619"/>
                <a:gd name="connsiteX30" fmla="*/ 1793060 w 4160022"/>
                <a:gd name="connsiteY30" fmla="*/ 1209675 h 1644619"/>
                <a:gd name="connsiteX31" fmla="*/ 1816872 w 4160022"/>
                <a:gd name="connsiteY31" fmla="*/ 1197768 h 1644619"/>
                <a:gd name="connsiteX32" fmla="*/ 1843066 w 4160022"/>
                <a:gd name="connsiteY32" fmla="*/ 1185862 h 1644619"/>
                <a:gd name="connsiteX33" fmla="*/ 1864497 w 4160022"/>
                <a:gd name="connsiteY33" fmla="*/ 1171575 h 1644619"/>
                <a:gd name="connsiteX34" fmla="*/ 1885928 w 4160022"/>
                <a:gd name="connsiteY34" fmla="*/ 1157287 h 1644619"/>
                <a:gd name="connsiteX35" fmla="*/ 1907360 w 4160022"/>
                <a:gd name="connsiteY35" fmla="*/ 1147762 h 1644619"/>
                <a:gd name="connsiteX36" fmla="*/ 2312173 w 4160022"/>
                <a:gd name="connsiteY36" fmla="*/ 988218 h 1644619"/>
                <a:gd name="connsiteX37" fmla="*/ 2366942 w 4160022"/>
                <a:gd name="connsiteY37" fmla="*/ 971550 h 1644619"/>
                <a:gd name="connsiteX38" fmla="*/ 2378848 w 4160022"/>
                <a:gd name="connsiteY38" fmla="*/ 952500 h 1644619"/>
                <a:gd name="connsiteX39" fmla="*/ 2443141 w 4160022"/>
                <a:gd name="connsiteY39" fmla="*/ 931068 h 1644619"/>
                <a:gd name="connsiteX40" fmla="*/ 2507434 w 4160022"/>
                <a:gd name="connsiteY40" fmla="*/ 909637 h 1644619"/>
                <a:gd name="connsiteX41" fmla="*/ 2669359 w 4160022"/>
                <a:gd name="connsiteY41" fmla="*/ 831056 h 1644619"/>
                <a:gd name="connsiteX42" fmla="*/ 2695553 w 4160022"/>
                <a:gd name="connsiteY42" fmla="*/ 814387 h 1644619"/>
                <a:gd name="connsiteX43" fmla="*/ 3169422 w 4160022"/>
                <a:gd name="connsiteY43" fmla="*/ 614362 h 1644619"/>
                <a:gd name="connsiteX44" fmla="*/ 4160022 w 4160022"/>
                <a:gd name="connsiteY44" fmla="*/ 0 h 1644619"/>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79596 w 4158640"/>
                <a:gd name="connsiteY4" fmla="*/ 1621631 h 1650237"/>
                <a:gd name="connsiteX5" fmla="*/ 472465 w 4158640"/>
                <a:gd name="connsiteY5" fmla="*/ 1593056 h 1650237"/>
                <a:gd name="connsiteX6" fmla="*/ 512946 w 4158640"/>
                <a:gd name="connsiteY6" fmla="*/ 1590675 h 1650237"/>
                <a:gd name="connsiteX7" fmla="*/ 629628 w 4158640"/>
                <a:gd name="connsiteY7" fmla="*/ 1574006 h 1650237"/>
                <a:gd name="connsiteX8" fmla="*/ 767740 w 4158640"/>
                <a:gd name="connsiteY8" fmla="*/ 1526381 h 1650237"/>
                <a:gd name="connsiteX9" fmla="*/ 927284 w 4158640"/>
                <a:gd name="connsiteY9" fmla="*/ 1500188 h 1650237"/>
                <a:gd name="connsiteX10" fmla="*/ 991578 w 4158640"/>
                <a:gd name="connsiteY10" fmla="*/ 1493044 h 1650237"/>
                <a:gd name="connsiteX11" fmla="*/ 1046346 w 4158640"/>
                <a:gd name="connsiteY11" fmla="*/ 1490662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79596 w 4158640"/>
                <a:gd name="connsiteY4" fmla="*/ 1633538 h 1650237"/>
                <a:gd name="connsiteX5" fmla="*/ 472465 w 4158640"/>
                <a:gd name="connsiteY5" fmla="*/ 1593056 h 1650237"/>
                <a:gd name="connsiteX6" fmla="*/ 512946 w 4158640"/>
                <a:gd name="connsiteY6" fmla="*/ 1590675 h 1650237"/>
                <a:gd name="connsiteX7" fmla="*/ 629628 w 4158640"/>
                <a:gd name="connsiteY7" fmla="*/ 1574006 h 1650237"/>
                <a:gd name="connsiteX8" fmla="*/ 767740 w 4158640"/>
                <a:gd name="connsiteY8" fmla="*/ 1526381 h 1650237"/>
                <a:gd name="connsiteX9" fmla="*/ 927284 w 4158640"/>
                <a:gd name="connsiteY9" fmla="*/ 1500188 h 1650237"/>
                <a:gd name="connsiteX10" fmla="*/ 991578 w 4158640"/>
                <a:gd name="connsiteY10" fmla="*/ 1493044 h 1650237"/>
                <a:gd name="connsiteX11" fmla="*/ 1046346 w 4158640"/>
                <a:gd name="connsiteY11" fmla="*/ 1490662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79596 w 4158640"/>
                <a:gd name="connsiteY4" fmla="*/ 1633538 h 1650237"/>
                <a:gd name="connsiteX5" fmla="*/ 472465 w 4158640"/>
                <a:gd name="connsiteY5" fmla="*/ 1604962 h 1650237"/>
                <a:gd name="connsiteX6" fmla="*/ 512946 w 4158640"/>
                <a:gd name="connsiteY6" fmla="*/ 1590675 h 1650237"/>
                <a:gd name="connsiteX7" fmla="*/ 629628 w 4158640"/>
                <a:gd name="connsiteY7" fmla="*/ 1574006 h 1650237"/>
                <a:gd name="connsiteX8" fmla="*/ 767740 w 4158640"/>
                <a:gd name="connsiteY8" fmla="*/ 1526381 h 1650237"/>
                <a:gd name="connsiteX9" fmla="*/ 927284 w 4158640"/>
                <a:gd name="connsiteY9" fmla="*/ 1500188 h 1650237"/>
                <a:gd name="connsiteX10" fmla="*/ 991578 w 4158640"/>
                <a:gd name="connsiteY10" fmla="*/ 1493044 h 1650237"/>
                <a:gd name="connsiteX11" fmla="*/ 1046346 w 4158640"/>
                <a:gd name="connsiteY11" fmla="*/ 1490662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79596 w 4158640"/>
                <a:gd name="connsiteY4" fmla="*/ 1633538 h 1650237"/>
                <a:gd name="connsiteX5" fmla="*/ 472465 w 4158640"/>
                <a:gd name="connsiteY5" fmla="*/ 1604962 h 1650237"/>
                <a:gd name="connsiteX6" fmla="*/ 512946 w 4158640"/>
                <a:gd name="connsiteY6" fmla="*/ 1602582 h 1650237"/>
                <a:gd name="connsiteX7" fmla="*/ 629628 w 4158640"/>
                <a:gd name="connsiteY7" fmla="*/ 1574006 h 1650237"/>
                <a:gd name="connsiteX8" fmla="*/ 767740 w 4158640"/>
                <a:gd name="connsiteY8" fmla="*/ 1526381 h 1650237"/>
                <a:gd name="connsiteX9" fmla="*/ 927284 w 4158640"/>
                <a:gd name="connsiteY9" fmla="*/ 1500188 h 1650237"/>
                <a:gd name="connsiteX10" fmla="*/ 991578 w 4158640"/>
                <a:gd name="connsiteY10" fmla="*/ 1493044 h 1650237"/>
                <a:gd name="connsiteX11" fmla="*/ 1046346 w 4158640"/>
                <a:gd name="connsiteY11" fmla="*/ 1490662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79596 w 4158640"/>
                <a:gd name="connsiteY4" fmla="*/ 1633538 h 1650237"/>
                <a:gd name="connsiteX5" fmla="*/ 472465 w 4158640"/>
                <a:gd name="connsiteY5" fmla="*/ 1604962 h 1650237"/>
                <a:gd name="connsiteX6" fmla="*/ 512946 w 4158640"/>
                <a:gd name="connsiteY6" fmla="*/ 1602582 h 1650237"/>
                <a:gd name="connsiteX7" fmla="*/ 584384 w 4158640"/>
                <a:gd name="connsiteY7" fmla="*/ 1590675 h 1650237"/>
                <a:gd name="connsiteX8" fmla="*/ 767740 w 4158640"/>
                <a:gd name="connsiteY8" fmla="*/ 1526381 h 1650237"/>
                <a:gd name="connsiteX9" fmla="*/ 927284 w 4158640"/>
                <a:gd name="connsiteY9" fmla="*/ 1500188 h 1650237"/>
                <a:gd name="connsiteX10" fmla="*/ 991578 w 4158640"/>
                <a:gd name="connsiteY10" fmla="*/ 1493044 h 1650237"/>
                <a:gd name="connsiteX11" fmla="*/ 1046346 w 4158640"/>
                <a:gd name="connsiteY11" fmla="*/ 1490662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12946 w 4158640"/>
                <a:gd name="connsiteY6" fmla="*/ 1602582 h 1650237"/>
                <a:gd name="connsiteX7" fmla="*/ 584384 w 4158640"/>
                <a:gd name="connsiteY7" fmla="*/ 1590675 h 1650237"/>
                <a:gd name="connsiteX8" fmla="*/ 767740 w 4158640"/>
                <a:gd name="connsiteY8" fmla="*/ 1526381 h 1650237"/>
                <a:gd name="connsiteX9" fmla="*/ 927284 w 4158640"/>
                <a:gd name="connsiteY9" fmla="*/ 1500188 h 1650237"/>
                <a:gd name="connsiteX10" fmla="*/ 991578 w 4158640"/>
                <a:gd name="connsiteY10" fmla="*/ 1493044 h 1650237"/>
                <a:gd name="connsiteX11" fmla="*/ 1046346 w 4158640"/>
                <a:gd name="connsiteY11" fmla="*/ 1490662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767740 w 4158640"/>
                <a:gd name="connsiteY8" fmla="*/ 1526381 h 1650237"/>
                <a:gd name="connsiteX9" fmla="*/ 927284 w 4158640"/>
                <a:gd name="connsiteY9" fmla="*/ 1500188 h 1650237"/>
                <a:gd name="connsiteX10" fmla="*/ 991578 w 4158640"/>
                <a:gd name="connsiteY10" fmla="*/ 1493044 h 1650237"/>
                <a:gd name="connsiteX11" fmla="*/ 1046346 w 4158640"/>
                <a:gd name="connsiteY11" fmla="*/ 1490662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927284 w 4158640"/>
                <a:gd name="connsiteY9" fmla="*/ 1500188 h 1650237"/>
                <a:gd name="connsiteX10" fmla="*/ 991578 w 4158640"/>
                <a:gd name="connsiteY10" fmla="*/ 1493044 h 1650237"/>
                <a:gd name="connsiteX11" fmla="*/ 1046346 w 4158640"/>
                <a:gd name="connsiteY11" fmla="*/ 1490662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05827 w 4158640"/>
                <a:gd name="connsiteY9" fmla="*/ 1564482 h 1650237"/>
                <a:gd name="connsiteX10" fmla="*/ 991578 w 4158640"/>
                <a:gd name="connsiteY10" fmla="*/ 1493044 h 1650237"/>
                <a:gd name="connsiteX11" fmla="*/ 1046346 w 4158640"/>
                <a:gd name="connsiteY11" fmla="*/ 1490662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991578 w 4158640"/>
                <a:gd name="connsiteY10" fmla="*/ 1493044 h 1650237"/>
                <a:gd name="connsiteX11" fmla="*/ 1046346 w 4158640"/>
                <a:gd name="connsiteY11" fmla="*/ 1490662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1046346 w 4158640"/>
                <a:gd name="connsiteY11" fmla="*/ 1490662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889183 w 4158640"/>
                <a:gd name="connsiteY11" fmla="*/ 1519237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834414 w 4158640"/>
                <a:gd name="connsiteY11" fmla="*/ 1526381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946332 w 4158640"/>
                <a:gd name="connsiteY11" fmla="*/ 1500187 h 1650237"/>
                <a:gd name="connsiteX12" fmla="*/ 1163028 w 4158640"/>
                <a:gd name="connsiteY12" fmla="*/ 1459706 h 1650237"/>
                <a:gd name="connsiteX13" fmla="*/ 1265421 w 4158640"/>
                <a:gd name="connsiteY13" fmla="*/ 1443037 h 1650237"/>
                <a:gd name="connsiteX14" fmla="*/ 1324953 w 4158640"/>
                <a:gd name="connsiteY14" fmla="*/ 1412081 h 1650237"/>
                <a:gd name="connsiteX15" fmla="*/ 1348765 w 4158640"/>
                <a:gd name="connsiteY15" fmla="*/ 1393031 h 1650237"/>
                <a:gd name="connsiteX16" fmla="*/ 1379721 w 4158640"/>
                <a:gd name="connsiteY16" fmla="*/ 1366837 h 1650237"/>
                <a:gd name="connsiteX17" fmla="*/ 1439253 w 4158640"/>
                <a:gd name="connsiteY17" fmla="*/ 1347787 h 1650237"/>
                <a:gd name="connsiteX18" fmla="*/ 1467828 w 4158640"/>
                <a:gd name="connsiteY18" fmla="*/ 1331118 h 1650237"/>
                <a:gd name="connsiteX19" fmla="*/ 1503546 w 4158640"/>
                <a:gd name="connsiteY19" fmla="*/ 1316831 h 1650237"/>
                <a:gd name="connsiteX20" fmla="*/ 1544028 w 4158640"/>
                <a:gd name="connsiteY20" fmla="*/ 1302543 h 1650237"/>
                <a:gd name="connsiteX21" fmla="*/ 1572603 w 4158640"/>
                <a:gd name="connsiteY21" fmla="*/ 1290637 h 1650237"/>
                <a:gd name="connsiteX22" fmla="*/ 1591653 w 4158640"/>
                <a:gd name="connsiteY22" fmla="*/ 1283493 h 1650237"/>
                <a:gd name="connsiteX23" fmla="*/ 1622609 w 4158640"/>
                <a:gd name="connsiteY23" fmla="*/ 1276350 h 1650237"/>
                <a:gd name="connsiteX24" fmla="*/ 1653565 w 4158640"/>
                <a:gd name="connsiteY24" fmla="*/ 1273968 h 1650237"/>
                <a:gd name="connsiteX25" fmla="*/ 1682140 w 4158640"/>
                <a:gd name="connsiteY25" fmla="*/ 1271587 h 1650237"/>
                <a:gd name="connsiteX26" fmla="*/ 1705953 w 4158640"/>
                <a:gd name="connsiteY26" fmla="*/ 1257300 h 1650237"/>
                <a:gd name="connsiteX27" fmla="*/ 1722621 w 4158640"/>
                <a:gd name="connsiteY27" fmla="*/ 1243012 h 1650237"/>
                <a:gd name="connsiteX28" fmla="*/ 1739290 w 4158640"/>
                <a:gd name="connsiteY28" fmla="*/ 1233487 h 1650237"/>
                <a:gd name="connsiteX29" fmla="*/ 1765484 w 4158640"/>
                <a:gd name="connsiteY29" fmla="*/ 1216818 h 1650237"/>
                <a:gd name="connsiteX30" fmla="*/ 1791678 w 4158640"/>
                <a:gd name="connsiteY30" fmla="*/ 1209675 h 1650237"/>
                <a:gd name="connsiteX31" fmla="*/ 1815490 w 4158640"/>
                <a:gd name="connsiteY31" fmla="*/ 1197768 h 1650237"/>
                <a:gd name="connsiteX32" fmla="*/ 1841684 w 4158640"/>
                <a:gd name="connsiteY32" fmla="*/ 1185862 h 1650237"/>
                <a:gd name="connsiteX33" fmla="*/ 1863115 w 4158640"/>
                <a:gd name="connsiteY33" fmla="*/ 1171575 h 1650237"/>
                <a:gd name="connsiteX34" fmla="*/ 1884546 w 4158640"/>
                <a:gd name="connsiteY34" fmla="*/ 1157287 h 1650237"/>
                <a:gd name="connsiteX35" fmla="*/ 1905978 w 4158640"/>
                <a:gd name="connsiteY35" fmla="*/ 1147762 h 1650237"/>
                <a:gd name="connsiteX36" fmla="*/ 2310791 w 4158640"/>
                <a:gd name="connsiteY36" fmla="*/ 988218 h 1650237"/>
                <a:gd name="connsiteX37" fmla="*/ 2365560 w 4158640"/>
                <a:gd name="connsiteY37" fmla="*/ 971550 h 1650237"/>
                <a:gd name="connsiteX38" fmla="*/ 2377466 w 4158640"/>
                <a:gd name="connsiteY38" fmla="*/ 952500 h 1650237"/>
                <a:gd name="connsiteX39" fmla="*/ 2441759 w 4158640"/>
                <a:gd name="connsiteY39" fmla="*/ 931068 h 1650237"/>
                <a:gd name="connsiteX40" fmla="*/ 2506052 w 4158640"/>
                <a:gd name="connsiteY40" fmla="*/ 909637 h 1650237"/>
                <a:gd name="connsiteX41" fmla="*/ 2667977 w 4158640"/>
                <a:gd name="connsiteY41" fmla="*/ 831056 h 1650237"/>
                <a:gd name="connsiteX42" fmla="*/ 2694171 w 4158640"/>
                <a:gd name="connsiteY42" fmla="*/ 814387 h 1650237"/>
                <a:gd name="connsiteX43" fmla="*/ 3168040 w 4158640"/>
                <a:gd name="connsiteY43" fmla="*/ 614362 h 1650237"/>
                <a:gd name="connsiteX44" fmla="*/ 4158640 w 4158640"/>
                <a:gd name="connsiteY4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879659 w 4158640"/>
                <a:gd name="connsiteY11" fmla="*/ 1521618 h 1650237"/>
                <a:gd name="connsiteX12" fmla="*/ 946332 w 4158640"/>
                <a:gd name="connsiteY12" fmla="*/ 1500187 h 1650237"/>
                <a:gd name="connsiteX13" fmla="*/ 1163028 w 4158640"/>
                <a:gd name="connsiteY13" fmla="*/ 1459706 h 1650237"/>
                <a:gd name="connsiteX14" fmla="*/ 1265421 w 4158640"/>
                <a:gd name="connsiteY14" fmla="*/ 1443037 h 1650237"/>
                <a:gd name="connsiteX15" fmla="*/ 1324953 w 4158640"/>
                <a:gd name="connsiteY15" fmla="*/ 1412081 h 1650237"/>
                <a:gd name="connsiteX16" fmla="*/ 1348765 w 4158640"/>
                <a:gd name="connsiteY16" fmla="*/ 1393031 h 1650237"/>
                <a:gd name="connsiteX17" fmla="*/ 1379721 w 4158640"/>
                <a:gd name="connsiteY17" fmla="*/ 1366837 h 1650237"/>
                <a:gd name="connsiteX18" fmla="*/ 1439253 w 4158640"/>
                <a:gd name="connsiteY18" fmla="*/ 1347787 h 1650237"/>
                <a:gd name="connsiteX19" fmla="*/ 1467828 w 4158640"/>
                <a:gd name="connsiteY19" fmla="*/ 1331118 h 1650237"/>
                <a:gd name="connsiteX20" fmla="*/ 1503546 w 4158640"/>
                <a:gd name="connsiteY20" fmla="*/ 1316831 h 1650237"/>
                <a:gd name="connsiteX21" fmla="*/ 1544028 w 4158640"/>
                <a:gd name="connsiteY21" fmla="*/ 1302543 h 1650237"/>
                <a:gd name="connsiteX22" fmla="*/ 1572603 w 4158640"/>
                <a:gd name="connsiteY22" fmla="*/ 1290637 h 1650237"/>
                <a:gd name="connsiteX23" fmla="*/ 1591653 w 4158640"/>
                <a:gd name="connsiteY23" fmla="*/ 1283493 h 1650237"/>
                <a:gd name="connsiteX24" fmla="*/ 1622609 w 4158640"/>
                <a:gd name="connsiteY24" fmla="*/ 1276350 h 1650237"/>
                <a:gd name="connsiteX25" fmla="*/ 1653565 w 4158640"/>
                <a:gd name="connsiteY25" fmla="*/ 1273968 h 1650237"/>
                <a:gd name="connsiteX26" fmla="*/ 1682140 w 4158640"/>
                <a:gd name="connsiteY26" fmla="*/ 1271587 h 1650237"/>
                <a:gd name="connsiteX27" fmla="*/ 1705953 w 4158640"/>
                <a:gd name="connsiteY27" fmla="*/ 1257300 h 1650237"/>
                <a:gd name="connsiteX28" fmla="*/ 1722621 w 4158640"/>
                <a:gd name="connsiteY28" fmla="*/ 1243012 h 1650237"/>
                <a:gd name="connsiteX29" fmla="*/ 1739290 w 4158640"/>
                <a:gd name="connsiteY29" fmla="*/ 1233487 h 1650237"/>
                <a:gd name="connsiteX30" fmla="*/ 1765484 w 4158640"/>
                <a:gd name="connsiteY30" fmla="*/ 1216818 h 1650237"/>
                <a:gd name="connsiteX31" fmla="*/ 1791678 w 4158640"/>
                <a:gd name="connsiteY31" fmla="*/ 1209675 h 1650237"/>
                <a:gd name="connsiteX32" fmla="*/ 1815490 w 4158640"/>
                <a:gd name="connsiteY32" fmla="*/ 1197768 h 1650237"/>
                <a:gd name="connsiteX33" fmla="*/ 1841684 w 4158640"/>
                <a:gd name="connsiteY33" fmla="*/ 1185862 h 1650237"/>
                <a:gd name="connsiteX34" fmla="*/ 1863115 w 4158640"/>
                <a:gd name="connsiteY34" fmla="*/ 1171575 h 1650237"/>
                <a:gd name="connsiteX35" fmla="*/ 1884546 w 4158640"/>
                <a:gd name="connsiteY35" fmla="*/ 1157287 h 1650237"/>
                <a:gd name="connsiteX36" fmla="*/ 1905978 w 4158640"/>
                <a:gd name="connsiteY36" fmla="*/ 1147762 h 1650237"/>
                <a:gd name="connsiteX37" fmla="*/ 2310791 w 4158640"/>
                <a:gd name="connsiteY37" fmla="*/ 988218 h 1650237"/>
                <a:gd name="connsiteX38" fmla="*/ 2365560 w 4158640"/>
                <a:gd name="connsiteY38" fmla="*/ 971550 h 1650237"/>
                <a:gd name="connsiteX39" fmla="*/ 2377466 w 4158640"/>
                <a:gd name="connsiteY39" fmla="*/ 952500 h 1650237"/>
                <a:gd name="connsiteX40" fmla="*/ 2441759 w 4158640"/>
                <a:gd name="connsiteY40" fmla="*/ 931068 h 1650237"/>
                <a:gd name="connsiteX41" fmla="*/ 2506052 w 4158640"/>
                <a:gd name="connsiteY41" fmla="*/ 909637 h 1650237"/>
                <a:gd name="connsiteX42" fmla="*/ 2667977 w 4158640"/>
                <a:gd name="connsiteY42" fmla="*/ 831056 h 1650237"/>
                <a:gd name="connsiteX43" fmla="*/ 2694171 w 4158640"/>
                <a:gd name="connsiteY43" fmla="*/ 814387 h 1650237"/>
                <a:gd name="connsiteX44" fmla="*/ 3168040 w 4158640"/>
                <a:gd name="connsiteY44" fmla="*/ 614362 h 1650237"/>
                <a:gd name="connsiteX45" fmla="*/ 4158640 w 4158640"/>
                <a:gd name="connsiteY4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884422 w 4158640"/>
                <a:gd name="connsiteY11" fmla="*/ 1528762 h 1650237"/>
                <a:gd name="connsiteX12" fmla="*/ 946332 w 4158640"/>
                <a:gd name="connsiteY12" fmla="*/ 1500187 h 1650237"/>
                <a:gd name="connsiteX13" fmla="*/ 1163028 w 4158640"/>
                <a:gd name="connsiteY13" fmla="*/ 1459706 h 1650237"/>
                <a:gd name="connsiteX14" fmla="*/ 1265421 w 4158640"/>
                <a:gd name="connsiteY14" fmla="*/ 1443037 h 1650237"/>
                <a:gd name="connsiteX15" fmla="*/ 1324953 w 4158640"/>
                <a:gd name="connsiteY15" fmla="*/ 1412081 h 1650237"/>
                <a:gd name="connsiteX16" fmla="*/ 1348765 w 4158640"/>
                <a:gd name="connsiteY16" fmla="*/ 1393031 h 1650237"/>
                <a:gd name="connsiteX17" fmla="*/ 1379721 w 4158640"/>
                <a:gd name="connsiteY17" fmla="*/ 1366837 h 1650237"/>
                <a:gd name="connsiteX18" fmla="*/ 1439253 w 4158640"/>
                <a:gd name="connsiteY18" fmla="*/ 1347787 h 1650237"/>
                <a:gd name="connsiteX19" fmla="*/ 1467828 w 4158640"/>
                <a:gd name="connsiteY19" fmla="*/ 1331118 h 1650237"/>
                <a:gd name="connsiteX20" fmla="*/ 1503546 w 4158640"/>
                <a:gd name="connsiteY20" fmla="*/ 1316831 h 1650237"/>
                <a:gd name="connsiteX21" fmla="*/ 1544028 w 4158640"/>
                <a:gd name="connsiteY21" fmla="*/ 1302543 h 1650237"/>
                <a:gd name="connsiteX22" fmla="*/ 1572603 w 4158640"/>
                <a:gd name="connsiteY22" fmla="*/ 1290637 h 1650237"/>
                <a:gd name="connsiteX23" fmla="*/ 1591653 w 4158640"/>
                <a:gd name="connsiteY23" fmla="*/ 1283493 h 1650237"/>
                <a:gd name="connsiteX24" fmla="*/ 1622609 w 4158640"/>
                <a:gd name="connsiteY24" fmla="*/ 1276350 h 1650237"/>
                <a:gd name="connsiteX25" fmla="*/ 1653565 w 4158640"/>
                <a:gd name="connsiteY25" fmla="*/ 1273968 h 1650237"/>
                <a:gd name="connsiteX26" fmla="*/ 1682140 w 4158640"/>
                <a:gd name="connsiteY26" fmla="*/ 1271587 h 1650237"/>
                <a:gd name="connsiteX27" fmla="*/ 1705953 w 4158640"/>
                <a:gd name="connsiteY27" fmla="*/ 1257300 h 1650237"/>
                <a:gd name="connsiteX28" fmla="*/ 1722621 w 4158640"/>
                <a:gd name="connsiteY28" fmla="*/ 1243012 h 1650237"/>
                <a:gd name="connsiteX29" fmla="*/ 1739290 w 4158640"/>
                <a:gd name="connsiteY29" fmla="*/ 1233487 h 1650237"/>
                <a:gd name="connsiteX30" fmla="*/ 1765484 w 4158640"/>
                <a:gd name="connsiteY30" fmla="*/ 1216818 h 1650237"/>
                <a:gd name="connsiteX31" fmla="*/ 1791678 w 4158640"/>
                <a:gd name="connsiteY31" fmla="*/ 1209675 h 1650237"/>
                <a:gd name="connsiteX32" fmla="*/ 1815490 w 4158640"/>
                <a:gd name="connsiteY32" fmla="*/ 1197768 h 1650237"/>
                <a:gd name="connsiteX33" fmla="*/ 1841684 w 4158640"/>
                <a:gd name="connsiteY33" fmla="*/ 1185862 h 1650237"/>
                <a:gd name="connsiteX34" fmla="*/ 1863115 w 4158640"/>
                <a:gd name="connsiteY34" fmla="*/ 1171575 h 1650237"/>
                <a:gd name="connsiteX35" fmla="*/ 1884546 w 4158640"/>
                <a:gd name="connsiteY35" fmla="*/ 1157287 h 1650237"/>
                <a:gd name="connsiteX36" fmla="*/ 1905978 w 4158640"/>
                <a:gd name="connsiteY36" fmla="*/ 1147762 h 1650237"/>
                <a:gd name="connsiteX37" fmla="*/ 2310791 w 4158640"/>
                <a:gd name="connsiteY37" fmla="*/ 988218 h 1650237"/>
                <a:gd name="connsiteX38" fmla="*/ 2365560 w 4158640"/>
                <a:gd name="connsiteY38" fmla="*/ 971550 h 1650237"/>
                <a:gd name="connsiteX39" fmla="*/ 2377466 w 4158640"/>
                <a:gd name="connsiteY39" fmla="*/ 952500 h 1650237"/>
                <a:gd name="connsiteX40" fmla="*/ 2441759 w 4158640"/>
                <a:gd name="connsiteY40" fmla="*/ 931068 h 1650237"/>
                <a:gd name="connsiteX41" fmla="*/ 2506052 w 4158640"/>
                <a:gd name="connsiteY41" fmla="*/ 909637 h 1650237"/>
                <a:gd name="connsiteX42" fmla="*/ 2667977 w 4158640"/>
                <a:gd name="connsiteY42" fmla="*/ 831056 h 1650237"/>
                <a:gd name="connsiteX43" fmla="*/ 2694171 w 4158640"/>
                <a:gd name="connsiteY43" fmla="*/ 814387 h 1650237"/>
                <a:gd name="connsiteX44" fmla="*/ 3168040 w 4158640"/>
                <a:gd name="connsiteY44" fmla="*/ 614362 h 1650237"/>
                <a:gd name="connsiteX45" fmla="*/ 4158640 w 4158640"/>
                <a:gd name="connsiteY4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884422 w 4158640"/>
                <a:gd name="connsiteY11" fmla="*/ 1528762 h 1650237"/>
                <a:gd name="connsiteX12" fmla="*/ 951094 w 4158640"/>
                <a:gd name="connsiteY12" fmla="*/ 1516856 h 1650237"/>
                <a:gd name="connsiteX13" fmla="*/ 1163028 w 4158640"/>
                <a:gd name="connsiteY13" fmla="*/ 1459706 h 1650237"/>
                <a:gd name="connsiteX14" fmla="*/ 1265421 w 4158640"/>
                <a:gd name="connsiteY14" fmla="*/ 1443037 h 1650237"/>
                <a:gd name="connsiteX15" fmla="*/ 1324953 w 4158640"/>
                <a:gd name="connsiteY15" fmla="*/ 1412081 h 1650237"/>
                <a:gd name="connsiteX16" fmla="*/ 1348765 w 4158640"/>
                <a:gd name="connsiteY16" fmla="*/ 1393031 h 1650237"/>
                <a:gd name="connsiteX17" fmla="*/ 1379721 w 4158640"/>
                <a:gd name="connsiteY17" fmla="*/ 1366837 h 1650237"/>
                <a:gd name="connsiteX18" fmla="*/ 1439253 w 4158640"/>
                <a:gd name="connsiteY18" fmla="*/ 1347787 h 1650237"/>
                <a:gd name="connsiteX19" fmla="*/ 1467828 w 4158640"/>
                <a:gd name="connsiteY19" fmla="*/ 1331118 h 1650237"/>
                <a:gd name="connsiteX20" fmla="*/ 1503546 w 4158640"/>
                <a:gd name="connsiteY20" fmla="*/ 1316831 h 1650237"/>
                <a:gd name="connsiteX21" fmla="*/ 1544028 w 4158640"/>
                <a:gd name="connsiteY21" fmla="*/ 1302543 h 1650237"/>
                <a:gd name="connsiteX22" fmla="*/ 1572603 w 4158640"/>
                <a:gd name="connsiteY22" fmla="*/ 1290637 h 1650237"/>
                <a:gd name="connsiteX23" fmla="*/ 1591653 w 4158640"/>
                <a:gd name="connsiteY23" fmla="*/ 1283493 h 1650237"/>
                <a:gd name="connsiteX24" fmla="*/ 1622609 w 4158640"/>
                <a:gd name="connsiteY24" fmla="*/ 1276350 h 1650237"/>
                <a:gd name="connsiteX25" fmla="*/ 1653565 w 4158640"/>
                <a:gd name="connsiteY25" fmla="*/ 1273968 h 1650237"/>
                <a:gd name="connsiteX26" fmla="*/ 1682140 w 4158640"/>
                <a:gd name="connsiteY26" fmla="*/ 1271587 h 1650237"/>
                <a:gd name="connsiteX27" fmla="*/ 1705953 w 4158640"/>
                <a:gd name="connsiteY27" fmla="*/ 1257300 h 1650237"/>
                <a:gd name="connsiteX28" fmla="*/ 1722621 w 4158640"/>
                <a:gd name="connsiteY28" fmla="*/ 1243012 h 1650237"/>
                <a:gd name="connsiteX29" fmla="*/ 1739290 w 4158640"/>
                <a:gd name="connsiteY29" fmla="*/ 1233487 h 1650237"/>
                <a:gd name="connsiteX30" fmla="*/ 1765484 w 4158640"/>
                <a:gd name="connsiteY30" fmla="*/ 1216818 h 1650237"/>
                <a:gd name="connsiteX31" fmla="*/ 1791678 w 4158640"/>
                <a:gd name="connsiteY31" fmla="*/ 1209675 h 1650237"/>
                <a:gd name="connsiteX32" fmla="*/ 1815490 w 4158640"/>
                <a:gd name="connsiteY32" fmla="*/ 1197768 h 1650237"/>
                <a:gd name="connsiteX33" fmla="*/ 1841684 w 4158640"/>
                <a:gd name="connsiteY33" fmla="*/ 1185862 h 1650237"/>
                <a:gd name="connsiteX34" fmla="*/ 1863115 w 4158640"/>
                <a:gd name="connsiteY34" fmla="*/ 1171575 h 1650237"/>
                <a:gd name="connsiteX35" fmla="*/ 1884546 w 4158640"/>
                <a:gd name="connsiteY35" fmla="*/ 1157287 h 1650237"/>
                <a:gd name="connsiteX36" fmla="*/ 1905978 w 4158640"/>
                <a:gd name="connsiteY36" fmla="*/ 1147762 h 1650237"/>
                <a:gd name="connsiteX37" fmla="*/ 2310791 w 4158640"/>
                <a:gd name="connsiteY37" fmla="*/ 988218 h 1650237"/>
                <a:gd name="connsiteX38" fmla="*/ 2365560 w 4158640"/>
                <a:gd name="connsiteY38" fmla="*/ 971550 h 1650237"/>
                <a:gd name="connsiteX39" fmla="*/ 2377466 w 4158640"/>
                <a:gd name="connsiteY39" fmla="*/ 952500 h 1650237"/>
                <a:gd name="connsiteX40" fmla="*/ 2441759 w 4158640"/>
                <a:gd name="connsiteY40" fmla="*/ 931068 h 1650237"/>
                <a:gd name="connsiteX41" fmla="*/ 2506052 w 4158640"/>
                <a:gd name="connsiteY41" fmla="*/ 909637 h 1650237"/>
                <a:gd name="connsiteX42" fmla="*/ 2667977 w 4158640"/>
                <a:gd name="connsiteY42" fmla="*/ 831056 h 1650237"/>
                <a:gd name="connsiteX43" fmla="*/ 2694171 w 4158640"/>
                <a:gd name="connsiteY43" fmla="*/ 814387 h 1650237"/>
                <a:gd name="connsiteX44" fmla="*/ 3168040 w 4158640"/>
                <a:gd name="connsiteY44" fmla="*/ 614362 h 1650237"/>
                <a:gd name="connsiteX45" fmla="*/ 4158640 w 4158640"/>
                <a:gd name="connsiteY4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884422 w 4158640"/>
                <a:gd name="connsiteY11" fmla="*/ 1528762 h 1650237"/>
                <a:gd name="connsiteX12" fmla="*/ 951094 w 4158640"/>
                <a:gd name="connsiteY12" fmla="*/ 1516856 h 1650237"/>
                <a:gd name="connsiteX13" fmla="*/ 1020153 w 4158640"/>
                <a:gd name="connsiteY13" fmla="*/ 1502568 h 1650237"/>
                <a:gd name="connsiteX14" fmla="*/ 1163028 w 4158640"/>
                <a:gd name="connsiteY14" fmla="*/ 1459706 h 1650237"/>
                <a:gd name="connsiteX15" fmla="*/ 1265421 w 4158640"/>
                <a:gd name="connsiteY15" fmla="*/ 1443037 h 1650237"/>
                <a:gd name="connsiteX16" fmla="*/ 1324953 w 4158640"/>
                <a:gd name="connsiteY16" fmla="*/ 1412081 h 1650237"/>
                <a:gd name="connsiteX17" fmla="*/ 1348765 w 4158640"/>
                <a:gd name="connsiteY17" fmla="*/ 1393031 h 1650237"/>
                <a:gd name="connsiteX18" fmla="*/ 1379721 w 4158640"/>
                <a:gd name="connsiteY18" fmla="*/ 1366837 h 1650237"/>
                <a:gd name="connsiteX19" fmla="*/ 1439253 w 4158640"/>
                <a:gd name="connsiteY19" fmla="*/ 1347787 h 1650237"/>
                <a:gd name="connsiteX20" fmla="*/ 1467828 w 4158640"/>
                <a:gd name="connsiteY20" fmla="*/ 1331118 h 1650237"/>
                <a:gd name="connsiteX21" fmla="*/ 1503546 w 4158640"/>
                <a:gd name="connsiteY21" fmla="*/ 1316831 h 1650237"/>
                <a:gd name="connsiteX22" fmla="*/ 1544028 w 4158640"/>
                <a:gd name="connsiteY22" fmla="*/ 1302543 h 1650237"/>
                <a:gd name="connsiteX23" fmla="*/ 1572603 w 4158640"/>
                <a:gd name="connsiteY23" fmla="*/ 1290637 h 1650237"/>
                <a:gd name="connsiteX24" fmla="*/ 1591653 w 4158640"/>
                <a:gd name="connsiteY24" fmla="*/ 1283493 h 1650237"/>
                <a:gd name="connsiteX25" fmla="*/ 1622609 w 4158640"/>
                <a:gd name="connsiteY25" fmla="*/ 1276350 h 1650237"/>
                <a:gd name="connsiteX26" fmla="*/ 1653565 w 4158640"/>
                <a:gd name="connsiteY26" fmla="*/ 1273968 h 1650237"/>
                <a:gd name="connsiteX27" fmla="*/ 1682140 w 4158640"/>
                <a:gd name="connsiteY27" fmla="*/ 1271587 h 1650237"/>
                <a:gd name="connsiteX28" fmla="*/ 1705953 w 4158640"/>
                <a:gd name="connsiteY28" fmla="*/ 1257300 h 1650237"/>
                <a:gd name="connsiteX29" fmla="*/ 1722621 w 4158640"/>
                <a:gd name="connsiteY29" fmla="*/ 1243012 h 1650237"/>
                <a:gd name="connsiteX30" fmla="*/ 1739290 w 4158640"/>
                <a:gd name="connsiteY30" fmla="*/ 1233487 h 1650237"/>
                <a:gd name="connsiteX31" fmla="*/ 1765484 w 4158640"/>
                <a:gd name="connsiteY31" fmla="*/ 1216818 h 1650237"/>
                <a:gd name="connsiteX32" fmla="*/ 1791678 w 4158640"/>
                <a:gd name="connsiteY32" fmla="*/ 1209675 h 1650237"/>
                <a:gd name="connsiteX33" fmla="*/ 1815490 w 4158640"/>
                <a:gd name="connsiteY33" fmla="*/ 1197768 h 1650237"/>
                <a:gd name="connsiteX34" fmla="*/ 1841684 w 4158640"/>
                <a:gd name="connsiteY34" fmla="*/ 1185862 h 1650237"/>
                <a:gd name="connsiteX35" fmla="*/ 1863115 w 4158640"/>
                <a:gd name="connsiteY35" fmla="*/ 1171575 h 1650237"/>
                <a:gd name="connsiteX36" fmla="*/ 1884546 w 4158640"/>
                <a:gd name="connsiteY36" fmla="*/ 1157287 h 1650237"/>
                <a:gd name="connsiteX37" fmla="*/ 1905978 w 4158640"/>
                <a:gd name="connsiteY37" fmla="*/ 1147762 h 1650237"/>
                <a:gd name="connsiteX38" fmla="*/ 2310791 w 4158640"/>
                <a:gd name="connsiteY38" fmla="*/ 988218 h 1650237"/>
                <a:gd name="connsiteX39" fmla="*/ 2365560 w 4158640"/>
                <a:gd name="connsiteY39" fmla="*/ 971550 h 1650237"/>
                <a:gd name="connsiteX40" fmla="*/ 2377466 w 4158640"/>
                <a:gd name="connsiteY40" fmla="*/ 952500 h 1650237"/>
                <a:gd name="connsiteX41" fmla="*/ 2441759 w 4158640"/>
                <a:gd name="connsiteY41" fmla="*/ 931068 h 1650237"/>
                <a:gd name="connsiteX42" fmla="*/ 2506052 w 4158640"/>
                <a:gd name="connsiteY42" fmla="*/ 909637 h 1650237"/>
                <a:gd name="connsiteX43" fmla="*/ 2667977 w 4158640"/>
                <a:gd name="connsiteY43" fmla="*/ 831056 h 1650237"/>
                <a:gd name="connsiteX44" fmla="*/ 2694171 w 4158640"/>
                <a:gd name="connsiteY44" fmla="*/ 814387 h 1650237"/>
                <a:gd name="connsiteX45" fmla="*/ 3168040 w 4158640"/>
                <a:gd name="connsiteY45" fmla="*/ 614362 h 1650237"/>
                <a:gd name="connsiteX46" fmla="*/ 4158640 w 4158640"/>
                <a:gd name="connsiteY4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884422 w 4158640"/>
                <a:gd name="connsiteY11" fmla="*/ 1528762 h 1650237"/>
                <a:gd name="connsiteX12" fmla="*/ 951094 w 4158640"/>
                <a:gd name="connsiteY12" fmla="*/ 1516856 h 1650237"/>
                <a:gd name="connsiteX13" fmla="*/ 1020153 w 4158640"/>
                <a:gd name="connsiteY13" fmla="*/ 1516856 h 1650237"/>
                <a:gd name="connsiteX14" fmla="*/ 1163028 w 4158640"/>
                <a:gd name="connsiteY14" fmla="*/ 1459706 h 1650237"/>
                <a:gd name="connsiteX15" fmla="*/ 1265421 w 4158640"/>
                <a:gd name="connsiteY15" fmla="*/ 1443037 h 1650237"/>
                <a:gd name="connsiteX16" fmla="*/ 1324953 w 4158640"/>
                <a:gd name="connsiteY16" fmla="*/ 1412081 h 1650237"/>
                <a:gd name="connsiteX17" fmla="*/ 1348765 w 4158640"/>
                <a:gd name="connsiteY17" fmla="*/ 1393031 h 1650237"/>
                <a:gd name="connsiteX18" fmla="*/ 1379721 w 4158640"/>
                <a:gd name="connsiteY18" fmla="*/ 1366837 h 1650237"/>
                <a:gd name="connsiteX19" fmla="*/ 1439253 w 4158640"/>
                <a:gd name="connsiteY19" fmla="*/ 1347787 h 1650237"/>
                <a:gd name="connsiteX20" fmla="*/ 1467828 w 4158640"/>
                <a:gd name="connsiteY20" fmla="*/ 1331118 h 1650237"/>
                <a:gd name="connsiteX21" fmla="*/ 1503546 w 4158640"/>
                <a:gd name="connsiteY21" fmla="*/ 1316831 h 1650237"/>
                <a:gd name="connsiteX22" fmla="*/ 1544028 w 4158640"/>
                <a:gd name="connsiteY22" fmla="*/ 1302543 h 1650237"/>
                <a:gd name="connsiteX23" fmla="*/ 1572603 w 4158640"/>
                <a:gd name="connsiteY23" fmla="*/ 1290637 h 1650237"/>
                <a:gd name="connsiteX24" fmla="*/ 1591653 w 4158640"/>
                <a:gd name="connsiteY24" fmla="*/ 1283493 h 1650237"/>
                <a:gd name="connsiteX25" fmla="*/ 1622609 w 4158640"/>
                <a:gd name="connsiteY25" fmla="*/ 1276350 h 1650237"/>
                <a:gd name="connsiteX26" fmla="*/ 1653565 w 4158640"/>
                <a:gd name="connsiteY26" fmla="*/ 1273968 h 1650237"/>
                <a:gd name="connsiteX27" fmla="*/ 1682140 w 4158640"/>
                <a:gd name="connsiteY27" fmla="*/ 1271587 h 1650237"/>
                <a:gd name="connsiteX28" fmla="*/ 1705953 w 4158640"/>
                <a:gd name="connsiteY28" fmla="*/ 1257300 h 1650237"/>
                <a:gd name="connsiteX29" fmla="*/ 1722621 w 4158640"/>
                <a:gd name="connsiteY29" fmla="*/ 1243012 h 1650237"/>
                <a:gd name="connsiteX30" fmla="*/ 1739290 w 4158640"/>
                <a:gd name="connsiteY30" fmla="*/ 1233487 h 1650237"/>
                <a:gd name="connsiteX31" fmla="*/ 1765484 w 4158640"/>
                <a:gd name="connsiteY31" fmla="*/ 1216818 h 1650237"/>
                <a:gd name="connsiteX32" fmla="*/ 1791678 w 4158640"/>
                <a:gd name="connsiteY32" fmla="*/ 1209675 h 1650237"/>
                <a:gd name="connsiteX33" fmla="*/ 1815490 w 4158640"/>
                <a:gd name="connsiteY33" fmla="*/ 1197768 h 1650237"/>
                <a:gd name="connsiteX34" fmla="*/ 1841684 w 4158640"/>
                <a:gd name="connsiteY34" fmla="*/ 1185862 h 1650237"/>
                <a:gd name="connsiteX35" fmla="*/ 1863115 w 4158640"/>
                <a:gd name="connsiteY35" fmla="*/ 1171575 h 1650237"/>
                <a:gd name="connsiteX36" fmla="*/ 1884546 w 4158640"/>
                <a:gd name="connsiteY36" fmla="*/ 1157287 h 1650237"/>
                <a:gd name="connsiteX37" fmla="*/ 1905978 w 4158640"/>
                <a:gd name="connsiteY37" fmla="*/ 1147762 h 1650237"/>
                <a:gd name="connsiteX38" fmla="*/ 2310791 w 4158640"/>
                <a:gd name="connsiteY38" fmla="*/ 988218 h 1650237"/>
                <a:gd name="connsiteX39" fmla="*/ 2365560 w 4158640"/>
                <a:gd name="connsiteY39" fmla="*/ 971550 h 1650237"/>
                <a:gd name="connsiteX40" fmla="*/ 2377466 w 4158640"/>
                <a:gd name="connsiteY40" fmla="*/ 952500 h 1650237"/>
                <a:gd name="connsiteX41" fmla="*/ 2441759 w 4158640"/>
                <a:gd name="connsiteY41" fmla="*/ 931068 h 1650237"/>
                <a:gd name="connsiteX42" fmla="*/ 2506052 w 4158640"/>
                <a:gd name="connsiteY42" fmla="*/ 909637 h 1650237"/>
                <a:gd name="connsiteX43" fmla="*/ 2667977 w 4158640"/>
                <a:gd name="connsiteY43" fmla="*/ 831056 h 1650237"/>
                <a:gd name="connsiteX44" fmla="*/ 2694171 w 4158640"/>
                <a:gd name="connsiteY44" fmla="*/ 814387 h 1650237"/>
                <a:gd name="connsiteX45" fmla="*/ 3168040 w 4158640"/>
                <a:gd name="connsiteY45" fmla="*/ 614362 h 1650237"/>
                <a:gd name="connsiteX46" fmla="*/ 4158640 w 4158640"/>
                <a:gd name="connsiteY4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884422 w 4158640"/>
                <a:gd name="connsiteY11" fmla="*/ 1528762 h 1650237"/>
                <a:gd name="connsiteX12" fmla="*/ 951094 w 4158640"/>
                <a:gd name="connsiteY12" fmla="*/ 1524000 h 1650237"/>
                <a:gd name="connsiteX13" fmla="*/ 1020153 w 4158640"/>
                <a:gd name="connsiteY13" fmla="*/ 1516856 h 1650237"/>
                <a:gd name="connsiteX14" fmla="*/ 1163028 w 4158640"/>
                <a:gd name="connsiteY14" fmla="*/ 1459706 h 1650237"/>
                <a:gd name="connsiteX15" fmla="*/ 1265421 w 4158640"/>
                <a:gd name="connsiteY15" fmla="*/ 1443037 h 1650237"/>
                <a:gd name="connsiteX16" fmla="*/ 1324953 w 4158640"/>
                <a:gd name="connsiteY16" fmla="*/ 1412081 h 1650237"/>
                <a:gd name="connsiteX17" fmla="*/ 1348765 w 4158640"/>
                <a:gd name="connsiteY17" fmla="*/ 1393031 h 1650237"/>
                <a:gd name="connsiteX18" fmla="*/ 1379721 w 4158640"/>
                <a:gd name="connsiteY18" fmla="*/ 1366837 h 1650237"/>
                <a:gd name="connsiteX19" fmla="*/ 1439253 w 4158640"/>
                <a:gd name="connsiteY19" fmla="*/ 1347787 h 1650237"/>
                <a:gd name="connsiteX20" fmla="*/ 1467828 w 4158640"/>
                <a:gd name="connsiteY20" fmla="*/ 1331118 h 1650237"/>
                <a:gd name="connsiteX21" fmla="*/ 1503546 w 4158640"/>
                <a:gd name="connsiteY21" fmla="*/ 1316831 h 1650237"/>
                <a:gd name="connsiteX22" fmla="*/ 1544028 w 4158640"/>
                <a:gd name="connsiteY22" fmla="*/ 1302543 h 1650237"/>
                <a:gd name="connsiteX23" fmla="*/ 1572603 w 4158640"/>
                <a:gd name="connsiteY23" fmla="*/ 1290637 h 1650237"/>
                <a:gd name="connsiteX24" fmla="*/ 1591653 w 4158640"/>
                <a:gd name="connsiteY24" fmla="*/ 1283493 h 1650237"/>
                <a:gd name="connsiteX25" fmla="*/ 1622609 w 4158640"/>
                <a:gd name="connsiteY25" fmla="*/ 1276350 h 1650237"/>
                <a:gd name="connsiteX26" fmla="*/ 1653565 w 4158640"/>
                <a:gd name="connsiteY26" fmla="*/ 1273968 h 1650237"/>
                <a:gd name="connsiteX27" fmla="*/ 1682140 w 4158640"/>
                <a:gd name="connsiteY27" fmla="*/ 1271587 h 1650237"/>
                <a:gd name="connsiteX28" fmla="*/ 1705953 w 4158640"/>
                <a:gd name="connsiteY28" fmla="*/ 1257300 h 1650237"/>
                <a:gd name="connsiteX29" fmla="*/ 1722621 w 4158640"/>
                <a:gd name="connsiteY29" fmla="*/ 1243012 h 1650237"/>
                <a:gd name="connsiteX30" fmla="*/ 1739290 w 4158640"/>
                <a:gd name="connsiteY30" fmla="*/ 1233487 h 1650237"/>
                <a:gd name="connsiteX31" fmla="*/ 1765484 w 4158640"/>
                <a:gd name="connsiteY31" fmla="*/ 1216818 h 1650237"/>
                <a:gd name="connsiteX32" fmla="*/ 1791678 w 4158640"/>
                <a:gd name="connsiteY32" fmla="*/ 1209675 h 1650237"/>
                <a:gd name="connsiteX33" fmla="*/ 1815490 w 4158640"/>
                <a:gd name="connsiteY33" fmla="*/ 1197768 h 1650237"/>
                <a:gd name="connsiteX34" fmla="*/ 1841684 w 4158640"/>
                <a:gd name="connsiteY34" fmla="*/ 1185862 h 1650237"/>
                <a:gd name="connsiteX35" fmla="*/ 1863115 w 4158640"/>
                <a:gd name="connsiteY35" fmla="*/ 1171575 h 1650237"/>
                <a:gd name="connsiteX36" fmla="*/ 1884546 w 4158640"/>
                <a:gd name="connsiteY36" fmla="*/ 1157287 h 1650237"/>
                <a:gd name="connsiteX37" fmla="*/ 1905978 w 4158640"/>
                <a:gd name="connsiteY37" fmla="*/ 1147762 h 1650237"/>
                <a:gd name="connsiteX38" fmla="*/ 2310791 w 4158640"/>
                <a:gd name="connsiteY38" fmla="*/ 988218 h 1650237"/>
                <a:gd name="connsiteX39" fmla="*/ 2365560 w 4158640"/>
                <a:gd name="connsiteY39" fmla="*/ 971550 h 1650237"/>
                <a:gd name="connsiteX40" fmla="*/ 2377466 w 4158640"/>
                <a:gd name="connsiteY40" fmla="*/ 952500 h 1650237"/>
                <a:gd name="connsiteX41" fmla="*/ 2441759 w 4158640"/>
                <a:gd name="connsiteY41" fmla="*/ 931068 h 1650237"/>
                <a:gd name="connsiteX42" fmla="*/ 2506052 w 4158640"/>
                <a:gd name="connsiteY42" fmla="*/ 909637 h 1650237"/>
                <a:gd name="connsiteX43" fmla="*/ 2667977 w 4158640"/>
                <a:gd name="connsiteY43" fmla="*/ 831056 h 1650237"/>
                <a:gd name="connsiteX44" fmla="*/ 2694171 w 4158640"/>
                <a:gd name="connsiteY44" fmla="*/ 814387 h 1650237"/>
                <a:gd name="connsiteX45" fmla="*/ 3168040 w 4158640"/>
                <a:gd name="connsiteY45" fmla="*/ 614362 h 1650237"/>
                <a:gd name="connsiteX46" fmla="*/ 4158640 w 4158640"/>
                <a:gd name="connsiteY4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4853 w 4158640"/>
                <a:gd name="connsiteY6" fmla="*/ 1600200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882041 w 4158640"/>
                <a:gd name="connsiteY11" fmla="*/ 1535906 h 1650237"/>
                <a:gd name="connsiteX12" fmla="*/ 951094 w 4158640"/>
                <a:gd name="connsiteY12" fmla="*/ 1524000 h 1650237"/>
                <a:gd name="connsiteX13" fmla="*/ 1020153 w 4158640"/>
                <a:gd name="connsiteY13" fmla="*/ 1516856 h 1650237"/>
                <a:gd name="connsiteX14" fmla="*/ 1163028 w 4158640"/>
                <a:gd name="connsiteY14" fmla="*/ 1459706 h 1650237"/>
                <a:gd name="connsiteX15" fmla="*/ 1265421 w 4158640"/>
                <a:gd name="connsiteY15" fmla="*/ 1443037 h 1650237"/>
                <a:gd name="connsiteX16" fmla="*/ 1324953 w 4158640"/>
                <a:gd name="connsiteY16" fmla="*/ 1412081 h 1650237"/>
                <a:gd name="connsiteX17" fmla="*/ 1348765 w 4158640"/>
                <a:gd name="connsiteY17" fmla="*/ 1393031 h 1650237"/>
                <a:gd name="connsiteX18" fmla="*/ 1379721 w 4158640"/>
                <a:gd name="connsiteY18" fmla="*/ 1366837 h 1650237"/>
                <a:gd name="connsiteX19" fmla="*/ 1439253 w 4158640"/>
                <a:gd name="connsiteY19" fmla="*/ 1347787 h 1650237"/>
                <a:gd name="connsiteX20" fmla="*/ 1467828 w 4158640"/>
                <a:gd name="connsiteY20" fmla="*/ 1331118 h 1650237"/>
                <a:gd name="connsiteX21" fmla="*/ 1503546 w 4158640"/>
                <a:gd name="connsiteY21" fmla="*/ 1316831 h 1650237"/>
                <a:gd name="connsiteX22" fmla="*/ 1544028 w 4158640"/>
                <a:gd name="connsiteY22" fmla="*/ 1302543 h 1650237"/>
                <a:gd name="connsiteX23" fmla="*/ 1572603 w 4158640"/>
                <a:gd name="connsiteY23" fmla="*/ 1290637 h 1650237"/>
                <a:gd name="connsiteX24" fmla="*/ 1591653 w 4158640"/>
                <a:gd name="connsiteY24" fmla="*/ 1283493 h 1650237"/>
                <a:gd name="connsiteX25" fmla="*/ 1622609 w 4158640"/>
                <a:gd name="connsiteY25" fmla="*/ 1276350 h 1650237"/>
                <a:gd name="connsiteX26" fmla="*/ 1653565 w 4158640"/>
                <a:gd name="connsiteY26" fmla="*/ 1273968 h 1650237"/>
                <a:gd name="connsiteX27" fmla="*/ 1682140 w 4158640"/>
                <a:gd name="connsiteY27" fmla="*/ 1271587 h 1650237"/>
                <a:gd name="connsiteX28" fmla="*/ 1705953 w 4158640"/>
                <a:gd name="connsiteY28" fmla="*/ 1257300 h 1650237"/>
                <a:gd name="connsiteX29" fmla="*/ 1722621 w 4158640"/>
                <a:gd name="connsiteY29" fmla="*/ 1243012 h 1650237"/>
                <a:gd name="connsiteX30" fmla="*/ 1739290 w 4158640"/>
                <a:gd name="connsiteY30" fmla="*/ 1233487 h 1650237"/>
                <a:gd name="connsiteX31" fmla="*/ 1765484 w 4158640"/>
                <a:gd name="connsiteY31" fmla="*/ 1216818 h 1650237"/>
                <a:gd name="connsiteX32" fmla="*/ 1791678 w 4158640"/>
                <a:gd name="connsiteY32" fmla="*/ 1209675 h 1650237"/>
                <a:gd name="connsiteX33" fmla="*/ 1815490 w 4158640"/>
                <a:gd name="connsiteY33" fmla="*/ 1197768 h 1650237"/>
                <a:gd name="connsiteX34" fmla="*/ 1841684 w 4158640"/>
                <a:gd name="connsiteY34" fmla="*/ 1185862 h 1650237"/>
                <a:gd name="connsiteX35" fmla="*/ 1863115 w 4158640"/>
                <a:gd name="connsiteY35" fmla="*/ 1171575 h 1650237"/>
                <a:gd name="connsiteX36" fmla="*/ 1884546 w 4158640"/>
                <a:gd name="connsiteY36" fmla="*/ 1157287 h 1650237"/>
                <a:gd name="connsiteX37" fmla="*/ 1905978 w 4158640"/>
                <a:gd name="connsiteY37" fmla="*/ 1147762 h 1650237"/>
                <a:gd name="connsiteX38" fmla="*/ 2310791 w 4158640"/>
                <a:gd name="connsiteY38" fmla="*/ 988218 h 1650237"/>
                <a:gd name="connsiteX39" fmla="*/ 2365560 w 4158640"/>
                <a:gd name="connsiteY39" fmla="*/ 971550 h 1650237"/>
                <a:gd name="connsiteX40" fmla="*/ 2377466 w 4158640"/>
                <a:gd name="connsiteY40" fmla="*/ 952500 h 1650237"/>
                <a:gd name="connsiteX41" fmla="*/ 2441759 w 4158640"/>
                <a:gd name="connsiteY41" fmla="*/ 931068 h 1650237"/>
                <a:gd name="connsiteX42" fmla="*/ 2506052 w 4158640"/>
                <a:gd name="connsiteY42" fmla="*/ 909637 h 1650237"/>
                <a:gd name="connsiteX43" fmla="*/ 2667977 w 4158640"/>
                <a:gd name="connsiteY43" fmla="*/ 831056 h 1650237"/>
                <a:gd name="connsiteX44" fmla="*/ 2694171 w 4158640"/>
                <a:gd name="connsiteY44" fmla="*/ 814387 h 1650237"/>
                <a:gd name="connsiteX45" fmla="*/ 3168040 w 4158640"/>
                <a:gd name="connsiteY45" fmla="*/ 614362 h 1650237"/>
                <a:gd name="connsiteX46" fmla="*/ 4158640 w 4158640"/>
                <a:gd name="connsiteY4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15352 w 4158640"/>
                <a:gd name="connsiteY9" fmla="*/ 1559719 h 1650237"/>
                <a:gd name="connsiteX10" fmla="*/ 765359 w 4158640"/>
                <a:gd name="connsiteY10" fmla="*/ 1540669 h 1650237"/>
                <a:gd name="connsiteX11" fmla="*/ 882041 w 4158640"/>
                <a:gd name="connsiteY11" fmla="*/ 1535906 h 1650237"/>
                <a:gd name="connsiteX12" fmla="*/ 951094 w 4158640"/>
                <a:gd name="connsiteY12" fmla="*/ 1524000 h 1650237"/>
                <a:gd name="connsiteX13" fmla="*/ 1020153 w 4158640"/>
                <a:gd name="connsiteY13" fmla="*/ 1516856 h 1650237"/>
                <a:gd name="connsiteX14" fmla="*/ 1163028 w 4158640"/>
                <a:gd name="connsiteY14" fmla="*/ 1459706 h 1650237"/>
                <a:gd name="connsiteX15" fmla="*/ 1265421 w 4158640"/>
                <a:gd name="connsiteY15" fmla="*/ 1443037 h 1650237"/>
                <a:gd name="connsiteX16" fmla="*/ 1324953 w 4158640"/>
                <a:gd name="connsiteY16" fmla="*/ 1412081 h 1650237"/>
                <a:gd name="connsiteX17" fmla="*/ 1348765 w 4158640"/>
                <a:gd name="connsiteY17" fmla="*/ 1393031 h 1650237"/>
                <a:gd name="connsiteX18" fmla="*/ 1379721 w 4158640"/>
                <a:gd name="connsiteY18" fmla="*/ 1366837 h 1650237"/>
                <a:gd name="connsiteX19" fmla="*/ 1439253 w 4158640"/>
                <a:gd name="connsiteY19" fmla="*/ 1347787 h 1650237"/>
                <a:gd name="connsiteX20" fmla="*/ 1467828 w 4158640"/>
                <a:gd name="connsiteY20" fmla="*/ 1331118 h 1650237"/>
                <a:gd name="connsiteX21" fmla="*/ 1503546 w 4158640"/>
                <a:gd name="connsiteY21" fmla="*/ 1316831 h 1650237"/>
                <a:gd name="connsiteX22" fmla="*/ 1544028 w 4158640"/>
                <a:gd name="connsiteY22" fmla="*/ 1302543 h 1650237"/>
                <a:gd name="connsiteX23" fmla="*/ 1572603 w 4158640"/>
                <a:gd name="connsiteY23" fmla="*/ 1290637 h 1650237"/>
                <a:gd name="connsiteX24" fmla="*/ 1591653 w 4158640"/>
                <a:gd name="connsiteY24" fmla="*/ 1283493 h 1650237"/>
                <a:gd name="connsiteX25" fmla="*/ 1622609 w 4158640"/>
                <a:gd name="connsiteY25" fmla="*/ 1276350 h 1650237"/>
                <a:gd name="connsiteX26" fmla="*/ 1653565 w 4158640"/>
                <a:gd name="connsiteY26" fmla="*/ 1273968 h 1650237"/>
                <a:gd name="connsiteX27" fmla="*/ 1682140 w 4158640"/>
                <a:gd name="connsiteY27" fmla="*/ 1271587 h 1650237"/>
                <a:gd name="connsiteX28" fmla="*/ 1705953 w 4158640"/>
                <a:gd name="connsiteY28" fmla="*/ 1257300 h 1650237"/>
                <a:gd name="connsiteX29" fmla="*/ 1722621 w 4158640"/>
                <a:gd name="connsiteY29" fmla="*/ 1243012 h 1650237"/>
                <a:gd name="connsiteX30" fmla="*/ 1739290 w 4158640"/>
                <a:gd name="connsiteY30" fmla="*/ 1233487 h 1650237"/>
                <a:gd name="connsiteX31" fmla="*/ 1765484 w 4158640"/>
                <a:gd name="connsiteY31" fmla="*/ 1216818 h 1650237"/>
                <a:gd name="connsiteX32" fmla="*/ 1791678 w 4158640"/>
                <a:gd name="connsiteY32" fmla="*/ 1209675 h 1650237"/>
                <a:gd name="connsiteX33" fmla="*/ 1815490 w 4158640"/>
                <a:gd name="connsiteY33" fmla="*/ 1197768 h 1650237"/>
                <a:gd name="connsiteX34" fmla="*/ 1841684 w 4158640"/>
                <a:gd name="connsiteY34" fmla="*/ 1185862 h 1650237"/>
                <a:gd name="connsiteX35" fmla="*/ 1863115 w 4158640"/>
                <a:gd name="connsiteY35" fmla="*/ 1171575 h 1650237"/>
                <a:gd name="connsiteX36" fmla="*/ 1884546 w 4158640"/>
                <a:gd name="connsiteY36" fmla="*/ 1157287 h 1650237"/>
                <a:gd name="connsiteX37" fmla="*/ 1905978 w 4158640"/>
                <a:gd name="connsiteY37" fmla="*/ 1147762 h 1650237"/>
                <a:gd name="connsiteX38" fmla="*/ 2310791 w 4158640"/>
                <a:gd name="connsiteY38" fmla="*/ 988218 h 1650237"/>
                <a:gd name="connsiteX39" fmla="*/ 2365560 w 4158640"/>
                <a:gd name="connsiteY39" fmla="*/ 971550 h 1650237"/>
                <a:gd name="connsiteX40" fmla="*/ 2377466 w 4158640"/>
                <a:gd name="connsiteY40" fmla="*/ 952500 h 1650237"/>
                <a:gd name="connsiteX41" fmla="*/ 2441759 w 4158640"/>
                <a:gd name="connsiteY41" fmla="*/ 931068 h 1650237"/>
                <a:gd name="connsiteX42" fmla="*/ 2506052 w 4158640"/>
                <a:gd name="connsiteY42" fmla="*/ 909637 h 1650237"/>
                <a:gd name="connsiteX43" fmla="*/ 2667977 w 4158640"/>
                <a:gd name="connsiteY43" fmla="*/ 831056 h 1650237"/>
                <a:gd name="connsiteX44" fmla="*/ 2694171 w 4158640"/>
                <a:gd name="connsiteY44" fmla="*/ 814387 h 1650237"/>
                <a:gd name="connsiteX45" fmla="*/ 3168040 w 4158640"/>
                <a:gd name="connsiteY45" fmla="*/ 614362 h 1650237"/>
                <a:gd name="connsiteX46" fmla="*/ 4158640 w 4158640"/>
                <a:gd name="connsiteY4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0669 h 1650237"/>
                <a:gd name="connsiteX11" fmla="*/ 882041 w 4158640"/>
                <a:gd name="connsiteY11" fmla="*/ 1535906 h 1650237"/>
                <a:gd name="connsiteX12" fmla="*/ 951094 w 4158640"/>
                <a:gd name="connsiteY12" fmla="*/ 1524000 h 1650237"/>
                <a:gd name="connsiteX13" fmla="*/ 1020153 w 4158640"/>
                <a:gd name="connsiteY13" fmla="*/ 1516856 h 1650237"/>
                <a:gd name="connsiteX14" fmla="*/ 1163028 w 4158640"/>
                <a:gd name="connsiteY14" fmla="*/ 1459706 h 1650237"/>
                <a:gd name="connsiteX15" fmla="*/ 1265421 w 4158640"/>
                <a:gd name="connsiteY15" fmla="*/ 1443037 h 1650237"/>
                <a:gd name="connsiteX16" fmla="*/ 1324953 w 4158640"/>
                <a:gd name="connsiteY16" fmla="*/ 1412081 h 1650237"/>
                <a:gd name="connsiteX17" fmla="*/ 1348765 w 4158640"/>
                <a:gd name="connsiteY17" fmla="*/ 1393031 h 1650237"/>
                <a:gd name="connsiteX18" fmla="*/ 1379721 w 4158640"/>
                <a:gd name="connsiteY18" fmla="*/ 1366837 h 1650237"/>
                <a:gd name="connsiteX19" fmla="*/ 1439253 w 4158640"/>
                <a:gd name="connsiteY19" fmla="*/ 1347787 h 1650237"/>
                <a:gd name="connsiteX20" fmla="*/ 1467828 w 4158640"/>
                <a:gd name="connsiteY20" fmla="*/ 1331118 h 1650237"/>
                <a:gd name="connsiteX21" fmla="*/ 1503546 w 4158640"/>
                <a:gd name="connsiteY21" fmla="*/ 1316831 h 1650237"/>
                <a:gd name="connsiteX22" fmla="*/ 1544028 w 4158640"/>
                <a:gd name="connsiteY22" fmla="*/ 1302543 h 1650237"/>
                <a:gd name="connsiteX23" fmla="*/ 1572603 w 4158640"/>
                <a:gd name="connsiteY23" fmla="*/ 1290637 h 1650237"/>
                <a:gd name="connsiteX24" fmla="*/ 1591653 w 4158640"/>
                <a:gd name="connsiteY24" fmla="*/ 1283493 h 1650237"/>
                <a:gd name="connsiteX25" fmla="*/ 1622609 w 4158640"/>
                <a:gd name="connsiteY25" fmla="*/ 1276350 h 1650237"/>
                <a:gd name="connsiteX26" fmla="*/ 1653565 w 4158640"/>
                <a:gd name="connsiteY26" fmla="*/ 1273968 h 1650237"/>
                <a:gd name="connsiteX27" fmla="*/ 1682140 w 4158640"/>
                <a:gd name="connsiteY27" fmla="*/ 1271587 h 1650237"/>
                <a:gd name="connsiteX28" fmla="*/ 1705953 w 4158640"/>
                <a:gd name="connsiteY28" fmla="*/ 1257300 h 1650237"/>
                <a:gd name="connsiteX29" fmla="*/ 1722621 w 4158640"/>
                <a:gd name="connsiteY29" fmla="*/ 1243012 h 1650237"/>
                <a:gd name="connsiteX30" fmla="*/ 1739290 w 4158640"/>
                <a:gd name="connsiteY30" fmla="*/ 1233487 h 1650237"/>
                <a:gd name="connsiteX31" fmla="*/ 1765484 w 4158640"/>
                <a:gd name="connsiteY31" fmla="*/ 1216818 h 1650237"/>
                <a:gd name="connsiteX32" fmla="*/ 1791678 w 4158640"/>
                <a:gd name="connsiteY32" fmla="*/ 1209675 h 1650237"/>
                <a:gd name="connsiteX33" fmla="*/ 1815490 w 4158640"/>
                <a:gd name="connsiteY33" fmla="*/ 1197768 h 1650237"/>
                <a:gd name="connsiteX34" fmla="*/ 1841684 w 4158640"/>
                <a:gd name="connsiteY34" fmla="*/ 1185862 h 1650237"/>
                <a:gd name="connsiteX35" fmla="*/ 1863115 w 4158640"/>
                <a:gd name="connsiteY35" fmla="*/ 1171575 h 1650237"/>
                <a:gd name="connsiteX36" fmla="*/ 1884546 w 4158640"/>
                <a:gd name="connsiteY36" fmla="*/ 1157287 h 1650237"/>
                <a:gd name="connsiteX37" fmla="*/ 1905978 w 4158640"/>
                <a:gd name="connsiteY37" fmla="*/ 1147762 h 1650237"/>
                <a:gd name="connsiteX38" fmla="*/ 2310791 w 4158640"/>
                <a:gd name="connsiteY38" fmla="*/ 988218 h 1650237"/>
                <a:gd name="connsiteX39" fmla="*/ 2365560 w 4158640"/>
                <a:gd name="connsiteY39" fmla="*/ 971550 h 1650237"/>
                <a:gd name="connsiteX40" fmla="*/ 2377466 w 4158640"/>
                <a:gd name="connsiteY40" fmla="*/ 952500 h 1650237"/>
                <a:gd name="connsiteX41" fmla="*/ 2441759 w 4158640"/>
                <a:gd name="connsiteY41" fmla="*/ 931068 h 1650237"/>
                <a:gd name="connsiteX42" fmla="*/ 2506052 w 4158640"/>
                <a:gd name="connsiteY42" fmla="*/ 909637 h 1650237"/>
                <a:gd name="connsiteX43" fmla="*/ 2667977 w 4158640"/>
                <a:gd name="connsiteY43" fmla="*/ 831056 h 1650237"/>
                <a:gd name="connsiteX44" fmla="*/ 2694171 w 4158640"/>
                <a:gd name="connsiteY44" fmla="*/ 814387 h 1650237"/>
                <a:gd name="connsiteX45" fmla="*/ 3168040 w 4158640"/>
                <a:gd name="connsiteY45" fmla="*/ 614362 h 1650237"/>
                <a:gd name="connsiteX46" fmla="*/ 4158640 w 4158640"/>
                <a:gd name="connsiteY4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0669 h 1650237"/>
                <a:gd name="connsiteX11" fmla="*/ 853466 w 4158640"/>
                <a:gd name="connsiteY11" fmla="*/ 1533525 h 1650237"/>
                <a:gd name="connsiteX12" fmla="*/ 951094 w 4158640"/>
                <a:gd name="connsiteY12" fmla="*/ 1524000 h 1650237"/>
                <a:gd name="connsiteX13" fmla="*/ 1020153 w 4158640"/>
                <a:gd name="connsiteY13" fmla="*/ 1516856 h 1650237"/>
                <a:gd name="connsiteX14" fmla="*/ 1163028 w 4158640"/>
                <a:gd name="connsiteY14" fmla="*/ 1459706 h 1650237"/>
                <a:gd name="connsiteX15" fmla="*/ 1265421 w 4158640"/>
                <a:gd name="connsiteY15" fmla="*/ 1443037 h 1650237"/>
                <a:gd name="connsiteX16" fmla="*/ 1324953 w 4158640"/>
                <a:gd name="connsiteY16" fmla="*/ 1412081 h 1650237"/>
                <a:gd name="connsiteX17" fmla="*/ 1348765 w 4158640"/>
                <a:gd name="connsiteY17" fmla="*/ 1393031 h 1650237"/>
                <a:gd name="connsiteX18" fmla="*/ 1379721 w 4158640"/>
                <a:gd name="connsiteY18" fmla="*/ 1366837 h 1650237"/>
                <a:gd name="connsiteX19" fmla="*/ 1439253 w 4158640"/>
                <a:gd name="connsiteY19" fmla="*/ 1347787 h 1650237"/>
                <a:gd name="connsiteX20" fmla="*/ 1467828 w 4158640"/>
                <a:gd name="connsiteY20" fmla="*/ 1331118 h 1650237"/>
                <a:gd name="connsiteX21" fmla="*/ 1503546 w 4158640"/>
                <a:gd name="connsiteY21" fmla="*/ 1316831 h 1650237"/>
                <a:gd name="connsiteX22" fmla="*/ 1544028 w 4158640"/>
                <a:gd name="connsiteY22" fmla="*/ 1302543 h 1650237"/>
                <a:gd name="connsiteX23" fmla="*/ 1572603 w 4158640"/>
                <a:gd name="connsiteY23" fmla="*/ 1290637 h 1650237"/>
                <a:gd name="connsiteX24" fmla="*/ 1591653 w 4158640"/>
                <a:gd name="connsiteY24" fmla="*/ 1283493 h 1650237"/>
                <a:gd name="connsiteX25" fmla="*/ 1622609 w 4158640"/>
                <a:gd name="connsiteY25" fmla="*/ 1276350 h 1650237"/>
                <a:gd name="connsiteX26" fmla="*/ 1653565 w 4158640"/>
                <a:gd name="connsiteY26" fmla="*/ 1273968 h 1650237"/>
                <a:gd name="connsiteX27" fmla="*/ 1682140 w 4158640"/>
                <a:gd name="connsiteY27" fmla="*/ 1271587 h 1650237"/>
                <a:gd name="connsiteX28" fmla="*/ 1705953 w 4158640"/>
                <a:gd name="connsiteY28" fmla="*/ 1257300 h 1650237"/>
                <a:gd name="connsiteX29" fmla="*/ 1722621 w 4158640"/>
                <a:gd name="connsiteY29" fmla="*/ 1243012 h 1650237"/>
                <a:gd name="connsiteX30" fmla="*/ 1739290 w 4158640"/>
                <a:gd name="connsiteY30" fmla="*/ 1233487 h 1650237"/>
                <a:gd name="connsiteX31" fmla="*/ 1765484 w 4158640"/>
                <a:gd name="connsiteY31" fmla="*/ 1216818 h 1650237"/>
                <a:gd name="connsiteX32" fmla="*/ 1791678 w 4158640"/>
                <a:gd name="connsiteY32" fmla="*/ 1209675 h 1650237"/>
                <a:gd name="connsiteX33" fmla="*/ 1815490 w 4158640"/>
                <a:gd name="connsiteY33" fmla="*/ 1197768 h 1650237"/>
                <a:gd name="connsiteX34" fmla="*/ 1841684 w 4158640"/>
                <a:gd name="connsiteY34" fmla="*/ 1185862 h 1650237"/>
                <a:gd name="connsiteX35" fmla="*/ 1863115 w 4158640"/>
                <a:gd name="connsiteY35" fmla="*/ 1171575 h 1650237"/>
                <a:gd name="connsiteX36" fmla="*/ 1884546 w 4158640"/>
                <a:gd name="connsiteY36" fmla="*/ 1157287 h 1650237"/>
                <a:gd name="connsiteX37" fmla="*/ 1905978 w 4158640"/>
                <a:gd name="connsiteY37" fmla="*/ 1147762 h 1650237"/>
                <a:gd name="connsiteX38" fmla="*/ 2310791 w 4158640"/>
                <a:gd name="connsiteY38" fmla="*/ 988218 h 1650237"/>
                <a:gd name="connsiteX39" fmla="*/ 2365560 w 4158640"/>
                <a:gd name="connsiteY39" fmla="*/ 971550 h 1650237"/>
                <a:gd name="connsiteX40" fmla="*/ 2377466 w 4158640"/>
                <a:gd name="connsiteY40" fmla="*/ 952500 h 1650237"/>
                <a:gd name="connsiteX41" fmla="*/ 2441759 w 4158640"/>
                <a:gd name="connsiteY41" fmla="*/ 931068 h 1650237"/>
                <a:gd name="connsiteX42" fmla="*/ 2506052 w 4158640"/>
                <a:gd name="connsiteY42" fmla="*/ 909637 h 1650237"/>
                <a:gd name="connsiteX43" fmla="*/ 2667977 w 4158640"/>
                <a:gd name="connsiteY43" fmla="*/ 831056 h 1650237"/>
                <a:gd name="connsiteX44" fmla="*/ 2694171 w 4158640"/>
                <a:gd name="connsiteY44" fmla="*/ 814387 h 1650237"/>
                <a:gd name="connsiteX45" fmla="*/ 3168040 w 4158640"/>
                <a:gd name="connsiteY45" fmla="*/ 614362 h 1650237"/>
                <a:gd name="connsiteX46" fmla="*/ 4158640 w 4158640"/>
                <a:gd name="connsiteY4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20153 w 4158640"/>
                <a:gd name="connsiteY13" fmla="*/ 1516856 h 1650237"/>
                <a:gd name="connsiteX14" fmla="*/ 1163028 w 4158640"/>
                <a:gd name="connsiteY14" fmla="*/ 1459706 h 1650237"/>
                <a:gd name="connsiteX15" fmla="*/ 1265421 w 4158640"/>
                <a:gd name="connsiteY15" fmla="*/ 1443037 h 1650237"/>
                <a:gd name="connsiteX16" fmla="*/ 1324953 w 4158640"/>
                <a:gd name="connsiteY16" fmla="*/ 1412081 h 1650237"/>
                <a:gd name="connsiteX17" fmla="*/ 1348765 w 4158640"/>
                <a:gd name="connsiteY17" fmla="*/ 1393031 h 1650237"/>
                <a:gd name="connsiteX18" fmla="*/ 1379721 w 4158640"/>
                <a:gd name="connsiteY18" fmla="*/ 1366837 h 1650237"/>
                <a:gd name="connsiteX19" fmla="*/ 1439253 w 4158640"/>
                <a:gd name="connsiteY19" fmla="*/ 1347787 h 1650237"/>
                <a:gd name="connsiteX20" fmla="*/ 1467828 w 4158640"/>
                <a:gd name="connsiteY20" fmla="*/ 1331118 h 1650237"/>
                <a:gd name="connsiteX21" fmla="*/ 1503546 w 4158640"/>
                <a:gd name="connsiteY21" fmla="*/ 1316831 h 1650237"/>
                <a:gd name="connsiteX22" fmla="*/ 1544028 w 4158640"/>
                <a:gd name="connsiteY22" fmla="*/ 1302543 h 1650237"/>
                <a:gd name="connsiteX23" fmla="*/ 1572603 w 4158640"/>
                <a:gd name="connsiteY23" fmla="*/ 1290637 h 1650237"/>
                <a:gd name="connsiteX24" fmla="*/ 1591653 w 4158640"/>
                <a:gd name="connsiteY24" fmla="*/ 1283493 h 1650237"/>
                <a:gd name="connsiteX25" fmla="*/ 1622609 w 4158640"/>
                <a:gd name="connsiteY25" fmla="*/ 1276350 h 1650237"/>
                <a:gd name="connsiteX26" fmla="*/ 1653565 w 4158640"/>
                <a:gd name="connsiteY26" fmla="*/ 1273968 h 1650237"/>
                <a:gd name="connsiteX27" fmla="*/ 1682140 w 4158640"/>
                <a:gd name="connsiteY27" fmla="*/ 1271587 h 1650237"/>
                <a:gd name="connsiteX28" fmla="*/ 1705953 w 4158640"/>
                <a:gd name="connsiteY28" fmla="*/ 1257300 h 1650237"/>
                <a:gd name="connsiteX29" fmla="*/ 1722621 w 4158640"/>
                <a:gd name="connsiteY29" fmla="*/ 1243012 h 1650237"/>
                <a:gd name="connsiteX30" fmla="*/ 1739290 w 4158640"/>
                <a:gd name="connsiteY30" fmla="*/ 1233487 h 1650237"/>
                <a:gd name="connsiteX31" fmla="*/ 1765484 w 4158640"/>
                <a:gd name="connsiteY31" fmla="*/ 1216818 h 1650237"/>
                <a:gd name="connsiteX32" fmla="*/ 1791678 w 4158640"/>
                <a:gd name="connsiteY32" fmla="*/ 1209675 h 1650237"/>
                <a:gd name="connsiteX33" fmla="*/ 1815490 w 4158640"/>
                <a:gd name="connsiteY33" fmla="*/ 1197768 h 1650237"/>
                <a:gd name="connsiteX34" fmla="*/ 1841684 w 4158640"/>
                <a:gd name="connsiteY34" fmla="*/ 1185862 h 1650237"/>
                <a:gd name="connsiteX35" fmla="*/ 1863115 w 4158640"/>
                <a:gd name="connsiteY35" fmla="*/ 1171575 h 1650237"/>
                <a:gd name="connsiteX36" fmla="*/ 1884546 w 4158640"/>
                <a:gd name="connsiteY36" fmla="*/ 1157287 h 1650237"/>
                <a:gd name="connsiteX37" fmla="*/ 1905978 w 4158640"/>
                <a:gd name="connsiteY37" fmla="*/ 1147762 h 1650237"/>
                <a:gd name="connsiteX38" fmla="*/ 2310791 w 4158640"/>
                <a:gd name="connsiteY38" fmla="*/ 988218 h 1650237"/>
                <a:gd name="connsiteX39" fmla="*/ 2365560 w 4158640"/>
                <a:gd name="connsiteY39" fmla="*/ 971550 h 1650237"/>
                <a:gd name="connsiteX40" fmla="*/ 2377466 w 4158640"/>
                <a:gd name="connsiteY40" fmla="*/ 952500 h 1650237"/>
                <a:gd name="connsiteX41" fmla="*/ 2441759 w 4158640"/>
                <a:gd name="connsiteY41" fmla="*/ 931068 h 1650237"/>
                <a:gd name="connsiteX42" fmla="*/ 2506052 w 4158640"/>
                <a:gd name="connsiteY42" fmla="*/ 909637 h 1650237"/>
                <a:gd name="connsiteX43" fmla="*/ 2667977 w 4158640"/>
                <a:gd name="connsiteY43" fmla="*/ 831056 h 1650237"/>
                <a:gd name="connsiteX44" fmla="*/ 2694171 w 4158640"/>
                <a:gd name="connsiteY44" fmla="*/ 814387 h 1650237"/>
                <a:gd name="connsiteX45" fmla="*/ 3168040 w 4158640"/>
                <a:gd name="connsiteY45" fmla="*/ 614362 h 1650237"/>
                <a:gd name="connsiteX46" fmla="*/ 4158640 w 4158640"/>
                <a:gd name="connsiteY4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20153 w 4158640"/>
                <a:gd name="connsiteY13" fmla="*/ 1516856 h 1650237"/>
                <a:gd name="connsiteX14" fmla="*/ 1110640 w 4158640"/>
                <a:gd name="connsiteY14" fmla="*/ 1490662 h 1650237"/>
                <a:gd name="connsiteX15" fmla="*/ 1265421 w 4158640"/>
                <a:gd name="connsiteY15" fmla="*/ 1443037 h 1650237"/>
                <a:gd name="connsiteX16" fmla="*/ 1324953 w 4158640"/>
                <a:gd name="connsiteY16" fmla="*/ 1412081 h 1650237"/>
                <a:gd name="connsiteX17" fmla="*/ 1348765 w 4158640"/>
                <a:gd name="connsiteY17" fmla="*/ 1393031 h 1650237"/>
                <a:gd name="connsiteX18" fmla="*/ 1379721 w 4158640"/>
                <a:gd name="connsiteY18" fmla="*/ 1366837 h 1650237"/>
                <a:gd name="connsiteX19" fmla="*/ 1439253 w 4158640"/>
                <a:gd name="connsiteY19" fmla="*/ 1347787 h 1650237"/>
                <a:gd name="connsiteX20" fmla="*/ 1467828 w 4158640"/>
                <a:gd name="connsiteY20" fmla="*/ 1331118 h 1650237"/>
                <a:gd name="connsiteX21" fmla="*/ 1503546 w 4158640"/>
                <a:gd name="connsiteY21" fmla="*/ 1316831 h 1650237"/>
                <a:gd name="connsiteX22" fmla="*/ 1544028 w 4158640"/>
                <a:gd name="connsiteY22" fmla="*/ 1302543 h 1650237"/>
                <a:gd name="connsiteX23" fmla="*/ 1572603 w 4158640"/>
                <a:gd name="connsiteY23" fmla="*/ 1290637 h 1650237"/>
                <a:gd name="connsiteX24" fmla="*/ 1591653 w 4158640"/>
                <a:gd name="connsiteY24" fmla="*/ 1283493 h 1650237"/>
                <a:gd name="connsiteX25" fmla="*/ 1622609 w 4158640"/>
                <a:gd name="connsiteY25" fmla="*/ 1276350 h 1650237"/>
                <a:gd name="connsiteX26" fmla="*/ 1653565 w 4158640"/>
                <a:gd name="connsiteY26" fmla="*/ 1273968 h 1650237"/>
                <a:gd name="connsiteX27" fmla="*/ 1682140 w 4158640"/>
                <a:gd name="connsiteY27" fmla="*/ 1271587 h 1650237"/>
                <a:gd name="connsiteX28" fmla="*/ 1705953 w 4158640"/>
                <a:gd name="connsiteY28" fmla="*/ 1257300 h 1650237"/>
                <a:gd name="connsiteX29" fmla="*/ 1722621 w 4158640"/>
                <a:gd name="connsiteY29" fmla="*/ 1243012 h 1650237"/>
                <a:gd name="connsiteX30" fmla="*/ 1739290 w 4158640"/>
                <a:gd name="connsiteY30" fmla="*/ 1233487 h 1650237"/>
                <a:gd name="connsiteX31" fmla="*/ 1765484 w 4158640"/>
                <a:gd name="connsiteY31" fmla="*/ 1216818 h 1650237"/>
                <a:gd name="connsiteX32" fmla="*/ 1791678 w 4158640"/>
                <a:gd name="connsiteY32" fmla="*/ 1209675 h 1650237"/>
                <a:gd name="connsiteX33" fmla="*/ 1815490 w 4158640"/>
                <a:gd name="connsiteY33" fmla="*/ 1197768 h 1650237"/>
                <a:gd name="connsiteX34" fmla="*/ 1841684 w 4158640"/>
                <a:gd name="connsiteY34" fmla="*/ 1185862 h 1650237"/>
                <a:gd name="connsiteX35" fmla="*/ 1863115 w 4158640"/>
                <a:gd name="connsiteY35" fmla="*/ 1171575 h 1650237"/>
                <a:gd name="connsiteX36" fmla="*/ 1884546 w 4158640"/>
                <a:gd name="connsiteY36" fmla="*/ 1157287 h 1650237"/>
                <a:gd name="connsiteX37" fmla="*/ 1905978 w 4158640"/>
                <a:gd name="connsiteY37" fmla="*/ 1147762 h 1650237"/>
                <a:gd name="connsiteX38" fmla="*/ 2310791 w 4158640"/>
                <a:gd name="connsiteY38" fmla="*/ 988218 h 1650237"/>
                <a:gd name="connsiteX39" fmla="*/ 2365560 w 4158640"/>
                <a:gd name="connsiteY39" fmla="*/ 971550 h 1650237"/>
                <a:gd name="connsiteX40" fmla="*/ 2377466 w 4158640"/>
                <a:gd name="connsiteY40" fmla="*/ 952500 h 1650237"/>
                <a:gd name="connsiteX41" fmla="*/ 2441759 w 4158640"/>
                <a:gd name="connsiteY41" fmla="*/ 931068 h 1650237"/>
                <a:gd name="connsiteX42" fmla="*/ 2506052 w 4158640"/>
                <a:gd name="connsiteY42" fmla="*/ 909637 h 1650237"/>
                <a:gd name="connsiteX43" fmla="*/ 2667977 w 4158640"/>
                <a:gd name="connsiteY43" fmla="*/ 831056 h 1650237"/>
                <a:gd name="connsiteX44" fmla="*/ 2694171 w 4158640"/>
                <a:gd name="connsiteY44" fmla="*/ 814387 h 1650237"/>
                <a:gd name="connsiteX45" fmla="*/ 3168040 w 4158640"/>
                <a:gd name="connsiteY45" fmla="*/ 614362 h 1650237"/>
                <a:gd name="connsiteX46" fmla="*/ 4158640 w 4158640"/>
                <a:gd name="connsiteY4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20153 w 4158640"/>
                <a:gd name="connsiteY13" fmla="*/ 1516856 h 1650237"/>
                <a:gd name="connsiteX14" fmla="*/ 1110640 w 4158640"/>
                <a:gd name="connsiteY14" fmla="*/ 1490662 h 1650237"/>
                <a:gd name="connsiteX15" fmla="*/ 1096353 w 4158640"/>
                <a:gd name="connsiteY15" fmla="*/ 1493043 h 1650237"/>
                <a:gd name="connsiteX16" fmla="*/ 1265421 w 4158640"/>
                <a:gd name="connsiteY16" fmla="*/ 1443037 h 1650237"/>
                <a:gd name="connsiteX17" fmla="*/ 1324953 w 4158640"/>
                <a:gd name="connsiteY17" fmla="*/ 1412081 h 1650237"/>
                <a:gd name="connsiteX18" fmla="*/ 1348765 w 4158640"/>
                <a:gd name="connsiteY18" fmla="*/ 1393031 h 1650237"/>
                <a:gd name="connsiteX19" fmla="*/ 1379721 w 4158640"/>
                <a:gd name="connsiteY19" fmla="*/ 1366837 h 1650237"/>
                <a:gd name="connsiteX20" fmla="*/ 1439253 w 4158640"/>
                <a:gd name="connsiteY20" fmla="*/ 1347787 h 1650237"/>
                <a:gd name="connsiteX21" fmla="*/ 1467828 w 4158640"/>
                <a:gd name="connsiteY21" fmla="*/ 1331118 h 1650237"/>
                <a:gd name="connsiteX22" fmla="*/ 1503546 w 4158640"/>
                <a:gd name="connsiteY22" fmla="*/ 1316831 h 1650237"/>
                <a:gd name="connsiteX23" fmla="*/ 1544028 w 4158640"/>
                <a:gd name="connsiteY23" fmla="*/ 1302543 h 1650237"/>
                <a:gd name="connsiteX24" fmla="*/ 1572603 w 4158640"/>
                <a:gd name="connsiteY24" fmla="*/ 1290637 h 1650237"/>
                <a:gd name="connsiteX25" fmla="*/ 1591653 w 4158640"/>
                <a:gd name="connsiteY25" fmla="*/ 1283493 h 1650237"/>
                <a:gd name="connsiteX26" fmla="*/ 1622609 w 4158640"/>
                <a:gd name="connsiteY26" fmla="*/ 1276350 h 1650237"/>
                <a:gd name="connsiteX27" fmla="*/ 1653565 w 4158640"/>
                <a:gd name="connsiteY27" fmla="*/ 1273968 h 1650237"/>
                <a:gd name="connsiteX28" fmla="*/ 1682140 w 4158640"/>
                <a:gd name="connsiteY28" fmla="*/ 1271587 h 1650237"/>
                <a:gd name="connsiteX29" fmla="*/ 1705953 w 4158640"/>
                <a:gd name="connsiteY29" fmla="*/ 1257300 h 1650237"/>
                <a:gd name="connsiteX30" fmla="*/ 1722621 w 4158640"/>
                <a:gd name="connsiteY30" fmla="*/ 1243012 h 1650237"/>
                <a:gd name="connsiteX31" fmla="*/ 1739290 w 4158640"/>
                <a:gd name="connsiteY31" fmla="*/ 1233487 h 1650237"/>
                <a:gd name="connsiteX32" fmla="*/ 1765484 w 4158640"/>
                <a:gd name="connsiteY32" fmla="*/ 1216818 h 1650237"/>
                <a:gd name="connsiteX33" fmla="*/ 1791678 w 4158640"/>
                <a:gd name="connsiteY33" fmla="*/ 1209675 h 1650237"/>
                <a:gd name="connsiteX34" fmla="*/ 1815490 w 4158640"/>
                <a:gd name="connsiteY34" fmla="*/ 1197768 h 1650237"/>
                <a:gd name="connsiteX35" fmla="*/ 1841684 w 4158640"/>
                <a:gd name="connsiteY35" fmla="*/ 1185862 h 1650237"/>
                <a:gd name="connsiteX36" fmla="*/ 1863115 w 4158640"/>
                <a:gd name="connsiteY36" fmla="*/ 1171575 h 1650237"/>
                <a:gd name="connsiteX37" fmla="*/ 1884546 w 4158640"/>
                <a:gd name="connsiteY37" fmla="*/ 1157287 h 1650237"/>
                <a:gd name="connsiteX38" fmla="*/ 1905978 w 4158640"/>
                <a:gd name="connsiteY38" fmla="*/ 1147762 h 1650237"/>
                <a:gd name="connsiteX39" fmla="*/ 2310791 w 4158640"/>
                <a:gd name="connsiteY39" fmla="*/ 988218 h 1650237"/>
                <a:gd name="connsiteX40" fmla="*/ 2365560 w 4158640"/>
                <a:gd name="connsiteY40" fmla="*/ 971550 h 1650237"/>
                <a:gd name="connsiteX41" fmla="*/ 2377466 w 4158640"/>
                <a:gd name="connsiteY41" fmla="*/ 952500 h 1650237"/>
                <a:gd name="connsiteX42" fmla="*/ 2441759 w 4158640"/>
                <a:gd name="connsiteY42" fmla="*/ 931068 h 1650237"/>
                <a:gd name="connsiteX43" fmla="*/ 2506052 w 4158640"/>
                <a:gd name="connsiteY43" fmla="*/ 909637 h 1650237"/>
                <a:gd name="connsiteX44" fmla="*/ 2667977 w 4158640"/>
                <a:gd name="connsiteY44" fmla="*/ 831056 h 1650237"/>
                <a:gd name="connsiteX45" fmla="*/ 2694171 w 4158640"/>
                <a:gd name="connsiteY45" fmla="*/ 814387 h 1650237"/>
                <a:gd name="connsiteX46" fmla="*/ 3168040 w 4158640"/>
                <a:gd name="connsiteY46" fmla="*/ 614362 h 1650237"/>
                <a:gd name="connsiteX47" fmla="*/ 4158640 w 4158640"/>
                <a:gd name="connsiteY4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20153 w 4158640"/>
                <a:gd name="connsiteY13" fmla="*/ 1516856 h 1650237"/>
                <a:gd name="connsiteX14" fmla="*/ 1110640 w 4158640"/>
                <a:gd name="connsiteY14" fmla="*/ 1490662 h 1650237"/>
                <a:gd name="connsiteX15" fmla="*/ 1089209 w 4158640"/>
                <a:gd name="connsiteY15" fmla="*/ 1495424 h 1650237"/>
                <a:gd name="connsiteX16" fmla="*/ 1265421 w 4158640"/>
                <a:gd name="connsiteY16" fmla="*/ 1443037 h 1650237"/>
                <a:gd name="connsiteX17" fmla="*/ 1324953 w 4158640"/>
                <a:gd name="connsiteY17" fmla="*/ 1412081 h 1650237"/>
                <a:gd name="connsiteX18" fmla="*/ 1348765 w 4158640"/>
                <a:gd name="connsiteY18" fmla="*/ 1393031 h 1650237"/>
                <a:gd name="connsiteX19" fmla="*/ 1379721 w 4158640"/>
                <a:gd name="connsiteY19" fmla="*/ 1366837 h 1650237"/>
                <a:gd name="connsiteX20" fmla="*/ 1439253 w 4158640"/>
                <a:gd name="connsiteY20" fmla="*/ 1347787 h 1650237"/>
                <a:gd name="connsiteX21" fmla="*/ 1467828 w 4158640"/>
                <a:gd name="connsiteY21" fmla="*/ 1331118 h 1650237"/>
                <a:gd name="connsiteX22" fmla="*/ 1503546 w 4158640"/>
                <a:gd name="connsiteY22" fmla="*/ 1316831 h 1650237"/>
                <a:gd name="connsiteX23" fmla="*/ 1544028 w 4158640"/>
                <a:gd name="connsiteY23" fmla="*/ 1302543 h 1650237"/>
                <a:gd name="connsiteX24" fmla="*/ 1572603 w 4158640"/>
                <a:gd name="connsiteY24" fmla="*/ 1290637 h 1650237"/>
                <a:gd name="connsiteX25" fmla="*/ 1591653 w 4158640"/>
                <a:gd name="connsiteY25" fmla="*/ 1283493 h 1650237"/>
                <a:gd name="connsiteX26" fmla="*/ 1622609 w 4158640"/>
                <a:gd name="connsiteY26" fmla="*/ 1276350 h 1650237"/>
                <a:gd name="connsiteX27" fmla="*/ 1653565 w 4158640"/>
                <a:gd name="connsiteY27" fmla="*/ 1273968 h 1650237"/>
                <a:gd name="connsiteX28" fmla="*/ 1682140 w 4158640"/>
                <a:gd name="connsiteY28" fmla="*/ 1271587 h 1650237"/>
                <a:gd name="connsiteX29" fmla="*/ 1705953 w 4158640"/>
                <a:gd name="connsiteY29" fmla="*/ 1257300 h 1650237"/>
                <a:gd name="connsiteX30" fmla="*/ 1722621 w 4158640"/>
                <a:gd name="connsiteY30" fmla="*/ 1243012 h 1650237"/>
                <a:gd name="connsiteX31" fmla="*/ 1739290 w 4158640"/>
                <a:gd name="connsiteY31" fmla="*/ 1233487 h 1650237"/>
                <a:gd name="connsiteX32" fmla="*/ 1765484 w 4158640"/>
                <a:gd name="connsiteY32" fmla="*/ 1216818 h 1650237"/>
                <a:gd name="connsiteX33" fmla="*/ 1791678 w 4158640"/>
                <a:gd name="connsiteY33" fmla="*/ 1209675 h 1650237"/>
                <a:gd name="connsiteX34" fmla="*/ 1815490 w 4158640"/>
                <a:gd name="connsiteY34" fmla="*/ 1197768 h 1650237"/>
                <a:gd name="connsiteX35" fmla="*/ 1841684 w 4158640"/>
                <a:gd name="connsiteY35" fmla="*/ 1185862 h 1650237"/>
                <a:gd name="connsiteX36" fmla="*/ 1863115 w 4158640"/>
                <a:gd name="connsiteY36" fmla="*/ 1171575 h 1650237"/>
                <a:gd name="connsiteX37" fmla="*/ 1884546 w 4158640"/>
                <a:gd name="connsiteY37" fmla="*/ 1157287 h 1650237"/>
                <a:gd name="connsiteX38" fmla="*/ 1905978 w 4158640"/>
                <a:gd name="connsiteY38" fmla="*/ 1147762 h 1650237"/>
                <a:gd name="connsiteX39" fmla="*/ 2310791 w 4158640"/>
                <a:gd name="connsiteY39" fmla="*/ 988218 h 1650237"/>
                <a:gd name="connsiteX40" fmla="*/ 2365560 w 4158640"/>
                <a:gd name="connsiteY40" fmla="*/ 971550 h 1650237"/>
                <a:gd name="connsiteX41" fmla="*/ 2377466 w 4158640"/>
                <a:gd name="connsiteY41" fmla="*/ 952500 h 1650237"/>
                <a:gd name="connsiteX42" fmla="*/ 2441759 w 4158640"/>
                <a:gd name="connsiteY42" fmla="*/ 931068 h 1650237"/>
                <a:gd name="connsiteX43" fmla="*/ 2506052 w 4158640"/>
                <a:gd name="connsiteY43" fmla="*/ 909637 h 1650237"/>
                <a:gd name="connsiteX44" fmla="*/ 2667977 w 4158640"/>
                <a:gd name="connsiteY44" fmla="*/ 831056 h 1650237"/>
                <a:gd name="connsiteX45" fmla="*/ 2694171 w 4158640"/>
                <a:gd name="connsiteY45" fmla="*/ 814387 h 1650237"/>
                <a:gd name="connsiteX46" fmla="*/ 3168040 w 4158640"/>
                <a:gd name="connsiteY46" fmla="*/ 614362 h 1650237"/>
                <a:gd name="connsiteX47" fmla="*/ 4158640 w 4158640"/>
                <a:gd name="connsiteY4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20153 w 4158640"/>
                <a:gd name="connsiteY13" fmla="*/ 1516856 h 1650237"/>
                <a:gd name="connsiteX14" fmla="*/ 1110640 w 4158640"/>
                <a:gd name="connsiteY14" fmla="*/ 1490662 h 1650237"/>
                <a:gd name="connsiteX15" fmla="*/ 1091590 w 4158640"/>
                <a:gd name="connsiteY15" fmla="*/ 1502568 h 1650237"/>
                <a:gd name="connsiteX16" fmla="*/ 1265421 w 4158640"/>
                <a:gd name="connsiteY16" fmla="*/ 1443037 h 1650237"/>
                <a:gd name="connsiteX17" fmla="*/ 1324953 w 4158640"/>
                <a:gd name="connsiteY17" fmla="*/ 1412081 h 1650237"/>
                <a:gd name="connsiteX18" fmla="*/ 1348765 w 4158640"/>
                <a:gd name="connsiteY18" fmla="*/ 1393031 h 1650237"/>
                <a:gd name="connsiteX19" fmla="*/ 1379721 w 4158640"/>
                <a:gd name="connsiteY19" fmla="*/ 1366837 h 1650237"/>
                <a:gd name="connsiteX20" fmla="*/ 1439253 w 4158640"/>
                <a:gd name="connsiteY20" fmla="*/ 1347787 h 1650237"/>
                <a:gd name="connsiteX21" fmla="*/ 1467828 w 4158640"/>
                <a:gd name="connsiteY21" fmla="*/ 1331118 h 1650237"/>
                <a:gd name="connsiteX22" fmla="*/ 1503546 w 4158640"/>
                <a:gd name="connsiteY22" fmla="*/ 1316831 h 1650237"/>
                <a:gd name="connsiteX23" fmla="*/ 1544028 w 4158640"/>
                <a:gd name="connsiteY23" fmla="*/ 1302543 h 1650237"/>
                <a:gd name="connsiteX24" fmla="*/ 1572603 w 4158640"/>
                <a:gd name="connsiteY24" fmla="*/ 1290637 h 1650237"/>
                <a:gd name="connsiteX25" fmla="*/ 1591653 w 4158640"/>
                <a:gd name="connsiteY25" fmla="*/ 1283493 h 1650237"/>
                <a:gd name="connsiteX26" fmla="*/ 1622609 w 4158640"/>
                <a:gd name="connsiteY26" fmla="*/ 1276350 h 1650237"/>
                <a:gd name="connsiteX27" fmla="*/ 1653565 w 4158640"/>
                <a:gd name="connsiteY27" fmla="*/ 1273968 h 1650237"/>
                <a:gd name="connsiteX28" fmla="*/ 1682140 w 4158640"/>
                <a:gd name="connsiteY28" fmla="*/ 1271587 h 1650237"/>
                <a:gd name="connsiteX29" fmla="*/ 1705953 w 4158640"/>
                <a:gd name="connsiteY29" fmla="*/ 1257300 h 1650237"/>
                <a:gd name="connsiteX30" fmla="*/ 1722621 w 4158640"/>
                <a:gd name="connsiteY30" fmla="*/ 1243012 h 1650237"/>
                <a:gd name="connsiteX31" fmla="*/ 1739290 w 4158640"/>
                <a:gd name="connsiteY31" fmla="*/ 1233487 h 1650237"/>
                <a:gd name="connsiteX32" fmla="*/ 1765484 w 4158640"/>
                <a:gd name="connsiteY32" fmla="*/ 1216818 h 1650237"/>
                <a:gd name="connsiteX33" fmla="*/ 1791678 w 4158640"/>
                <a:gd name="connsiteY33" fmla="*/ 1209675 h 1650237"/>
                <a:gd name="connsiteX34" fmla="*/ 1815490 w 4158640"/>
                <a:gd name="connsiteY34" fmla="*/ 1197768 h 1650237"/>
                <a:gd name="connsiteX35" fmla="*/ 1841684 w 4158640"/>
                <a:gd name="connsiteY35" fmla="*/ 1185862 h 1650237"/>
                <a:gd name="connsiteX36" fmla="*/ 1863115 w 4158640"/>
                <a:gd name="connsiteY36" fmla="*/ 1171575 h 1650237"/>
                <a:gd name="connsiteX37" fmla="*/ 1884546 w 4158640"/>
                <a:gd name="connsiteY37" fmla="*/ 1157287 h 1650237"/>
                <a:gd name="connsiteX38" fmla="*/ 1905978 w 4158640"/>
                <a:gd name="connsiteY38" fmla="*/ 1147762 h 1650237"/>
                <a:gd name="connsiteX39" fmla="*/ 2310791 w 4158640"/>
                <a:gd name="connsiteY39" fmla="*/ 988218 h 1650237"/>
                <a:gd name="connsiteX40" fmla="*/ 2365560 w 4158640"/>
                <a:gd name="connsiteY40" fmla="*/ 971550 h 1650237"/>
                <a:gd name="connsiteX41" fmla="*/ 2377466 w 4158640"/>
                <a:gd name="connsiteY41" fmla="*/ 952500 h 1650237"/>
                <a:gd name="connsiteX42" fmla="*/ 2441759 w 4158640"/>
                <a:gd name="connsiteY42" fmla="*/ 931068 h 1650237"/>
                <a:gd name="connsiteX43" fmla="*/ 2506052 w 4158640"/>
                <a:gd name="connsiteY43" fmla="*/ 909637 h 1650237"/>
                <a:gd name="connsiteX44" fmla="*/ 2667977 w 4158640"/>
                <a:gd name="connsiteY44" fmla="*/ 831056 h 1650237"/>
                <a:gd name="connsiteX45" fmla="*/ 2694171 w 4158640"/>
                <a:gd name="connsiteY45" fmla="*/ 814387 h 1650237"/>
                <a:gd name="connsiteX46" fmla="*/ 3168040 w 4158640"/>
                <a:gd name="connsiteY46" fmla="*/ 614362 h 1650237"/>
                <a:gd name="connsiteX47" fmla="*/ 4158640 w 4158640"/>
                <a:gd name="connsiteY4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20153 w 4158640"/>
                <a:gd name="connsiteY13" fmla="*/ 1516856 h 1650237"/>
                <a:gd name="connsiteX14" fmla="*/ 1115403 w 4158640"/>
                <a:gd name="connsiteY14" fmla="*/ 1483518 h 1650237"/>
                <a:gd name="connsiteX15" fmla="*/ 1091590 w 4158640"/>
                <a:gd name="connsiteY15" fmla="*/ 1502568 h 1650237"/>
                <a:gd name="connsiteX16" fmla="*/ 1265421 w 4158640"/>
                <a:gd name="connsiteY16" fmla="*/ 1443037 h 1650237"/>
                <a:gd name="connsiteX17" fmla="*/ 1324953 w 4158640"/>
                <a:gd name="connsiteY17" fmla="*/ 1412081 h 1650237"/>
                <a:gd name="connsiteX18" fmla="*/ 1348765 w 4158640"/>
                <a:gd name="connsiteY18" fmla="*/ 1393031 h 1650237"/>
                <a:gd name="connsiteX19" fmla="*/ 1379721 w 4158640"/>
                <a:gd name="connsiteY19" fmla="*/ 1366837 h 1650237"/>
                <a:gd name="connsiteX20" fmla="*/ 1439253 w 4158640"/>
                <a:gd name="connsiteY20" fmla="*/ 1347787 h 1650237"/>
                <a:gd name="connsiteX21" fmla="*/ 1467828 w 4158640"/>
                <a:gd name="connsiteY21" fmla="*/ 1331118 h 1650237"/>
                <a:gd name="connsiteX22" fmla="*/ 1503546 w 4158640"/>
                <a:gd name="connsiteY22" fmla="*/ 1316831 h 1650237"/>
                <a:gd name="connsiteX23" fmla="*/ 1544028 w 4158640"/>
                <a:gd name="connsiteY23" fmla="*/ 1302543 h 1650237"/>
                <a:gd name="connsiteX24" fmla="*/ 1572603 w 4158640"/>
                <a:gd name="connsiteY24" fmla="*/ 1290637 h 1650237"/>
                <a:gd name="connsiteX25" fmla="*/ 1591653 w 4158640"/>
                <a:gd name="connsiteY25" fmla="*/ 1283493 h 1650237"/>
                <a:gd name="connsiteX26" fmla="*/ 1622609 w 4158640"/>
                <a:gd name="connsiteY26" fmla="*/ 1276350 h 1650237"/>
                <a:gd name="connsiteX27" fmla="*/ 1653565 w 4158640"/>
                <a:gd name="connsiteY27" fmla="*/ 1273968 h 1650237"/>
                <a:gd name="connsiteX28" fmla="*/ 1682140 w 4158640"/>
                <a:gd name="connsiteY28" fmla="*/ 1271587 h 1650237"/>
                <a:gd name="connsiteX29" fmla="*/ 1705953 w 4158640"/>
                <a:gd name="connsiteY29" fmla="*/ 1257300 h 1650237"/>
                <a:gd name="connsiteX30" fmla="*/ 1722621 w 4158640"/>
                <a:gd name="connsiteY30" fmla="*/ 1243012 h 1650237"/>
                <a:gd name="connsiteX31" fmla="*/ 1739290 w 4158640"/>
                <a:gd name="connsiteY31" fmla="*/ 1233487 h 1650237"/>
                <a:gd name="connsiteX32" fmla="*/ 1765484 w 4158640"/>
                <a:gd name="connsiteY32" fmla="*/ 1216818 h 1650237"/>
                <a:gd name="connsiteX33" fmla="*/ 1791678 w 4158640"/>
                <a:gd name="connsiteY33" fmla="*/ 1209675 h 1650237"/>
                <a:gd name="connsiteX34" fmla="*/ 1815490 w 4158640"/>
                <a:gd name="connsiteY34" fmla="*/ 1197768 h 1650237"/>
                <a:gd name="connsiteX35" fmla="*/ 1841684 w 4158640"/>
                <a:gd name="connsiteY35" fmla="*/ 1185862 h 1650237"/>
                <a:gd name="connsiteX36" fmla="*/ 1863115 w 4158640"/>
                <a:gd name="connsiteY36" fmla="*/ 1171575 h 1650237"/>
                <a:gd name="connsiteX37" fmla="*/ 1884546 w 4158640"/>
                <a:gd name="connsiteY37" fmla="*/ 1157287 h 1650237"/>
                <a:gd name="connsiteX38" fmla="*/ 1905978 w 4158640"/>
                <a:gd name="connsiteY38" fmla="*/ 1147762 h 1650237"/>
                <a:gd name="connsiteX39" fmla="*/ 2310791 w 4158640"/>
                <a:gd name="connsiteY39" fmla="*/ 988218 h 1650237"/>
                <a:gd name="connsiteX40" fmla="*/ 2365560 w 4158640"/>
                <a:gd name="connsiteY40" fmla="*/ 971550 h 1650237"/>
                <a:gd name="connsiteX41" fmla="*/ 2377466 w 4158640"/>
                <a:gd name="connsiteY41" fmla="*/ 952500 h 1650237"/>
                <a:gd name="connsiteX42" fmla="*/ 2441759 w 4158640"/>
                <a:gd name="connsiteY42" fmla="*/ 931068 h 1650237"/>
                <a:gd name="connsiteX43" fmla="*/ 2506052 w 4158640"/>
                <a:gd name="connsiteY43" fmla="*/ 909637 h 1650237"/>
                <a:gd name="connsiteX44" fmla="*/ 2667977 w 4158640"/>
                <a:gd name="connsiteY44" fmla="*/ 831056 h 1650237"/>
                <a:gd name="connsiteX45" fmla="*/ 2694171 w 4158640"/>
                <a:gd name="connsiteY45" fmla="*/ 814387 h 1650237"/>
                <a:gd name="connsiteX46" fmla="*/ 3168040 w 4158640"/>
                <a:gd name="connsiteY46" fmla="*/ 614362 h 1650237"/>
                <a:gd name="connsiteX47" fmla="*/ 4158640 w 4158640"/>
                <a:gd name="connsiteY4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20153 w 4158640"/>
                <a:gd name="connsiteY13" fmla="*/ 1516856 h 1650237"/>
                <a:gd name="connsiteX14" fmla="*/ 1060634 w 4158640"/>
                <a:gd name="connsiteY14" fmla="*/ 1504949 h 1650237"/>
                <a:gd name="connsiteX15" fmla="*/ 1091590 w 4158640"/>
                <a:gd name="connsiteY15" fmla="*/ 1502568 h 1650237"/>
                <a:gd name="connsiteX16" fmla="*/ 1265421 w 4158640"/>
                <a:gd name="connsiteY16" fmla="*/ 1443037 h 1650237"/>
                <a:gd name="connsiteX17" fmla="*/ 1324953 w 4158640"/>
                <a:gd name="connsiteY17" fmla="*/ 1412081 h 1650237"/>
                <a:gd name="connsiteX18" fmla="*/ 1348765 w 4158640"/>
                <a:gd name="connsiteY18" fmla="*/ 1393031 h 1650237"/>
                <a:gd name="connsiteX19" fmla="*/ 1379721 w 4158640"/>
                <a:gd name="connsiteY19" fmla="*/ 1366837 h 1650237"/>
                <a:gd name="connsiteX20" fmla="*/ 1439253 w 4158640"/>
                <a:gd name="connsiteY20" fmla="*/ 1347787 h 1650237"/>
                <a:gd name="connsiteX21" fmla="*/ 1467828 w 4158640"/>
                <a:gd name="connsiteY21" fmla="*/ 1331118 h 1650237"/>
                <a:gd name="connsiteX22" fmla="*/ 1503546 w 4158640"/>
                <a:gd name="connsiteY22" fmla="*/ 1316831 h 1650237"/>
                <a:gd name="connsiteX23" fmla="*/ 1544028 w 4158640"/>
                <a:gd name="connsiteY23" fmla="*/ 1302543 h 1650237"/>
                <a:gd name="connsiteX24" fmla="*/ 1572603 w 4158640"/>
                <a:gd name="connsiteY24" fmla="*/ 1290637 h 1650237"/>
                <a:gd name="connsiteX25" fmla="*/ 1591653 w 4158640"/>
                <a:gd name="connsiteY25" fmla="*/ 1283493 h 1650237"/>
                <a:gd name="connsiteX26" fmla="*/ 1622609 w 4158640"/>
                <a:gd name="connsiteY26" fmla="*/ 1276350 h 1650237"/>
                <a:gd name="connsiteX27" fmla="*/ 1653565 w 4158640"/>
                <a:gd name="connsiteY27" fmla="*/ 1273968 h 1650237"/>
                <a:gd name="connsiteX28" fmla="*/ 1682140 w 4158640"/>
                <a:gd name="connsiteY28" fmla="*/ 1271587 h 1650237"/>
                <a:gd name="connsiteX29" fmla="*/ 1705953 w 4158640"/>
                <a:gd name="connsiteY29" fmla="*/ 1257300 h 1650237"/>
                <a:gd name="connsiteX30" fmla="*/ 1722621 w 4158640"/>
                <a:gd name="connsiteY30" fmla="*/ 1243012 h 1650237"/>
                <a:gd name="connsiteX31" fmla="*/ 1739290 w 4158640"/>
                <a:gd name="connsiteY31" fmla="*/ 1233487 h 1650237"/>
                <a:gd name="connsiteX32" fmla="*/ 1765484 w 4158640"/>
                <a:gd name="connsiteY32" fmla="*/ 1216818 h 1650237"/>
                <a:gd name="connsiteX33" fmla="*/ 1791678 w 4158640"/>
                <a:gd name="connsiteY33" fmla="*/ 1209675 h 1650237"/>
                <a:gd name="connsiteX34" fmla="*/ 1815490 w 4158640"/>
                <a:gd name="connsiteY34" fmla="*/ 1197768 h 1650237"/>
                <a:gd name="connsiteX35" fmla="*/ 1841684 w 4158640"/>
                <a:gd name="connsiteY35" fmla="*/ 1185862 h 1650237"/>
                <a:gd name="connsiteX36" fmla="*/ 1863115 w 4158640"/>
                <a:gd name="connsiteY36" fmla="*/ 1171575 h 1650237"/>
                <a:gd name="connsiteX37" fmla="*/ 1884546 w 4158640"/>
                <a:gd name="connsiteY37" fmla="*/ 1157287 h 1650237"/>
                <a:gd name="connsiteX38" fmla="*/ 1905978 w 4158640"/>
                <a:gd name="connsiteY38" fmla="*/ 1147762 h 1650237"/>
                <a:gd name="connsiteX39" fmla="*/ 2310791 w 4158640"/>
                <a:gd name="connsiteY39" fmla="*/ 988218 h 1650237"/>
                <a:gd name="connsiteX40" fmla="*/ 2365560 w 4158640"/>
                <a:gd name="connsiteY40" fmla="*/ 971550 h 1650237"/>
                <a:gd name="connsiteX41" fmla="*/ 2377466 w 4158640"/>
                <a:gd name="connsiteY41" fmla="*/ 952500 h 1650237"/>
                <a:gd name="connsiteX42" fmla="*/ 2441759 w 4158640"/>
                <a:gd name="connsiteY42" fmla="*/ 931068 h 1650237"/>
                <a:gd name="connsiteX43" fmla="*/ 2506052 w 4158640"/>
                <a:gd name="connsiteY43" fmla="*/ 909637 h 1650237"/>
                <a:gd name="connsiteX44" fmla="*/ 2667977 w 4158640"/>
                <a:gd name="connsiteY44" fmla="*/ 831056 h 1650237"/>
                <a:gd name="connsiteX45" fmla="*/ 2694171 w 4158640"/>
                <a:gd name="connsiteY45" fmla="*/ 814387 h 1650237"/>
                <a:gd name="connsiteX46" fmla="*/ 3168040 w 4158640"/>
                <a:gd name="connsiteY46" fmla="*/ 614362 h 1650237"/>
                <a:gd name="connsiteX47" fmla="*/ 4158640 w 4158640"/>
                <a:gd name="connsiteY4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20153 w 4158640"/>
                <a:gd name="connsiteY13" fmla="*/ 1516856 h 1650237"/>
                <a:gd name="connsiteX14" fmla="*/ 1060634 w 4158640"/>
                <a:gd name="connsiteY14" fmla="*/ 1504949 h 1650237"/>
                <a:gd name="connsiteX15" fmla="*/ 1108259 w 4158640"/>
                <a:gd name="connsiteY15" fmla="*/ 1490662 h 1650237"/>
                <a:gd name="connsiteX16" fmla="*/ 1265421 w 4158640"/>
                <a:gd name="connsiteY16" fmla="*/ 1443037 h 1650237"/>
                <a:gd name="connsiteX17" fmla="*/ 1324953 w 4158640"/>
                <a:gd name="connsiteY17" fmla="*/ 1412081 h 1650237"/>
                <a:gd name="connsiteX18" fmla="*/ 1348765 w 4158640"/>
                <a:gd name="connsiteY18" fmla="*/ 1393031 h 1650237"/>
                <a:gd name="connsiteX19" fmla="*/ 1379721 w 4158640"/>
                <a:gd name="connsiteY19" fmla="*/ 1366837 h 1650237"/>
                <a:gd name="connsiteX20" fmla="*/ 1439253 w 4158640"/>
                <a:gd name="connsiteY20" fmla="*/ 1347787 h 1650237"/>
                <a:gd name="connsiteX21" fmla="*/ 1467828 w 4158640"/>
                <a:gd name="connsiteY21" fmla="*/ 1331118 h 1650237"/>
                <a:gd name="connsiteX22" fmla="*/ 1503546 w 4158640"/>
                <a:gd name="connsiteY22" fmla="*/ 1316831 h 1650237"/>
                <a:gd name="connsiteX23" fmla="*/ 1544028 w 4158640"/>
                <a:gd name="connsiteY23" fmla="*/ 1302543 h 1650237"/>
                <a:gd name="connsiteX24" fmla="*/ 1572603 w 4158640"/>
                <a:gd name="connsiteY24" fmla="*/ 1290637 h 1650237"/>
                <a:gd name="connsiteX25" fmla="*/ 1591653 w 4158640"/>
                <a:gd name="connsiteY25" fmla="*/ 1283493 h 1650237"/>
                <a:gd name="connsiteX26" fmla="*/ 1622609 w 4158640"/>
                <a:gd name="connsiteY26" fmla="*/ 1276350 h 1650237"/>
                <a:gd name="connsiteX27" fmla="*/ 1653565 w 4158640"/>
                <a:gd name="connsiteY27" fmla="*/ 1273968 h 1650237"/>
                <a:gd name="connsiteX28" fmla="*/ 1682140 w 4158640"/>
                <a:gd name="connsiteY28" fmla="*/ 1271587 h 1650237"/>
                <a:gd name="connsiteX29" fmla="*/ 1705953 w 4158640"/>
                <a:gd name="connsiteY29" fmla="*/ 1257300 h 1650237"/>
                <a:gd name="connsiteX30" fmla="*/ 1722621 w 4158640"/>
                <a:gd name="connsiteY30" fmla="*/ 1243012 h 1650237"/>
                <a:gd name="connsiteX31" fmla="*/ 1739290 w 4158640"/>
                <a:gd name="connsiteY31" fmla="*/ 1233487 h 1650237"/>
                <a:gd name="connsiteX32" fmla="*/ 1765484 w 4158640"/>
                <a:gd name="connsiteY32" fmla="*/ 1216818 h 1650237"/>
                <a:gd name="connsiteX33" fmla="*/ 1791678 w 4158640"/>
                <a:gd name="connsiteY33" fmla="*/ 1209675 h 1650237"/>
                <a:gd name="connsiteX34" fmla="*/ 1815490 w 4158640"/>
                <a:gd name="connsiteY34" fmla="*/ 1197768 h 1650237"/>
                <a:gd name="connsiteX35" fmla="*/ 1841684 w 4158640"/>
                <a:gd name="connsiteY35" fmla="*/ 1185862 h 1650237"/>
                <a:gd name="connsiteX36" fmla="*/ 1863115 w 4158640"/>
                <a:gd name="connsiteY36" fmla="*/ 1171575 h 1650237"/>
                <a:gd name="connsiteX37" fmla="*/ 1884546 w 4158640"/>
                <a:gd name="connsiteY37" fmla="*/ 1157287 h 1650237"/>
                <a:gd name="connsiteX38" fmla="*/ 1905978 w 4158640"/>
                <a:gd name="connsiteY38" fmla="*/ 1147762 h 1650237"/>
                <a:gd name="connsiteX39" fmla="*/ 2310791 w 4158640"/>
                <a:gd name="connsiteY39" fmla="*/ 988218 h 1650237"/>
                <a:gd name="connsiteX40" fmla="*/ 2365560 w 4158640"/>
                <a:gd name="connsiteY40" fmla="*/ 971550 h 1650237"/>
                <a:gd name="connsiteX41" fmla="*/ 2377466 w 4158640"/>
                <a:gd name="connsiteY41" fmla="*/ 952500 h 1650237"/>
                <a:gd name="connsiteX42" fmla="*/ 2441759 w 4158640"/>
                <a:gd name="connsiteY42" fmla="*/ 931068 h 1650237"/>
                <a:gd name="connsiteX43" fmla="*/ 2506052 w 4158640"/>
                <a:gd name="connsiteY43" fmla="*/ 909637 h 1650237"/>
                <a:gd name="connsiteX44" fmla="*/ 2667977 w 4158640"/>
                <a:gd name="connsiteY44" fmla="*/ 831056 h 1650237"/>
                <a:gd name="connsiteX45" fmla="*/ 2694171 w 4158640"/>
                <a:gd name="connsiteY45" fmla="*/ 814387 h 1650237"/>
                <a:gd name="connsiteX46" fmla="*/ 3168040 w 4158640"/>
                <a:gd name="connsiteY46" fmla="*/ 614362 h 1650237"/>
                <a:gd name="connsiteX47" fmla="*/ 4158640 w 4158640"/>
                <a:gd name="connsiteY4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20153 w 4158640"/>
                <a:gd name="connsiteY13" fmla="*/ 1516856 h 1650237"/>
                <a:gd name="connsiteX14" fmla="*/ 1060634 w 4158640"/>
                <a:gd name="connsiteY14" fmla="*/ 1504949 h 1650237"/>
                <a:gd name="connsiteX15" fmla="*/ 1108259 w 4158640"/>
                <a:gd name="connsiteY15" fmla="*/ 1490662 h 1650237"/>
                <a:gd name="connsiteX16" fmla="*/ 1167790 w 4158640"/>
                <a:gd name="connsiteY16" fmla="*/ 1471612 h 1650237"/>
                <a:gd name="connsiteX17" fmla="*/ 1265421 w 4158640"/>
                <a:gd name="connsiteY17" fmla="*/ 1443037 h 1650237"/>
                <a:gd name="connsiteX18" fmla="*/ 1324953 w 4158640"/>
                <a:gd name="connsiteY18" fmla="*/ 1412081 h 1650237"/>
                <a:gd name="connsiteX19" fmla="*/ 1348765 w 4158640"/>
                <a:gd name="connsiteY19" fmla="*/ 1393031 h 1650237"/>
                <a:gd name="connsiteX20" fmla="*/ 1379721 w 4158640"/>
                <a:gd name="connsiteY20" fmla="*/ 1366837 h 1650237"/>
                <a:gd name="connsiteX21" fmla="*/ 1439253 w 4158640"/>
                <a:gd name="connsiteY21" fmla="*/ 1347787 h 1650237"/>
                <a:gd name="connsiteX22" fmla="*/ 1467828 w 4158640"/>
                <a:gd name="connsiteY22" fmla="*/ 1331118 h 1650237"/>
                <a:gd name="connsiteX23" fmla="*/ 1503546 w 4158640"/>
                <a:gd name="connsiteY23" fmla="*/ 1316831 h 1650237"/>
                <a:gd name="connsiteX24" fmla="*/ 1544028 w 4158640"/>
                <a:gd name="connsiteY24" fmla="*/ 1302543 h 1650237"/>
                <a:gd name="connsiteX25" fmla="*/ 1572603 w 4158640"/>
                <a:gd name="connsiteY25" fmla="*/ 1290637 h 1650237"/>
                <a:gd name="connsiteX26" fmla="*/ 1591653 w 4158640"/>
                <a:gd name="connsiteY26" fmla="*/ 1283493 h 1650237"/>
                <a:gd name="connsiteX27" fmla="*/ 1622609 w 4158640"/>
                <a:gd name="connsiteY27" fmla="*/ 1276350 h 1650237"/>
                <a:gd name="connsiteX28" fmla="*/ 1653565 w 4158640"/>
                <a:gd name="connsiteY28" fmla="*/ 1273968 h 1650237"/>
                <a:gd name="connsiteX29" fmla="*/ 1682140 w 4158640"/>
                <a:gd name="connsiteY29" fmla="*/ 1271587 h 1650237"/>
                <a:gd name="connsiteX30" fmla="*/ 1705953 w 4158640"/>
                <a:gd name="connsiteY30" fmla="*/ 1257300 h 1650237"/>
                <a:gd name="connsiteX31" fmla="*/ 1722621 w 4158640"/>
                <a:gd name="connsiteY31" fmla="*/ 1243012 h 1650237"/>
                <a:gd name="connsiteX32" fmla="*/ 1739290 w 4158640"/>
                <a:gd name="connsiteY32" fmla="*/ 1233487 h 1650237"/>
                <a:gd name="connsiteX33" fmla="*/ 1765484 w 4158640"/>
                <a:gd name="connsiteY33" fmla="*/ 1216818 h 1650237"/>
                <a:gd name="connsiteX34" fmla="*/ 1791678 w 4158640"/>
                <a:gd name="connsiteY34" fmla="*/ 1209675 h 1650237"/>
                <a:gd name="connsiteX35" fmla="*/ 1815490 w 4158640"/>
                <a:gd name="connsiteY35" fmla="*/ 1197768 h 1650237"/>
                <a:gd name="connsiteX36" fmla="*/ 1841684 w 4158640"/>
                <a:gd name="connsiteY36" fmla="*/ 1185862 h 1650237"/>
                <a:gd name="connsiteX37" fmla="*/ 1863115 w 4158640"/>
                <a:gd name="connsiteY37" fmla="*/ 1171575 h 1650237"/>
                <a:gd name="connsiteX38" fmla="*/ 1884546 w 4158640"/>
                <a:gd name="connsiteY38" fmla="*/ 1157287 h 1650237"/>
                <a:gd name="connsiteX39" fmla="*/ 1905978 w 4158640"/>
                <a:gd name="connsiteY39" fmla="*/ 1147762 h 1650237"/>
                <a:gd name="connsiteX40" fmla="*/ 2310791 w 4158640"/>
                <a:gd name="connsiteY40" fmla="*/ 988218 h 1650237"/>
                <a:gd name="connsiteX41" fmla="*/ 2365560 w 4158640"/>
                <a:gd name="connsiteY41" fmla="*/ 971550 h 1650237"/>
                <a:gd name="connsiteX42" fmla="*/ 2377466 w 4158640"/>
                <a:gd name="connsiteY42" fmla="*/ 952500 h 1650237"/>
                <a:gd name="connsiteX43" fmla="*/ 2441759 w 4158640"/>
                <a:gd name="connsiteY43" fmla="*/ 931068 h 1650237"/>
                <a:gd name="connsiteX44" fmla="*/ 2506052 w 4158640"/>
                <a:gd name="connsiteY44" fmla="*/ 909637 h 1650237"/>
                <a:gd name="connsiteX45" fmla="*/ 2667977 w 4158640"/>
                <a:gd name="connsiteY45" fmla="*/ 831056 h 1650237"/>
                <a:gd name="connsiteX46" fmla="*/ 2694171 w 4158640"/>
                <a:gd name="connsiteY46" fmla="*/ 814387 h 1650237"/>
                <a:gd name="connsiteX47" fmla="*/ 3168040 w 4158640"/>
                <a:gd name="connsiteY47" fmla="*/ 614362 h 1650237"/>
                <a:gd name="connsiteX48" fmla="*/ 4158640 w 4158640"/>
                <a:gd name="connsiteY4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04949 h 1650237"/>
                <a:gd name="connsiteX15" fmla="*/ 1108259 w 4158640"/>
                <a:gd name="connsiteY15" fmla="*/ 1490662 h 1650237"/>
                <a:gd name="connsiteX16" fmla="*/ 1167790 w 4158640"/>
                <a:gd name="connsiteY16" fmla="*/ 1471612 h 1650237"/>
                <a:gd name="connsiteX17" fmla="*/ 1265421 w 4158640"/>
                <a:gd name="connsiteY17" fmla="*/ 1443037 h 1650237"/>
                <a:gd name="connsiteX18" fmla="*/ 1324953 w 4158640"/>
                <a:gd name="connsiteY18" fmla="*/ 1412081 h 1650237"/>
                <a:gd name="connsiteX19" fmla="*/ 1348765 w 4158640"/>
                <a:gd name="connsiteY19" fmla="*/ 1393031 h 1650237"/>
                <a:gd name="connsiteX20" fmla="*/ 1379721 w 4158640"/>
                <a:gd name="connsiteY20" fmla="*/ 1366837 h 1650237"/>
                <a:gd name="connsiteX21" fmla="*/ 1439253 w 4158640"/>
                <a:gd name="connsiteY21" fmla="*/ 1347787 h 1650237"/>
                <a:gd name="connsiteX22" fmla="*/ 1467828 w 4158640"/>
                <a:gd name="connsiteY22" fmla="*/ 1331118 h 1650237"/>
                <a:gd name="connsiteX23" fmla="*/ 1503546 w 4158640"/>
                <a:gd name="connsiteY23" fmla="*/ 1316831 h 1650237"/>
                <a:gd name="connsiteX24" fmla="*/ 1544028 w 4158640"/>
                <a:gd name="connsiteY24" fmla="*/ 1302543 h 1650237"/>
                <a:gd name="connsiteX25" fmla="*/ 1572603 w 4158640"/>
                <a:gd name="connsiteY25" fmla="*/ 1290637 h 1650237"/>
                <a:gd name="connsiteX26" fmla="*/ 1591653 w 4158640"/>
                <a:gd name="connsiteY26" fmla="*/ 1283493 h 1650237"/>
                <a:gd name="connsiteX27" fmla="*/ 1622609 w 4158640"/>
                <a:gd name="connsiteY27" fmla="*/ 1276350 h 1650237"/>
                <a:gd name="connsiteX28" fmla="*/ 1653565 w 4158640"/>
                <a:gd name="connsiteY28" fmla="*/ 1273968 h 1650237"/>
                <a:gd name="connsiteX29" fmla="*/ 1682140 w 4158640"/>
                <a:gd name="connsiteY29" fmla="*/ 1271587 h 1650237"/>
                <a:gd name="connsiteX30" fmla="*/ 1705953 w 4158640"/>
                <a:gd name="connsiteY30" fmla="*/ 1257300 h 1650237"/>
                <a:gd name="connsiteX31" fmla="*/ 1722621 w 4158640"/>
                <a:gd name="connsiteY31" fmla="*/ 1243012 h 1650237"/>
                <a:gd name="connsiteX32" fmla="*/ 1739290 w 4158640"/>
                <a:gd name="connsiteY32" fmla="*/ 1233487 h 1650237"/>
                <a:gd name="connsiteX33" fmla="*/ 1765484 w 4158640"/>
                <a:gd name="connsiteY33" fmla="*/ 1216818 h 1650237"/>
                <a:gd name="connsiteX34" fmla="*/ 1791678 w 4158640"/>
                <a:gd name="connsiteY34" fmla="*/ 1209675 h 1650237"/>
                <a:gd name="connsiteX35" fmla="*/ 1815490 w 4158640"/>
                <a:gd name="connsiteY35" fmla="*/ 1197768 h 1650237"/>
                <a:gd name="connsiteX36" fmla="*/ 1841684 w 4158640"/>
                <a:gd name="connsiteY36" fmla="*/ 1185862 h 1650237"/>
                <a:gd name="connsiteX37" fmla="*/ 1863115 w 4158640"/>
                <a:gd name="connsiteY37" fmla="*/ 1171575 h 1650237"/>
                <a:gd name="connsiteX38" fmla="*/ 1884546 w 4158640"/>
                <a:gd name="connsiteY38" fmla="*/ 1157287 h 1650237"/>
                <a:gd name="connsiteX39" fmla="*/ 1905978 w 4158640"/>
                <a:gd name="connsiteY39" fmla="*/ 1147762 h 1650237"/>
                <a:gd name="connsiteX40" fmla="*/ 2310791 w 4158640"/>
                <a:gd name="connsiteY40" fmla="*/ 988218 h 1650237"/>
                <a:gd name="connsiteX41" fmla="*/ 2365560 w 4158640"/>
                <a:gd name="connsiteY41" fmla="*/ 971550 h 1650237"/>
                <a:gd name="connsiteX42" fmla="*/ 2377466 w 4158640"/>
                <a:gd name="connsiteY42" fmla="*/ 952500 h 1650237"/>
                <a:gd name="connsiteX43" fmla="*/ 2441759 w 4158640"/>
                <a:gd name="connsiteY43" fmla="*/ 931068 h 1650237"/>
                <a:gd name="connsiteX44" fmla="*/ 2506052 w 4158640"/>
                <a:gd name="connsiteY44" fmla="*/ 909637 h 1650237"/>
                <a:gd name="connsiteX45" fmla="*/ 2667977 w 4158640"/>
                <a:gd name="connsiteY45" fmla="*/ 831056 h 1650237"/>
                <a:gd name="connsiteX46" fmla="*/ 2694171 w 4158640"/>
                <a:gd name="connsiteY46" fmla="*/ 814387 h 1650237"/>
                <a:gd name="connsiteX47" fmla="*/ 3168040 w 4158640"/>
                <a:gd name="connsiteY47" fmla="*/ 614362 h 1650237"/>
                <a:gd name="connsiteX48" fmla="*/ 4158640 w 4158640"/>
                <a:gd name="connsiteY4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08259 w 4158640"/>
                <a:gd name="connsiteY15" fmla="*/ 1490662 h 1650237"/>
                <a:gd name="connsiteX16" fmla="*/ 1167790 w 4158640"/>
                <a:gd name="connsiteY16" fmla="*/ 1471612 h 1650237"/>
                <a:gd name="connsiteX17" fmla="*/ 1265421 w 4158640"/>
                <a:gd name="connsiteY17" fmla="*/ 1443037 h 1650237"/>
                <a:gd name="connsiteX18" fmla="*/ 1324953 w 4158640"/>
                <a:gd name="connsiteY18" fmla="*/ 1412081 h 1650237"/>
                <a:gd name="connsiteX19" fmla="*/ 1348765 w 4158640"/>
                <a:gd name="connsiteY19" fmla="*/ 1393031 h 1650237"/>
                <a:gd name="connsiteX20" fmla="*/ 1379721 w 4158640"/>
                <a:gd name="connsiteY20" fmla="*/ 1366837 h 1650237"/>
                <a:gd name="connsiteX21" fmla="*/ 1439253 w 4158640"/>
                <a:gd name="connsiteY21" fmla="*/ 1347787 h 1650237"/>
                <a:gd name="connsiteX22" fmla="*/ 1467828 w 4158640"/>
                <a:gd name="connsiteY22" fmla="*/ 1331118 h 1650237"/>
                <a:gd name="connsiteX23" fmla="*/ 1503546 w 4158640"/>
                <a:gd name="connsiteY23" fmla="*/ 1316831 h 1650237"/>
                <a:gd name="connsiteX24" fmla="*/ 1544028 w 4158640"/>
                <a:gd name="connsiteY24" fmla="*/ 1302543 h 1650237"/>
                <a:gd name="connsiteX25" fmla="*/ 1572603 w 4158640"/>
                <a:gd name="connsiteY25" fmla="*/ 1290637 h 1650237"/>
                <a:gd name="connsiteX26" fmla="*/ 1591653 w 4158640"/>
                <a:gd name="connsiteY26" fmla="*/ 1283493 h 1650237"/>
                <a:gd name="connsiteX27" fmla="*/ 1622609 w 4158640"/>
                <a:gd name="connsiteY27" fmla="*/ 1276350 h 1650237"/>
                <a:gd name="connsiteX28" fmla="*/ 1653565 w 4158640"/>
                <a:gd name="connsiteY28" fmla="*/ 1273968 h 1650237"/>
                <a:gd name="connsiteX29" fmla="*/ 1682140 w 4158640"/>
                <a:gd name="connsiteY29" fmla="*/ 1271587 h 1650237"/>
                <a:gd name="connsiteX30" fmla="*/ 1705953 w 4158640"/>
                <a:gd name="connsiteY30" fmla="*/ 1257300 h 1650237"/>
                <a:gd name="connsiteX31" fmla="*/ 1722621 w 4158640"/>
                <a:gd name="connsiteY31" fmla="*/ 1243012 h 1650237"/>
                <a:gd name="connsiteX32" fmla="*/ 1739290 w 4158640"/>
                <a:gd name="connsiteY32" fmla="*/ 1233487 h 1650237"/>
                <a:gd name="connsiteX33" fmla="*/ 1765484 w 4158640"/>
                <a:gd name="connsiteY33" fmla="*/ 1216818 h 1650237"/>
                <a:gd name="connsiteX34" fmla="*/ 1791678 w 4158640"/>
                <a:gd name="connsiteY34" fmla="*/ 1209675 h 1650237"/>
                <a:gd name="connsiteX35" fmla="*/ 1815490 w 4158640"/>
                <a:gd name="connsiteY35" fmla="*/ 1197768 h 1650237"/>
                <a:gd name="connsiteX36" fmla="*/ 1841684 w 4158640"/>
                <a:gd name="connsiteY36" fmla="*/ 1185862 h 1650237"/>
                <a:gd name="connsiteX37" fmla="*/ 1863115 w 4158640"/>
                <a:gd name="connsiteY37" fmla="*/ 1171575 h 1650237"/>
                <a:gd name="connsiteX38" fmla="*/ 1884546 w 4158640"/>
                <a:gd name="connsiteY38" fmla="*/ 1157287 h 1650237"/>
                <a:gd name="connsiteX39" fmla="*/ 1905978 w 4158640"/>
                <a:gd name="connsiteY39" fmla="*/ 1147762 h 1650237"/>
                <a:gd name="connsiteX40" fmla="*/ 2310791 w 4158640"/>
                <a:gd name="connsiteY40" fmla="*/ 988218 h 1650237"/>
                <a:gd name="connsiteX41" fmla="*/ 2365560 w 4158640"/>
                <a:gd name="connsiteY41" fmla="*/ 971550 h 1650237"/>
                <a:gd name="connsiteX42" fmla="*/ 2377466 w 4158640"/>
                <a:gd name="connsiteY42" fmla="*/ 952500 h 1650237"/>
                <a:gd name="connsiteX43" fmla="*/ 2441759 w 4158640"/>
                <a:gd name="connsiteY43" fmla="*/ 931068 h 1650237"/>
                <a:gd name="connsiteX44" fmla="*/ 2506052 w 4158640"/>
                <a:gd name="connsiteY44" fmla="*/ 909637 h 1650237"/>
                <a:gd name="connsiteX45" fmla="*/ 2667977 w 4158640"/>
                <a:gd name="connsiteY45" fmla="*/ 831056 h 1650237"/>
                <a:gd name="connsiteX46" fmla="*/ 2694171 w 4158640"/>
                <a:gd name="connsiteY46" fmla="*/ 814387 h 1650237"/>
                <a:gd name="connsiteX47" fmla="*/ 3168040 w 4158640"/>
                <a:gd name="connsiteY47" fmla="*/ 614362 h 1650237"/>
                <a:gd name="connsiteX48" fmla="*/ 4158640 w 4158640"/>
                <a:gd name="connsiteY4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3022 w 4158640"/>
                <a:gd name="connsiteY15" fmla="*/ 1497806 h 1650237"/>
                <a:gd name="connsiteX16" fmla="*/ 1167790 w 4158640"/>
                <a:gd name="connsiteY16" fmla="*/ 1471612 h 1650237"/>
                <a:gd name="connsiteX17" fmla="*/ 1265421 w 4158640"/>
                <a:gd name="connsiteY17" fmla="*/ 1443037 h 1650237"/>
                <a:gd name="connsiteX18" fmla="*/ 1324953 w 4158640"/>
                <a:gd name="connsiteY18" fmla="*/ 1412081 h 1650237"/>
                <a:gd name="connsiteX19" fmla="*/ 1348765 w 4158640"/>
                <a:gd name="connsiteY19" fmla="*/ 1393031 h 1650237"/>
                <a:gd name="connsiteX20" fmla="*/ 1379721 w 4158640"/>
                <a:gd name="connsiteY20" fmla="*/ 1366837 h 1650237"/>
                <a:gd name="connsiteX21" fmla="*/ 1439253 w 4158640"/>
                <a:gd name="connsiteY21" fmla="*/ 1347787 h 1650237"/>
                <a:gd name="connsiteX22" fmla="*/ 1467828 w 4158640"/>
                <a:gd name="connsiteY22" fmla="*/ 1331118 h 1650237"/>
                <a:gd name="connsiteX23" fmla="*/ 1503546 w 4158640"/>
                <a:gd name="connsiteY23" fmla="*/ 1316831 h 1650237"/>
                <a:gd name="connsiteX24" fmla="*/ 1544028 w 4158640"/>
                <a:gd name="connsiteY24" fmla="*/ 1302543 h 1650237"/>
                <a:gd name="connsiteX25" fmla="*/ 1572603 w 4158640"/>
                <a:gd name="connsiteY25" fmla="*/ 1290637 h 1650237"/>
                <a:gd name="connsiteX26" fmla="*/ 1591653 w 4158640"/>
                <a:gd name="connsiteY26" fmla="*/ 1283493 h 1650237"/>
                <a:gd name="connsiteX27" fmla="*/ 1622609 w 4158640"/>
                <a:gd name="connsiteY27" fmla="*/ 1276350 h 1650237"/>
                <a:gd name="connsiteX28" fmla="*/ 1653565 w 4158640"/>
                <a:gd name="connsiteY28" fmla="*/ 1273968 h 1650237"/>
                <a:gd name="connsiteX29" fmla="*/ 1682140 w 4158640"/>
                <a:gd name="connsiteY29" fmla="*/ 1271587 h 1650237"/>
                <a:gd name="connsiteX30" fmla="*/ 1705953 w 4158640"/>
                <a:gd name="connsiteY30" fmla="*/ 1257300 h 1650237"/>
                <a:gd name="connsiteX31" fmla="*/ 1722621 w 4158640"/>
                <a:gd name="connsiteY31" fmla="*/ 1243012 h 1650237"/>
                <a:gd name="connsiteX32" fmla="*/ 1739290 w 4158640"/>
                <a:gd name="connsiteY32" fmla="*/ 1233487 h 1650237"/>
                <a:gd name="connsiteX33" fmla="*/ 1765484 w 4158640"/>
                <a:gd name="connsiteY33" fmla="*/ 1216818 h 1650237"/>
                <a:gd name="connsiteX34" fmla="*/ 1791678 w 4158640"/>
                <a:gd name="connsiteY34" fmla="*/ 1209675 h 1650237"/>
                <a:gd name="connsiteX35" fmla="*/ 1815490 w 4158640"/>
                <a:gd name="connsiteY35" fmla="*/ 1197768 h 1650237"/>
                <a:gd name="connsiteX36" fmla="*/ 1841684 w 4158640"/>
                <a:gd name="connsiteY36" fmla="*/ 1185862 h 1650237"/>
                <a:gd name="connsiteX37" fmla="*/ 1863115 w 4158640"/>
                <a:gd name="connsiteY37" fmla="*/ 1171575 h 1650237"/>
                <a:gd name="connsiteX38" fmla="*/ 1884546 w 4158640"/>
                <a:gd name="connsiteY38" fmla="*/ 1157287 h 1650237"/>
                <a:gd name="connsiteX39" fmla="*/ 1905978 w 4158640"/>
                <a:gd name="connsiteY39" fmla="*/ 1147762 h 1650237"/>
                <a:gd name="connsiteX40" fmla="*/ 2310791 w 4158640"/>
                <a:gd name="connsiteY40" fmla="*/ 988218 h 1650237"/>
                <a:gd name="connsiteX41" fmla="*/ 2365560 w 4158640"/>
                <a:gd name="connsiteY41" fmla="*/ 971550 h 1650237"/>
                <a:gd name="connsiteX42" fmla="*/ 2377466 w 4158640"/>
                <a:gd name="connsiteY42" fmla="*/ 952500 h 1650237"/>
                <a:gd name="connsiteX43" fmla="*/ 2441759 w 4158640"/>
                <a:gd name="connsiteY43" fmla="*/ 931068 h 1650237"/>
                <a:gd name="connsiteX44" fmla="*/ 2506052 w 4158640"/>
                <a:gd name="connsiteY44" fmla="*/ 909637 h 1650237"/>
                <a:gd name="connsiteX45" fmla="*/ 2667977 w 4158640"/>
                <a:gd name="connsiteY45" fmla="*/ 831056 h 1650237"/>
                <a:gd name="connsiteX46" fmla="*/ 2694171 w 4158640"/>
                <a:gd name="connsiteY46" fmla="*/ 814387 h 1650237"/>
                <a:gd name="connsiteX47" fmla="*/ 3168040 w 4158640"/>
                <a:gd name="connsiteY47" fmla="*/ 614362 h 1650237"/>
                <a:gd name="connsiteX48" fmla="*/ 4158640 w 4158640"/>
                <a:gd name="connsiteY4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7790 w 4158640"/>
                <a:gd name="connsiteY16" fmla="*/ 1471612 h 1650237"/>
                <a:gd name="connsiteX17" fmla="*/ 1265421 w 4158640"/>
                <a:gd name="connsiteY17" fmla="*/ 1443037 h 1650237"/>
                <a:gd name="connsiteX18" fmla="*/ 1324953 w 4158640"/>
                <a:gd name="connsiteY18" fmla="*/ 1412081 h 1650237"/>
                <a:gd name="connsiteX19" fmla="*/ 1348765 w 4158640"/>
                <a:gd name="connsiteY19" fmla="*/ 1393031 h 1650237"/>
                <a:gd name="connsiteX20" fmla="*/ 1379721 w 4158640"/>
                <a:gd name="connsiteY20" fmla="*/ 1366837 h 1650237"/>
                <a:gd name="connsiteX21" fmla="*/ 1439253 w 4158640"/>
                <a:gd name="connsiteY21" fmla="*/ 1347787 h 1650237"/>
                <a:gd name="connsiteX22" fmla="*/ 1467828 w 4158640"/>
                <a:gd name="connsiteY22" fmla="*/ 1331118 h 1650237"/>
                <a:gd name="connsiteX23" fmla="*/ 1503546 w 4158640"/>
                <a:gd name="connsiteY23" fmla="*/ 1316831 h 1650237"/>
                <a:gd name="connsiteX24" fmla="*/ 1544028 w 4158640"/>
                <a:gd name="connsiteY24" fmla="*/ 1302543 h 1650237"/>
                <a:gd name="connsiteX25" fmla="*/ 1572603 w 4158640"/>
                <a:gd name="connsiteY25" fmla="*/ 1290637 h 1650237"/>
                <a:gd name="connsiteX26" fmla="*/ 1591653 w 4158640"/>
                <a:gd name="connsiteY26" fmla="*/ 1283493 h 1650237"/>
                <a:gd name="connsiteX27" fmla="*/ 1622609 w 4158640"/>
                <a:gd name="connsiteY27" fmla="*/ 1276350 h 1650237"/>
                <a:gd name="connsiteX28" fmla="*/ 1653565 w 4158640"/>
                <a:gd name="connsiteY28" fmla="*/ 1273968 h 1650237"/>
                <a:gd name="connsiteX29" fmla="*/ 1682140 w 4158640"/>
                <a:gd name="connsiteY29" fmla="*/ 1271587 h 1650237"/>
                <a:gd name="connsiteX30" fmla="*/ 1705953 w 4158640"/>
                <a:gd name="connsiteY30" fmla="*/ 1257300 h 1650237"/>
                <a:gd name="connsiteX31" fmla="*/ 1722621 w 4158640"/>
                <a:gd name="connsiteY31" fmla="*/ 1243012 h 1650237"/>
                <a:gd name="connsiteX32" fmla="*/ 1739290 w 4158640"/>
                <a:gd name="connsiteY32" fmla="*/ 1233487 h 1650237"/>
                <a:gd name="connsiteX33" fmla="*/ 1765484 w 4158640"/>
                <a:gd name="connsiteY33" fmla="*/ 1216818 h 1650237"/>
                <a:gd name="connsiteX34" fmla="*/ 1791678 w 4158640"/>
                <a:gd name="connsiteY34" fmla="*/ 1209675 h 1650237"/>
                <a:gd name="connsiteX35" fmla="*/ 1815490 w 4158640"/>
                <a:gd name="connsiteY35" fmla="*/ 1197768 h 1650237"/>
                <a:gd name="connsiteX36" fmla="*/ 1841684 w 4158640"/>
                <a:gd name="connsiteY36" fmla="*/ 1185862 h 1650237"/>
                <a:gd name="connsiteX37" fmla="*/ 1863115 w 4158640"/>
                <a:gd name="connsiteY37" fmla="*/ 1171575 h 1650237"/>
                <a:gd name="connsiteX38" fmla="*/ 1884546 w 4158640"/>
                <a:gd name="connsiteY38" fmla="*/ 1157287 h 1650237"/>
                <a:gd name="connsiteX39" fmla="*/ 1905978 w 4158640"/>
                <a:gd name="connsiteY39" fmla="*/ 1147762 h 1650237"/>
                <a:gd name="connsiteX40" fmla="*/ 2310791 w 4158640"/>
                <a:gd name="connsiteY40" fmla="*/ 988218 h 1650237"/>
                <a:gd name="connsiteX41" fmla="*/ 2365560 w 4158640"/>
                <a:gd name="connsiteY41" fmla="*/ 971550 h 1650237"/>
                <a:gd name="connsiteX42" fmla="*/ 2377466 w 4158640"/>
                <a:gd name="connsiteY42" fmla="*/ 952500 h 1650237"/>
                <a:gd name="connsiteX43" fmla="*/ 2441759 w 4158640"/>
                <a:gd name="connsiteY43" fmla="*/ 931068 h 1650237"/>
                <a:gd name="connsiteX44" fmla="*/ 2506052 w 4158640"/>
                <a:gd name="connsiteY44" fmla="*/ 909637 h 1650237"/>
                <a:gd name="connsiteX45" fmla="*/ 2667977 w 4158640"/>
                <a:gd name="connsiteY45" fmla="*/ 831056 h 1650237"/>
                <a:gd name="connsiteX46" fmla="*/ 2694171 w 4158640"/>
                <a:gd name="connsiteY46" fmla="*/ 814387 h 1650237"/>
                <a:gd name="connsiteX47" fmla="*/ 3168040 w 4158640"/>
                <a:gd name="connsiteY47" fmla="*/ 614362 h 1650237"/>
                <a:gd name="connsiteX48" fmla="*/ 4158640 w 4158640"/>
                <a:gd name="connsiteY4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65421 w 4158640"/>
                <a:gd name="connsiteY17" fmla="*/ 1443037 h 1650237"/>
                <a:gd name="connsiteX18" fmla="*/ 1324953 w 4158640"/>
                <a:gd name="connsiteY18" fmla="*/ 1412081 h 1650237"/>
                <a:gd name="connsiteX19" fmla="*/ 1348765 w 4158640"/>
                <a:gd name="connsiteY19" fmla="*/ 1393031 h 1650237"/>
                <a:gd name="connsiteX20" fmla="*/ 1379721 w 4158640"/>
                <a:gd name="connsiteY20" fmla="*/ 1366837 h 1650237"/>
                <a:gd name="connsiteX21" fmla="*/ 1439253 w 4158640"/>
                <a:gd name="connsiteY21" fmla="*/ 1347787 h 1650237"/>
                <a:gd name="connsiteX22" fmla="*/ 1467828 w 4158640"/>
                <a:gd name="connsiteY22" fmla="*/ 1331118 h 1650237"/>
                <a:gd name="connsiteX23" fmla="*/ 1503546 w 4158640"/>
                <a:gd name="connsiteY23" fmla="*/ 1316831 h 1650237"/>
                <a:gd name="connsiteX24" fmla="*/ 1544028 w 4158640"/>
                <a:gd name="connsiteY24" fmla="*/ 1302543 h 1650237"/>
                <a:gd name="connsiteX25" fmla="*/ 1572603 w 4158640"/>
                <a:gd name="connsiteY25" fmla="*/ 1290637 h 1650237"/>
                <a:gd name="connsiteX26" fmla="*/ 1591653 w 4158640"/>
                <a:gd name="connsiteY26" fmla="*/ 1283493 h 1650237"/>
                <a:gd name="connsiteX27" fmla="*/ 1622609 w 4158640"/>
                <a:gd name="connsiteY27" fmla="*/ 1276350 h 1650237"/>
                <a:gd name="connsiteX28" fmla="*/ 1653565 w 4158640"/>
                <a:gd name="connsiteY28" fmla="*/ 1273968 h 1650237"/>
                <a:gd name="connsiteX29" fmla="*/ 1682140 w 4158640"/>
                <a:gd name="connsiteY29" fmla="*/ 1271587 h 1650237"/>
                <a:gd name="connsiteX30" fmla="*/ 1705953 w 4158640"/>
                <a:gd name="connsiteY30" fmla="*/ 1257300 h 1650237"/>
                <a:gd name="connsiteX31" fmla="*/ 1722621 w 4158640"/>
                <a:gd name="connsiteY31" fmla="*/ 1243012 h 1650237"/>
                <a:gd name="connsiteX32" fmla="*/ 1739290 w 4158640"/>
                <a:gd name="connsiteY32" fmla="*/ 1233487 h 1650237"/>
                <a:gd name="connsiteX33" fmla="*/ 1765484 w 4158640"/>
                <a:gd name="connsiteY33" fmla="*/ 1216818 h 1650237"/>
                <a:gd name="connsiteX34" fmla="*/ 1791678 w 4158640"/>
                <a:gd name="connsiteY34" fmla="*/ 1209675 h 1650237"/>
                <a:gd name="connsiteX35" fmla="*/ 1815490 w 4158640"/>
                <a:gd name="connsiteY35" fmla="*/ 1197768 h 1650237"/>
                <a:gd name="connsiteX36" fmla="*/ 1841684 w 4158640"/>
                <a:gd name="connsiteY36" fmla="*/ 1185862 h 1650237"/>
                <a:gd name="connsiteX37" fmla="*/ 1863115 w 4158640"/>
                <a:gd name="connsiteY37" fmla="*/ 1171575 h 1650237"/>
                <a:gd name="connsiteX38" fmla="*/ 1884546 w 4158640"/>
                <a:gd name="connsiteY38" fmla="*/ 1157287 h 1650237"/>
                <a:gd name="connsiteX39" fmla="*/ 1905978 w 4158640"/>
                <a:gd name="connsiteY39" fmla="*/ 1147762 h 1650237"/>
                <a:gd name="connsiteX40" fmla="*/ 2310791 w 4158640"/>
                <a:gd name="connsiteY40" fmla="*/ 988218 h 1650237"/>
                <a:gd name="connsiteX41" fmla="*/ 2365560 w 4158640"/>
                <a:gd name="connsiteY41" fmla="*/ 971550 h 1650237"/>
                <a:gd name="connsiteX42" fmla="*/ 2377466 w 4158640"/>
                <a:gd name="connsiteY42" fmla="*/ 952500 h 1650237"/>
                <a:gd name="connsiteX43" fmla="*/ 2441759 w 4158640"/>
                <a:gd name="connsiteY43" fmla="*/ 931068 h 1650237"/>
                <a:gd name="connsiteX44" fmla="*/ 2506052 w 4158640"/>
                <a:gd name="connsiteY44" fmla="*/ 909637 h 1650237"/>
                <a:gd name="connsiteX45" fmla="*/ 2667977 w 4158640"/>
                <a:gd name="connsiteY45" fmla="*/ 831056 h 1650237"/>
                <a:gd name="connsiteX46" fmla="*/ 2694171 w 4158640"/>
                <a:gd name="connsiteY46" fmla="*/ 814387 h 1650237"/>
                <a:gd name="connsiteX47" fmla="*/ 3168040 w 4158640"/>
                <a:gd name="connsiteY47" fmla="*/ 614362 h 1650237"/>
                <a:gd name="connsiteX48" fmla="*/ 4158640 w 4158640"/>
                <a:gd name="connsiteY4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5415 w 4158640"/>
                <a:gd name="connsiteY17" fmla="*/ 1457325 h 1650237"/>
                <a:gd name="connsiteX18" fmla="*/ 1265421 w 4158640"/>
                <a:gd name="connsiteY18" fmla="*/ 1443037 h 1650237"/>
                <a:gd name="connsiteX19" fmla="*/ 1324953 w 4158640"/>
                <a:gd name="connsiteY19" fmla="*/ 1412081 h 1650237"/>
                <a:gd name="connsiteX20" fmla="*/ 1348765 w 4158640"/>
                <a:gd name="connsiteY20" fmla="*/ 1393031 h 1650237"/>
                <a:gd name="connsiteX21" fmla="*/ 1379721 w 4158640"/>
                <a:gd name="connsiteY21" fmla="*/ 1366837 h 1650237"/>
                <a:gd name="connsiteX22" fmla="*/ 1439253 w 4158640"/>
                <a:gd name="connsiteY22" fmla="*/ 1347787 h 1650237"/>
                <a:gd name="connsiteX23" fmla="*/ 1467828 w 4158640"/>
                <a:gd name="connsiteY23" fmla="*/ 1331118 h 1650237"/>
                <a:gd name="connsiteX24" fmla="*/ 1503546 w 4158640"/>
                <a:gd name="connsiteY24" fmla="*/ 1316831 h 1650237"/>
                <a:gd name="connsiteX25" fmla="*/ 1544028 w 4158640"/>
                <a:gd name="connsiteY25" fmla="*/ 1302543 h 1650237"/>
                <a:gd name="connsiteX26" fmla="*/ 1572603 w 4158640"/>
                <a:gd name="connsiteY26" fmla="*/ 1290637 h 1650237"/>
                <a:gd name="connsiteX27" fmla="*/ 1591653 w 4158640"/>
                <a:gd name="connsiteY27" fmla="*/ 1283493 h 1650237"/>
                <a:gd name="connsiteX28" fmla="*/ 1622609 w 4158640"/>
                <a:gd name="connsiteY28" fmla="*/ 1276350 h 1650237"/>
                <a:gd name="connsiteX29" fmla="*/ 1653565 w 4158640"/>
                <a:gd name="connsiteY29" fmla="*/ 1273968 h 1650237"/>
                <a:gd name="connsiteX30" fmla="*/ 1682140 w 4158640"/>
                <a:gd name="connsiteY30" fmla="*/ 1271587 h 1650237"/>
                <a:gd name="connsiteX31" fmla="*/ 1705953 w 4158640"/>
                <a:gd name="connsiteY31" fmla="*/ 1257300 h 1650237"/>
                <a:gd name="connsiteX32" fmla="*/ 1722621 w 4158640"/>
                <a:gd name="connsiteY32" fmla="*/ 1243012 h 1650237"/>
                <a:gd name="connsiteX33" fmla="*/ 1739290 w 4158640"/>
                <a:gd name="connsiteY33" fmla="*/ 1233487 h 1650237"/>
                <a:gd name="connsiteX34" fmla="*/ 1765484 w 4158640"/>
                <a:gd name="connsiteY34" fmla="*/ 1216818 h 1650237"/>
                <a:gd name="connsiteX35" fmla="*/ 1791678 w 4158640"/>
                <a:gd name="connsiteY35" fmla="*/ 1209675 h 1650237"/>
                <a:gd name="connsiteX36" fmla="*/ 1815490 w 4158640"/>
                <a:gd name="connsiteY36" fmla="*/ 1197768 h 1650237"/>
                <a:gd name="connsiteX37" fmla="*/ 1841684 w 4158640"/>
                <a:gd name="connsiteY37" fmla="*/ 1185862 h 1650237"/>
                <a:gd name="connsiteX38" fmla="*/ 1863115 w 4158640"/>
                <a:gd name="connsiteY38" fmla="*/ 1171575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65421 w 4158640"/>
                <a:gd name="connsiteY18" fmla="*/ 1443037 h 1650237"/>
                <a:gd name="connsiteX19" fmla="*/ 1324953 w 4158640"/>
                <a:gd name="connsiteY19" fmla="*/ 1412081 h 1650237"/>
                <a:gd name="connsiteX20" fmla="*/ 1348765 w 4158640"/>
                <a:gd name="connsiteY20" fmla="*/ 1393031 h 1650237"/>
                <a:gd name="connsiteX21" fmla="*/ 1379721 w 4158640"/>
                <a:gd name="connsiteY21" fmla="*/ 1366837 h 1650237"/>
                <a:gd name="connsiteX22" fmla="*/ 1439253 w 4158640"/>
                <a:gd name="connsiteY22" fmla="*/ 1347787 h 1650237"/>
                <a:gd name="connsiteX23" fmla="*/ 1467828 w 4158640"/>
                <a:gd name="connsiteY23" fmla="*/ 1331118 h 1650237"/>
                <a:gd name="connsiteX24" fmla="*/ 1503546 w 4158640"/>
                <a:gd name="connsiteY24" fmla="*/ 1316831 h 1650237"/>
                <a:gd name="connsiteX25" fmla="*/ 1544028 w 4158640"/>
                <a:gd name="connsiteY25" fmla="*/ 1302543 h 1650237"/>
                <a:gd name="connsiteX26" fmla="*/ 1572603 w 4158640"/>
                <a:gd name="connsiteY26" fmla="*/ 1290637 h 1650237"/>
                <a:gd name="connsiteX27" fmla="*/ 1591653 w 4158640"/>
                <a:gd name="connsiteY27" fmla="*/ 1283493 h 1650237"/>
                <a:gd name="connsiteX28" fmla="*/ 1622609 w 4158640"/>
                <a:gd name="connsiteY28" fmla="*/ 1276350 h 1650237"/>
                <a:gd name="connsiteX29" fmla="*/ 1653565 w 4158640"/>
                <a:gd name="connsiteY29" fmla="*/ 1273968 h 1650237"/>
                <a:gd name="connsiteX30" fmla="*/ 1682140 w 4158640"/>
                <a:gd name="connsiteY30" fmla="*/ 1271587 h 1650237"/>
                <a:gd name="connsiteX31" fmla="*/ 1705953 w 4158640"/>
                <a:gd name="connsiteY31" fmla="*/ 1257300 h 1650237"/>
                <a:gd name="connsiteX32" fmla="*/ 1722621 w 4158640"/>
                <a:gd name="connsiteY32" fmla="*/ 1243012 h 1650237"/>
                <a:gd name="connsiteX33" fmla="*/ 1739290 w 4158640"/>
                <a:gd name="connsiteY33" fmla="*/ 1233487 h 1650237"/>
                <a:gd name="connsiteX34" fmla="*/ 1765484 w 4158640"/>
                <a:gd name="connsiteY34" fmla="*/ 1216818 h 1650237"/>
                <a:gd name="connsiteX35" fmla="*/ 1791678 w 4158640"/>
                <a:gd name="connsiteY35" fmla="*/ 1209675 h 1650237"/>
                <a:gd name="connsiteX36" fmla="*/ 1815490 w 4158640"/>
                <a:gd name="connsiteY36" fmla="*/ 1197768 h 1650237"/>
                <a:gd name="connsiteX37" fmla="*/ 1841684 w 4158640"/>
                <a:gd name="connsiteY37" fmla="*/ 1185862 h 1650237"/>
                <a:gd name="connsiteX38" fmla="*/ 1863115 w 4158640"/>
                <a:gd name="connsiteY38" fmla="*/ 1171575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65421 w 4158640"/>
                <a:gd name="connsiteY18" fmla="*/ 1443037 h 1650237"/>
                <a:gd name="connsiteX19" fmla="*/ 1251134 w 4158640"/>
                <a:gd name="connsiteY19" fmla="*/ 1452562 h 1650237"/>
                <a:gd name="connsiteX20" fmla="*/ 1324953 w 4158640"/>
                <a:gd name="connsiteY20" fmla="*/ 1412081 h 1650237"/>
                <a:gd name="connsiteX21" fmla="*/ 1348765 w 4158640"/>
                <a:gd name="connsiteY21" fmla="*/ 1393031 h 1650237"/>
                <a:gd name="connsiteX22" fmla="*/ 1379721 w 4158640"/>
                <a:gd name="connsiteY22" fmla="*/ 1366837 h 1650237"/>
                <a:gd name="connsiteX23" fmla="*/ 1439253 w 4158640"/>
                <a:gd name="connsiteY23" fmla="*/ 1347787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65421 w 4158640"/>
                <a:gd name="connsiteY18" fmla="*/ 1443037 h 1650237"/>
                <a:gd name="connsiteX19" fmla="*/ 1253515 w 4158640"/>
                <a:gd name="connsiteY19" fmla="*/ 1459706 h 1650237"/>
                <a:gd name="connsiteX20" fmla="*/ 1324953 w 4158640"/>
                <a:gd name="connsiteY20" fmla="*/ 1412081 h 1650237"/>
                <a:gd name="connsiteX21" fmla="*/ 1348765 w 4158640"/>
                <a:gd name="connsiteY21" fmla="*/ 1393031 h 1650237"/>
                <a:gd name="connsiteX22" fmla="*/ 1379721 w 4158640"/>
                <a:gd name="connsiteY22" fmla="*/ 1366837 h 1650237"/>
                <a:gd name="connsiteX23" fmla="*/ 1439253 w 4158640"/>
                <a:gd name="connsiteY23" fmla="*/ 1347787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77327 w 4158640"/>
                <a:gd name="connsiteY18" fmla="*/ 1447799 h 1650237"/>
                <a:gd name="connsiteX19" fmla="*/ 1253515 w 4158640"/>
                <a:gd name="connsiteY19" fmla="*/ 1459706 h 1650237"/>
                <a:gd name="connsiteX20" fmla="*/ 1324953 w 4158640"/>
                <a:gd name="connsiteY20" fmla="*/ 1412081 h 1650237"/>
                <a:gd name="connsiteX21" fmla="*/ 1348765 w 4158640"/>
                <a:gd name="connsiteY21" fmla="*/ 1393031 h 1650237"/>
                <a:gd name="connsiteX22" fmla="*/ 1379721 w 4158640"/>
                <a:gd name="connsiteY22" fmla="*/ 1366837 h 1650237"/>
                <a:gd name="connsiteX23" fmla="*/ 1439253 w 4158640"/>
                <a:gd name="connsiteY23" fmla="*/ 1347787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93996 w 4158640"/>
                <a:gd name="connsiteY18" fmla="*/ 1445418 h 1650237"/>
                <a:gd name="connsiteX19" fmla="*/ 1253515 w 4158640"/>
                <a:gd name="connsiteY19" fmla="*/ 1459706 h 1650237"/>
                <a:gd name="connsiteX20" fmla="*/ 1324953 w 4158640"/>
                <a:gd name="connsiteY20" fmla="*/ 1412081 h 1650237"/>
                <a:gd name="connsiteX21" fmla="*/ 1348765 w 4158640"/>
                <a:gd name="connsiteY21" fmla="*/ 1393031 h 1650237"/>
                <a:gd name="connsiteX22" fmla="*/ 1379721 w 4158640"/>
                <a:gd name="connsiteY22" fmla="*/ 1366837 h 1650237"/>
                <a:gd name="connsiteX23" fmla="*/ 1439253 w 4158640"/>
                <a:gd name="connsiteY23" fmla="*/ 1347787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89234 w 4158640"/>
                <a:gd name="connsiteY18" fmla="*/ 1450180 h 1650237"/>
                <a:gd name="connsiteX19" fmla="*/ 1253515 w 4158640"/>
                <a:gd name="connsiteY19" fmla="*/ 1459706 h 1650237"/>
                <a:gd name="connsiteX20" fmla="*/ 1324953 w 4158640"/>
                <a:gd name="connsiteY20" fmla="*/ 1412081 h 1650237"/>
                <a:gd name="connsiteX21" fmla="*/ 1348765 w 4158640"/>
                <a:gd name="connsiteY21" fmla="*/ 1393031 h 1650237"/>
                <a:gd name="connsiteX22" fmla="*/ 1379721 w 4158640"/>
                <a:gd name="connsiteY22" fmla="*/ 1366837 h 1650237"/>
                <a:gd name="connsiteX23" fmla="*/ 1439253 w 4158640"/>
                <a:gd name="connsiteY23" fmla="*/ 1347787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324953 w 4158640"/>
                <a:gd name="connsiteY19" fmla="*/ 1412081 h 1650237"/>
                <a:gd name="connsiteX20" fmla="*/ 1348765 w 4158640"/>
                <a:gd name="connsiteY20" fmla="*/ 1393031 h 1650237"/>
                <a:gd name="connsiteX21" fmla="*/ 1379721 w 4158640"/>
                <a:gd name="connsiteY21" fmla="*/ 1366837 h 1650237"/>
                <a:gd name="connsiteX22" fmla="*/ 1439253 w 4158640"/>
                <a:gd name="connsiteY22" fmla="*/ 1347787 h 1650237"/>
                <a:gd name="connsiteX23" fmla="*/ 1467828 w 4158640"/>
                <a:gd name="connsiteY23" fmla="*/ 1331118 h 1650237"/>
                <a:gd name="connsiteX24" fmla="*/ 1503546 w 4158640"/>
                <a:gd name="connsiteY24" fmla="*/ 1316831 h 1650237"/>
                <a:gd name="connsiteX25" fmla="*/ 1544028 w 4158640"/>
                <a:gd name="connsiteY25" fmla="*/ 1302543 h 1650237"/>
                <a:gd name="connsiteX26" fmla="*/ 1572603 w 4158640"/>
                <a:gd name="connsiteY26" fmla="*/ 1290637 h 1650237"/>
                <a:gd name="connsiteX27" fmla="*/ 1591653 w 4158640"/>
                <a:gd name="connsiteY27" fmla="*/ 1283493 h 1650237"/>
                <a:gd name="connsiteX28" fmla="*/ 1622609 w 4158640"/>
                <a:gd name="connsiteY28" fmla="*/ 1276350 h 1650237"/>
                <a:gd name="connsiteX29" fmla="*/ 1653565 w 4158640"/>
                <a:gd name="connsiteY29" fmla="*/ 1273968 h 1650237"/>
                <a:gd name="connsiteX30" fmla="*/ 1682140 w 4158640"/>
                <a:gd name="connsiteY30" fmla="*/ 1271587 h 1650237"/>
                <a:gd name="connsiteX31" fmla="*/ 1705953 w 4158640"/>
                <a:gd name="connsiteY31" fmla="*/ 1257300 h 1650237"/>
                <a:gd name="connsiteX32" fmla="*/ 1722621 w 4158640"/>
                <a:gd name="connsiteY32" fmla="*/ 1243012 h 1650237"/>
                <a:gd name="connsiteX33" fmla="*/ 1739290 w 4158640"/>
                <a:gd name="connsiteY33" fmla="*/ 1233487 h 1650237"/>
                <a:gd name="connsiteX34" fmla="*/ 1765484 w 4158640"/>
                <a:gd name="connsiteY34" fmla="*/ 1216818 h 1650237"/>
                <a:gd name="connsiteX35" fmla="*/ 1791678 w 4158640"/>
                <a:gd name="connsiteY35" fmla="*/ 1209675 h 1650237"/>
                <a:gd name="connsiteX36" fmla="*/ 1815490 w 4158640"/>
                <a:gd name="connsiteY36" fmla="*/ 1197768 h 1650237"/>
                <a:gd name="connsiteX37" fmla="*/ 1841684 w 4158640"/>
                <a:gd name="connsiteY37" fmla="*/ 1185862 h 1650237"/>
                <a:gd name="connsiteX38" fmla="*/ 1863115 w 4158640"/>
                <a:gd name="connsiteY38" fmla="*/ 1171575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86853 w 4158640"/>
                <a:gd name="connsiteY19" fmla="*/ 1443037 h 1650237"/>
                <a:gd name="connsiteX20" fmla="*/ 1324953 w 4158640"/>
                <a:gd name="connsiteY20" fmla="*/ 1412081 h 1650237"/>
                <a:gd name="connsiteX21" fmla="*/ 1348765 w 4158640"/>
                <a:gd name="connsiteY21" fmla="*/ 1393031 h 1650237"/>
                <a:gd name="connsiteX22" fmla="*/ 1379721 w 4158640"/>
                <a:gd name="connsiteY22" fmla="*/ 1366837 h 1650237"/>
                <a:gd name="connsiteX23" fmla="*/ 1439253 w 4158640"/>
                <a:gd name="connsiteY23" fmla="*/ 1347787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24953 w 4158640"/>
                <a:gd name="connsiteY20" fmla="*/ 1412081 h 1650237"/>
                <a:gd name="connsiteX21" fmla="*/ 1348765 w 4158640"/>
                <a:gd name="connsiteY21" fmla="*/ 1393031 h 1650237"/>
                <a:gd name="connsiteX22" fmla="*/ 1379721 w 4158640"/>
                <a:gd name="connsiteY22" fmla="*/ 1366837 h 1650237"/>
                <a:gd name="connsiteX23" fmla="*/ 1439253 w 4158640"/>
                <a:gd name="connsiteY23" fmla="*/ 1347787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48765 w 4158640"/>
                <a:gd name="connsiteY21" fmla="*/ 1393031 h 1650237"/>
                <a:gd name="connsiteX22" fmla="*/ 1379721 w 4158640"/>
                <a:gd name="connsiteY22" fmla="*/ 1366837 h 1650237"/>
                <a:gd name="connsiteX23" fmla="*/ 1439253 w 4158640"/>
                <a:gd name="connsiteY23" fmla="*/ 1347787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79721 w 4158640"/>
                <a:gd name="connsiteY22" fmla="*/ 1366837 h 1650237"/>
                <a:gd name="connsiteX23" fmla="*/ 1439253 w 4158640"/>
                <a:gd name="connsiteY23" fmla="*/ 1347787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39253 w 4158640"/>
                <a:gd name="connsiteY23" fmla="*/ 1347787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2075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67828 w 4158640"/>
                <a:gd name="connsiteY24" fmla="*/ 1331118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503546 w 4158640"/>
                <a:gd name="connsiteY25" fmla="*/ 1316831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44028 w 4158640"/>
                <a:gd name="connsiteY26" fmla="*/ 130254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72603 w 4158640"/>
                <a:gd name="connsiteY27" fmla="*/ 1290637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91653 w 4158640"/>
                <a:gd name="connsiteY28" fmla="*/ 1283493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2609 w 4158640"/>
                <a:gd name="connsiteY29" fmla="*/ 127635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295400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53565 w 4158640"/>
                <a:gd name="connsiteY30" fmla="*/ 127396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53565 w 4158640"/>
                <a:gd name="connsiteY30" fmla="*/ 1285874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82140 w 4158640"/>
                <a:gd name="connsiteY30" fmla="*/ 1271587 h 1650237"/>
                <a:gd name="connsiteX31" fmla="*/ 1705953 w 4158640"/>
                <a:gd name="connsiteY31" fmla="*/ 1257300 h 1650237"/>
                <a:gd name="connsiteX32" fmla="*/ 1722621 w 4158640"/>
                <a:gd name="connsiteY32" fmla="*/ 1243012 h 1650237"/>
                <a:gd name="connsiteX33" fmla="*/ 1739290 w 4158640"/>
                <a:gd name="connsiteY33" fmla="*/ 1233487 h 1650237"/>
                <a:gd name="connsiteX34" fmla="*/ 1765484 w 4158640"/>
                <a:gd name="connsiteY34" fmla="*/ 1216818 h 1650237"/>
                <a:gd name="connsiteX35" fmla="*/ 1791678 w 4158640"/>
                <a:gd name="connsiteY35" fmla="*/ 1209675 h 1650237"/>
                <a:gd name="connsiteX36" fmla="*/ 1815490 w 4158640"/>
                <a:gd name="connsiteY36" fmla="*/ 1197768 h 1650237"/>
                <a:gd name="connsiteX37" fmla="*/ 1841684 w 4158640"/>
                <a:gd name="connsiteY37" fmla="*/ 1185862 h 1650237"/>
                <a:gd name="connsiteX38" fmla="*/ 1863115 w 4158640"/>
                <a:gd name="connsiteY38" fmla="*/ 1171575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6421 w 4158640"/>
                <a:gd name="connsiteY30" fmla="*/ 1283493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71587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05953 w 4158640"/>
                <a:gd name="connsiteY32" fmla="*/ 1257300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22621 w 4158640"/>
                <a:gd name="connsiteY33" fmla="*/ 1243012 h 1650237"/>
                <a:gd name="connsiteX34" fmla="*/ 1739290 w 4158640"/>
                <a:gd name="connsiteY34" fmla="*/ 1233487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22621 w 4158640"/>
                <a:gd name="connsiteY33" fmla="*/ 1243012 h 1650237"/>
                <a:gd name="connsiteX34" fmla="*/ 1746434 w 4158640"/>
                <a:gd name="connsiteY34" fmla="*/ 1247775 h 1650237"/>
                <a:gd name="connsiteX35" fmla="*/ 1765484 w 4158640"/>
                <a:gd name="connsiteY35" fmla="*/ 1216818 h 1650237"/>
                <a:gd name="connsiteX36" fmla="*/ 1791678 w 4158640"/>
                <a:gd name="connsiteY36" fmla="*/ 1209675 h 1650237"/>
                <a:gd name="connsiteX37" fmla="*/ 1815490 w 4158640"/>
                <a:gd name="connsiteY37" fmla="*/ 1197768 h 1650237"/>
                <a:gd name="connsiteX38" fmla="*/ 1841684 w 4158640"/>
                <a:gd name="connsiteY38" fmla="*/ 1185862 h 1650237"/>
                <a:gd name="connsiteX39" fmla="*/ 1863115 w 4158640"/>
                <a:gd name="connsiteY39" fmla="*/ 1171575 h 1650237"/>
                <a:gd name="connsiteX40" fmla="*/ 1884546 w 4158640"/>
                <a:gd name="connsiteY40" fmla="*/ 1157287 h 1650237"/>
                <a:gd name="connsiteX41" fmla="*/ 1905978 w 4158640"/>
                <a:gd name="connsiteY41" fmla="*/ 1147762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22621 w 4158640"/>
                <a:gd name="connsiteY33" fmla="*/ 1243012 h 1650237"/>
                <a:gd name="connsiteX34" fmla="*/ 1765484 w 4158640"/>
                <a:gd name="connsiteY34" fmla="*/ 1216818 h 1650237"/>
                <a:gd name="connsiteX35" fmla="*/ 1791678 w 4158640"/>
                <a:gd name="connsiteY35" fmla="*/ 1209675 h 1650237"/>
                <a:gd name="connsiteX36" fmla="*/ 1815490 w 4158640"/>
                <a:gd name="connsiteY36" fmla="*/ 1197768 h 1650237"/>
                <a:gd name="connsiteX37" fmla="*/ 1841684 w 4158640"/>
                <a:gd name="connsiteY37" fmla="*/ 1185862 h 1650237"/>
                <a:gd name="connsiteX38" fmla="*/ 1863115 w 4158640"/>
                <a:gd name="connsiteY38" fmla="*/ 1171575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5484 w 4158640"/>
                <a:gd name="connsiteY34" fmla="*/ 1216818 h 1650237"/>
                <a:gd name="connsiteX35" fmla="*/ 1791678 w 4158640"/>
                <a:gd name="connsiteY35" fmla="*/ 1209675 h 1650237"/>
                <a:gd name="connsiteX36" fmla="*/ 1815490 w 4158640"/>
                <a:gd name="connsiteY36" fmla="*/ 1197768 h 1650237"/>
                <a:gd name="connsiteX37" fmla="*/ 1841684 w 4158640"/>
                <a:gd name="connsiteY37" fmla="*/ 1185862 h 1650237"/>
                <a:gd name="connsiteX38" fmla="*/ 1863115 w 4158640"/>
                <a:gd name="connsiteY38" fmla="*/ 1171575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1678 w 4158640"/>
                <a:gd name="connsiteY35" fmla="*/ 1209675 h 1650237"/>
                <a:gd name="connsiteX36" fmla="*/ 1815490 w 4158640"/>
                <a:gd name="connsiteY36" fmla="*/ 1197768 h 1650237"/>
                <a:gd name="connsiteX37" fmla="*/ 1841684 w 4158640"/>
                <a:gd name="connsiteY37" fmla="*/ 1185862 h 1650237"/>
                <a:gd name="connsiteX38" fmla="*/ 1863115 w 4158640"/>
                <a:gd name="connsiteY38" fmla="*/ 1171575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801203 w 4158640"/>
                <a:gd name="connsiteY35" fmla="*/ 1231106 h 1650237"/>
                <a:gd name="connsiteX36" fmla="*/ 1815490 w 4158640"/>
                <a:gd name="connsiteY36" fmla="*/ 1197768 h 1650237"/>
                <a:gd name="connsiteX37" fmla="*/ 1841684 w 4158640"/>
                <a:gd name="connsiteY37" fmla="*/ 1185862 h 1650237"/>
                <a:gd name="connsiteX38" fmla="*/ 1863115 w 4158640"/>
                <a:gd name="connsiteY38" fmla="*/ 1171575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15490 w 4158640"/>
                <a:gd name="connsiteY36" fmla="*/ 1197768 h 1650237"/>
                <a:gd name="connsiteX37" fmla="*/ 1841684 w 4158640"/>
                <a:gd name="connsiteY37" fmla="*/ 1185862 h 1650237"/>
                <a:gd name="connsiteX38" fmla="*/ 1863115 w 4158640"/>
                <a:gd name="connsiteY38" fmla="*/ 1171575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41684 w 4158640"/>
                <a:gd name="connsiteY37" fmla="*/ 1185862 h 1650237"/>
                <a:gd name="connsiteX38" fmla="*/ 1863115 w 4158640"/>
                <a:gd name="connsiteY38" fmla="*/ 1171575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63115 w 4158640"/>
                <a:gd name="connsiteY38" fmla="*/ 1171575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84546 w 4158640"/>
                <a:gd name="connsiteY39" fmla="*/ 115728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1574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905978 w 4158640"/>
                <a:gd name="connsiteY39" fmla="*/ 1147762 h 1650237"/>
                <a:gd name="connsiteX40" fmla="*/ 2310791 w 4158640"/>
                <a:gd name="connsiteY40" fmla="*/ 988218 h 1650237"/>
                <a:gd name="connsiteX41" fmla="*/ 2365560 w 4158640"/>
                <a:gd name="connsiteY41" fmla="*/ 971550 h 1650237"/>
                <a:gd name="connsiteX42" fmla="*/ 2377466 w 4158640"/>
                <a:gd name="connsiteY42" fmla="*/ 952500 h 1650237"/>
                <a:gd name="connsiteX43" fmla="*/ 2441759 w 4158640"/>
                <a:gd name="connsiteY43" fmla="*/ 931068 h 1650237"/>
                <a:gd name="connsiteX44" fmla="*/ 2506052 w 4158640"/>
                <a:gd name="connsiteY44" fmla="*/ 909637 h 1650237"/>
                <a:gd name="connsiteX45" fmla="*/ 2667977 w 4158640"/>
                <a:gd name="connsiteY45" fmla="*/ 831056 h 1650237"/>
                <a:gd name="connsiteX46" fmla="*/ 2694171 w 4158640"/>
                <a:gd name="connsiteY46" fmla="*/ 814387 h 1650237"/>
                <a:gd name="connsiteX47" fmla="*/ 3168040 w 4158640"/>
                <a:gd name="connsiteY47" fmla="*/ 614362 h 1650237"/>
                <a:gd name="connsiteX48" fmla="*/ 4158640 w 4158640"/>
                <a:gd name="connsiteY4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82165 w 4158640"/>
                <a:gd name="connsiteY39" fmla="*/ 1159668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05978 w 4158640"/>
                <a:gd name="connsiteY40" fmla="*/ 1147762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2310791 w 4158640"/>
                <a:gd name="connsiteY40" fmla="*/ 988218 h 1650237"/>
                <a:gd name="connsiteX41" fmla="*/ 2365560 w 4158640"/>
                <a:gd name="connsiteY41" fmla="*/ 971550 h 1650237"/>
                <a:gd name="connsiteX42" fmla="*/ 2377466 w 4158640"/>
                <a:gd name="connsiteY42" fmla="*/ 952500 h 1650237"/>
                <a:gd name="connsiteX43" fmla="*/ 2441759 w 4158640"/>
                <a:gd name="connsiteY43" fmla="*/ 931068 h 1650237"/>
                <a:gd name="connsiteX44" fmla="*/ 2506052 w 4158640"/>
                <a:gd name="connsiteY44" fmla="*/ 909637 h 1650237"/>
                <a:gd name="connsiteX45" fmla="*/ 2667977 w 4158640"/>
                <a:gd name="connsiteY45" fmla="*/ 831056 h 1650237"/>
                <a:gd name="connsiteX46" fmla="*/ 2694171 w 4158640"/>
                <a:gd name="connsiteY46" fmla="*/ 814387 h 1650237"/>
                <a:gd name="connsiteX47" fmla="*/ 3168040 w 4158640"/>
                <a:gd name="connsiteY47" fmla="*/ 614362 h 1650237"/>
                <a:gd name="connsiteX48" fmla="*/ 4158640 w 4158640"/>
                <a:gd name="connsiteY4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51221 w 4158640"/>
                <a:gd name="connsiteY40" fmla="*/ 1152525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5027 w 4158640"/>
                <a:gd name="connsiteY40" fmla="*/ 1157288 h 1650237"/>
                <a:gd name="connsiteX41" fmla="*/ 2310791 w 4158640"/>
                <a:gd name="connsiteY41" fmla="*/ 988218 h 1650237"/>
                <a:gd name="connsiteX42" fmla="*/ 2365560 w 4158640"/>
                <a:gd name="connsiteY42" fmla="*/ 971550 h 1650237"/>
                <a:gd name="connsiteX43" fmla="*/ 2377466 w 4158640"/>
                <a:gd name="connsiteY43" fmla="*/ 952500 h 1650237"/>
                <a:gd name="connsiteX44" fmla="*/ 2441759 w 4158640"/>
                <a:gd name="connsiteY44" fmla="*/ 931068 h 1650237"/>
                <a:gd name="connsiteX45" fmla="*/ 2506052 w 4158640"/>
                <a:gd name="connsiteY45" fmla="*/ 909637 h 1650237"/>
                <a:gd name="connsiteX46" fmla="*/ 2667977 w 4158640"/>
                <a:gd name="connsiteY46" fmla="*/ 831056 h 1650237"/>
                <a:gd name="connsiteX47" fmla="*/ 2694171 w 4158640"/>
                <a:gd name="connsiteY47" fmla="*/ 814387 h 1650237"/>
                <a:gd name="connsiteX48" fmla="*/ 3168040 w 4158640"/>
                <a:gd name="connsiteY48" fmla="*/ 614362 h 1650237"/>
                <a:gd name="connsiteX49" fmla="*/ 4158640 w 4158640"/>
                <a:gd name="connsiteY4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5027 w 4158640"/>
                <a:gd name="connsiteY40" fmla="*/ 1157288 h 1650237"/>
                <a:gd name="connsiteX41" fmla="*/ 1970271 w 4158640"/>
                <a:gd name="connsiteY41" fmla="*/ 1138237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5027 w 4158640"/>
                <a:gd name="connsiteY40" fmla="*/ 1157288 h 1650237"/>
                <a:gd name="connsiteX41" fmla="*/ 1958364 w 4158640"/>
                <a:gd name="connsiteY41" fmla="*/ 1140618 h 1650237"/>
                <a:gd name="connsiteX42" fmla="*/ 2310791 w 4158640"/>
                <a:gd name="connsiteY42" fmla="*/ 988218 h 1650237"/>
                <a:gd name="connsiteX43" fmla="*/ 2365560 w 4158640"/>
                <a:gd name="connsiteY43" fmla="*/ 971550 h 1650237"/>
                <a:gd name="connsiteX44" fmla="*/ 2377466 w 4158640"/>
                <a:gd name="connsiteY44" fmla="*/ 952500 h 1650237"/>
                <a:gd name="connsiteX45" fmla="*/ 2441759 w 4158640"/>
                <a:gd name="connsiteY45" fmla="*/ 931068 h 1650237"/>
                <a:gd name="connsiteX46" fmla="*/ 2506052 w 4158640"/>
                <a:gd name="connsiteY46" fmla="*/ 909637 h 1650237"/>
                <a:gd name="connsiteX47" fmla="*/ 2667977 w 4158640"/>
                <a:gd name="connsiteY47" fmla="*/ 831056 h 1650237"/>
                <a:gd name="connsiteX48" fmla="*/ 2694171 w 4158640"/>
                <a:gd name="connsiteY48" fmla="*/ 814387 h 1650237"/>
                <a:gd name="connsiteX49" fmla="*/ 3168040 w 4158640"/>
                <a:gd name="connsiteY49" fmla="*/ 614362 h 1650237"/>
                <a:gd name="connsiteX50" fmla="*/ 4158640 w 4158640"/>
                <a:gd name="connsiteY5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5027 w 4158640"/>
                <a:gd name="connsiteY40" fmla="*/ 1157288 h 1650237"/>
                <a:gd name="connsiteX41" fmla="*/ 1958364 w 4158640"/>
                <a:gd name="connsiteY41" fmla="*/ 1140618 h 1650237"/>
                <a:gd name="connsiteX42" fmla="*/ 2003609 w 4158640"/>
                <a:gd name="connsiteY42" fmla="*/ 1121568 h 1650237"/>
                <a:gd name="connsiteX43" fmla="*/ 2310791 w 4158640"/>
                <a:gd name="connsiteY43" fmla="*/ 988218 h 1650237"/>
                <a:gd name="connsiteX44" fmla="*/ 2365560 w 4158640"/>
                <a:gd name="connsiteY44" fmla="*/ 971550 h 1650237"/>
                <a:gd name="connsiteX45" fmla="*/ 2377466 w 4158640"/>
                <a:gd name="connsiteY45" fmla="*/ 952500 h 1650237"/>
                <a:gd name="connsiteX46" fmla="*/ 2441759 w 4158640"/>
                <a:gd name="connsiteY46" fmla="*/ 931068 h 1650237"/>
                <a:gd name="connsiteX47" fmla="*/ 2506052 w 4158640"/>
                <a:gd name="connsiteY47" fmla="*/ 909637 h 1650237"/>
                <a:gd name="connsiteX48" fmla="*/ 2667977 w 4158640"/>
                <a:gd name="connsiteY48" fmla="*/ 831056 h 1650237"/>
                <a:gd name="connsiteX49" fmla="*/ 2694171 w 4158640"/>
                <a:gd name="connsiteY49" fmla="*/ 814387 h 1650237"/>
                <a:gd name="connsiteX50" fmla="*/ 3168040 w 4158640"/>
                <a:gd name="connsiteY50" fmla="*/ 614362 h 1650237"/>
                <a:gd name="connsiteX51" fmla="*/ 4158640 w 4158640"/>
                <a:gd name="connsiteY51"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5027 w 4158640"/>
                <a:gd name="connsiteY40" fmla="*/ 1157288 h 1650237"/>
                <a:gd name="connsiteX41" fmla="*/ 1958364 w 4158640"/>
                <a:gd name="connsiteY41" fmla="*/ 1140618 h 1650237"/>
                <a:gd name="connsiteX42" fmla="*/ 2003609 w 4158640"/>
                <a:gd name="connsiteY42" fmla="*/ 1121568 h 1650237"/>
                <a:gd name="connsiteX43" fmla="*/ 2039328 w 4158640"/>
                <a:gd name="connsiteY43" fmla="*/ 1107281 h 1650237"/>
                <a:gd name="connsiteX44" fmla="*/ 2310791 w 4158640"/>
                <a:gd name="connsiteY44" fmla="*/ 988218 h 1650237"/>
                <a:gd name="connsiteX45" fmla="*/ 2365560 w 4158640"/>
                <a:gd name="connsiteY45" fmla="*/ 971550 h 1650237"/>
                <a:gd name="connsiteX46" fmla="*/ 2377466 w 4158640"/>
                <a:gd name="connsiteY46" fmla="*/ 952500 h 1650237"/>
                <a:gd name="connsiteX47" fmla="*/ 2441759 w 4158640"/>
                <a:gd name="connsiteY47" fmla="*/ 931068 h 1650237"/>
                <a:gd name="connsiteX48" fmla="*/ 2506052 w 4158640"/>
                <a:gd name="connsiteY48" fmla="*/ 909637 h 1650237"/>
                <a:gd name="connsiteX49" fmla="*/ 2667977 w 4158640"/>
                <a:gd name="connsiteY49" fmla="*/ 831056 h 1650237"/>
                <a:gd name="connsiteX50" fmla="*/ 2694171 w 4158640"/>
                <a:gd name="connsiteY50" fmla="*/ 814387 h 1650237"/>
                <a:gd name="connsiteX51" fmla="*/ 3168040 w 4158640"/>
                <a:gd name="connsiteY51" fmla="*/ 614362 h 1650237"/>
                <a:gd name="connsiteX52" fmla="*/ 4158640 w 4158640"/>
                <a:gd name="connsiteY52"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5027 w 4158640"/>
                <a:gd name="connsiteY40" fmla="*/ 1157288 h 1650237"/>
                <a:gd name="connsiteX41" fmla="*/ 1958364 w 4158640"/>
                <a:gd name="connsiteY41" fmla="*/ 1140618 h 1650237"/>
                <a:gd name="connsiteX42" fmla="*/ 2003609 w 4158640"/>
                <a:gd name="connsiteY42" fmla="*/ 1121568 h 1650237"/>
                <a:gd name="connsiteX43" fmla="*/ 2041709 w 4158640"/>
                <a:gd name="connsiteY43" fmla="*/ 1119187 h 1650237"/>
                <a:gd name="connsiteX44" fmla="*/ 2310791 w 4158640"/>
                <a:gd name="connsiteY44" fmla="*/ 988218 h 1650237"/>
                <a:gd name="connsiteX45" fmla="*/ 2365560 w 4158640"/>
                <a:gd name="connsiteY45" fmla="*/ 971550 h 1650237"/>
                <a:gd name="connsiteX46" fmla="*/ 2377466 w 4158640"/>
                <a:gd name="connsiteY46" fmla="*/ 952500 h 1650237"/>
                <a:gd name="connsiteX47" fmla="*/ 2441759 w 4158640"/>
                <a:gd name="connsiteY47" fmla="*/ 931068 h 1650237"/>
                <a:gd name="connsiteX48" fmla="*/ 2506052 w 4158640"/>
                <a:gd name="connsiteY48" fmla="*/ 909637 h 1650237"/>
                <a:gd name="connsiteX49" fmla="*/ 2667977 w 4158640"/>
                <a:gd name="connsiteY49" fmla="*/ 831056 h 1650237"/>
                <a:gd name="connsiteX50" fmla="*/ 2694171 w 4158640"/>
                <a:gd name="connsiteY50" fmla="*/ 814387 h 1650237"/>
                <a:gd name="connsiteX51" fmla="*/ 3168040 w 4158640"/>
                <a:gd name="connsiteY51" fmla="*/ 614362 h 1650237"/>
                <a:gd name="connsiteX52" fmla="*/ 4158640 w 4158640"/>
                <a:gd name="connsiteY52"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5027 w 4158640"/>
                <a:gd name="connsiteY40" fmla="*/ 1157288 h 1650237"/>
                <a:gd name="connsiteX41" fmla="*/ 1958364 w 4158640"/>
                <a:gd name="connsiteY41" fmla="*/ 1140618 h 1650237"/>
                <a:gd name="connsiteX42" fmla="*/ 2010753 w 4158640"/>
                <a:gd name="connsiteY42" fmla="*/ 1131093 h 1650237"/>
                <a:gd name="connsiteX43" fmla="*/ 2041709 w 4158640"/>
                <a:gd name="connsiteY43" fmla="*/ 1119187 h 1650237"/>
                <a:gd name="connsiteX44" fmla="*/ 2310791 w 4158640"/>
                <a:gd name="connsiteY44" fmla="*/ 988218 h 1650237"/>
                <a:gd name="connsiteX45" fmla="*/ 2365560 w 4158640"/>
                <a:gd name="connsiteY45" fmla="*/ 971550 h 1650237"/>
                <a:gd name="connsiteX46" fmla="*/ 2377466 w 4158640"/>
                <a:gd name="connsiteY46" fmla="*/ 952500 h 1650237"/>
                <a:gd name="connsiteX47" fmla="*/ 2441759 w 4158640"/>
                <a:gd name="connsiteY47" fmla="*/ 931068 h 1650237"/>
                <a:gd name="connsiteX48" fmla="*/ 2506052 w 4158640"/>
                <a:gd name="connsiteY48" fmla="*/ 909637 h 1650237"/>
                <a:gd name="connsiteX49" fmla="*/ 2667977 w 4158640"/>
                <a:gd name="connsiteY49" fmla="*/ 831056 h 1650237"/>
                <a:gd name="connsiteX50" fmla="*/ 2694171 w 4158640"/>
                <a:gd name="connsiteY50" fmla="*/ 814387 h 1650237"/>
                <a:gd name="connsiteX51" fmla="*/ 3168040 w 4158640"/>
                <a:gd name="connsiteY51" fmla="*/ 614362 h 1650237"/>
                <a:gd name="connsiteX52" fmla="*/ 4158640 w 4158640"/>
                <a:gd name="connsiteY52"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5027 w 4158640"/>
                <a:gd name="connsiteY40" fmla="*/ 1157288 h 1650237"/>
                <a:gd name="connsiteX41" fmla="*/ 1960746 w 4158640"/>
                <a:gd name="connsiteY41" fmla="*/ 1150143 h 1650237"/>
                <a:gd name="connsiteX42" fmla="*/ 2010753 w 4158640"/>
                <a:gd name="connsiteY42" fmla="*/ 1131093 h 1650237"/>
                <a:gd name="connsiteX43" fmla="*/ 2041709 w 4158640"/>
                <a:gd name="connsiteY43" fmla="*/ 1119187 h 1650237"/>
                <a:gd name="connsiteX44" fmla="*/ 2310791 w 4158640"/>
                <a:gd name="connsiteY44" fmla="*/ 988218 h 1650237"/>
                <a:gd name="connsiteX45" fmla="*/ 2365560 w 4158640"/>
                <a:gd name="connsiteY45" fmla="*/ 971550 h 1650237"/>
                <a:gd name="connsiteX46" fmla="*/ 2377466 w 4158640"/>
                <a:gd name="connsiteY46" fmla="*/ 952500 h 1650237"/>
                <a:gd name="connsiteX47" fmla="*/ 2441759 w 4158640"/>
                <a:gd name="connsiteY47" fmla="*/ 931068 h 1650237"/>
                <a:gd name="connsiteX48" fmla="*/ 2506052 w 4158640"/>
                <a:gd name="connsiteY48" fmla="*/ 909637 h 1650237"/>
                <a:gd name="connsiteX49" fmla="*/ 2667977 w 4158640"/>
                <a:gd name="connsiteY49" fmla="*/ 831056 h 1650237"/>
                <a:gd name="connsiteX50" fmla="*/ 2694171 w 4158640"/>
                <a:gd name="connsiteY50" fmla="*/ 814387 h 1650237"/>
                <a:gd name="connsiteX51" fmla="*/ 3168040 w 4158640"/>
                <a:gd name="connsiteY51" fmla="*/ 614362 h 1650237"/>
                <a:gd name="connsiteX52" fmla="*/ 4158640 w 4158640"/>
                <a:gd name="connsiteY52"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0746 w 4158640"/>
                <a:gd name="connsiteY41" fmla="*/ 1150143 h 1650237"/>
                <a:gd name="connsiteX42" fmla="*/ 2010753 w 4158640"/>
                <a:gd name="connsiteY42" fmla="*/ 1131093 h 1650237"/>
                <a:gd name="connsiteX43" fmla="*/ 2041709 w 4158640"/>
                <a:gd name="connsiteY43" fmla="*/ 1119187 h 1650237"/>
                <a:gd name="connsiteX44" fmla="*/ 2310791 w 4158640"/>
                <a:gd name="connsiteY44" fmla="*/ 988218 h 1650237"/>
                <a:gd name="connsiteX45" fmla="*/ 2365560 w 4158640"/>
                <a:gd name="connsiteY45" fmla="*/ 971550 h 1650237"/>
                <a:gd name="connsiteX46" fmla="*/ 2377466 w 4158640"/>
                <a:gd name="connsiteY46" fmla="*/ 952500 h 1650237"/>
                <a:gd name="connsiteX47" fmla="*/ 2441759 w 4158640"/>
                <a:gd name="connsiteY47" fmla="*/ 931068 h 1650237"/>
                <a:gd name="connsiteX48" fmla="*/ 2506052 w 4158640"/>
                <a:gd name="connsiteY48" fmla="*/ 909637 h 1650237"/>
                <a:gd name="connsiteX49" fmla="*/ 2667977 w 4158640"/>
                <a:gd name="connsiteY49" fmla="*/ 831056 h 1650237"/>
                <a:gd name="connsiteX50" fmla="*/ 2694171 w 4158640"/>
                <a:gd name="connsiteY50" fmla="*/ 814387 h 1650237"/>
                <a:gd name="connsiteX51" fmla="*/ 3168040 w 4158640"/>
                <a:gd name="connsiteY51" fmla="*/ 614362 h 1650237"/>
                <a:gd name="connsiteX52" fmla="*/ 4158640 w 4158640"/>
                <a:gd name="connsiteY52"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310791 w 4158640"/>
                <a:gd name="connsiteY44" fmla="*/ 988218 h 1650237"/>
                <a:gd name="connsiteX45" fmla="*/ 2365560 w 4158640"/>
                <a:gd name="connsiteY45" fmla="*/ 971550 h 1650237"/>
                <a:gd name="connsiteX46" fmla="*/ 2377466 w 4158640"/>
                <a:gd name="connsiteY46" fmla="*/ 952500 h 1650237"/>
                <a:gd name="connsiteX47" fmla="*/ 2441759 w 4158640"/>
                <a:gd name="connsiteY47" fmla="*/ 931068 h 1650237"/>
                <a:gd name="connsiteX48" fmla="*/ 2506052 w 4158640"/>
                <a:gd name="connsiteY48" fmla="*/ 909637 h 1650237"/>
                <a:gd name="connsiteX49" fmla="*/ 2667977 w 4158640"/>
                <a:gd name="connsiteY49" fmla="*/ 831056 h 1650237"/>
                <a:gd name="connsiteX50" fmla="*/ 2694171 w 4158640"/>
                <a:gd name="connsiteY50" fmla="*/ 814387 h 1650237"/>
                <a:gd name="connsiteX51" fmla="*/ 3168040 w 4158640"/>
                <a:gd name="connsiteY51" fmla="*/ 614362 h 1650237"/>
                <a:gd name="connsiteX52" fmla="*/ 4158640 w 4158640"/>
                <a:gd name="connsiteY52"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84571 w 4158640"/>
                <a:gd name="connsiteY44" fmla="*/ 1100137 h 1650237"/>
                <a:gd name="connsiteX45" fmla="*/ 2310791 w 4158640"/>
                <a:gd name="connsiteY45" fmla="*/ 988218 h 1650237"/>
                <a:gd name="connsiteX46" fmla="*/ 2365560 w 4158640"/>
                <a:gd name="connsiteY46" fmla="*/ 971550 h 1650237"/>
                <a:gd name="connsiteX47" fmla="*/ 2377466 w 4158640"/>
                <a:gd name="connsiteY47" fmla="*/ 952500 h 1650237"/>
                <a:gd name="connsiteX48" fmla="*/ 2441759 w 4158640"/>
                <a:gd name="connsiteY48" fmla="*/ 931068 h 1650237"/>
                <a:gd name="connsiteX49" fmla="*/ 2506052 w 4158640"/>
                <a:gd name="connsiteY49" fmla="*/ 909637 h 1650237"/>
                <a:gd name="connsiteX50" fmla="*/ 2667977 w 4158640"/>
                <a:gd name="connsiteY50" fmla="*/ 831056 h 1650237"/>
                <a:gd name="connsiteX51" fmla="*/ 2694171 w 4158640"/>
                <a:gd name="connsiteY51" fmla="*/ 814387 h 1650237"/>
                <a:gd name="connsiteX52" fmla="*/ 3168040 w 4158640"/>
                <a:gd name="connsiteY52" fmla="*/ 614362 h 1650237"/>
                <a:gd name="connsiteX53" fmla="*/ 4158640 w 4158640"/>
                <a:gd name="connsiteY53"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310791 w 4158640"/>
                <a:gd name="connsiteY45" fmla="*/ 988218 h 1650237"/>
                <a:gd name="connsiteX46" fmla="*/ 2365560 w 4158640"/>
                <a:gd name="connsiteY46" fmla="*/ 971550 h 1650237"/>
                <a:gd name="connsiteX47" fmla="*/ 2377466 w 4158640"/>
                <a:gd name="connsiteY47" fmla="*/ 952500 h 1650237"/>
                <a:gd name="connsiteX48" fmla="*/ 2441759 w 4158640"/>
                <a:gd name="connsiteY48" fmla="*/ 931068 h 1650237"/>
                <a:gd name="connsiteX49" fmla="*/ 2506052 w 4158640"/>
                <a:gd name="connsiteY49" fmla="*/ 909637 h 1650237"/>
                <a:gd name="connsiteX50" fmla="*/ 2667977 w 4158640"/>
                <a:gd name="connsiteY50" fmla="*/ 831056 h 1650237"/>
                <a:gd name="connsiteX51" fmla="*/ 2694171 w 4158640"/>
                <a:gd name="connsiteY51" fmla="*/ 814387 h 1650237"/>
                <a:gd name="connsiteX52" fmla="*/ 3168040 w 4158640"/>
                <a:gd name="connsiteY52" fmla="*/ 614362 h 1650237"/>
                <a:gd name="connsiteX53" fmla="*/ 4158640 w 4158640"/>
                <a:gd name="connsiteY53"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22671 w 4158640"/>
                <a:gd name="connsiteY45" fmla="*/ 1088231 h 1650237"/>
                <a:gd name="connsiteX46" fmla="*/ 2310791 w 4158640"/>
                <a:gd name="connsiteY46" fmla="*/ 988218 h 1650237"/>
                <a:gd name="connsiteX47" fmla="*/ 2365560 w 4158640"/>
                <a:gd name="connsiteY47" fmla="*/ 971550 h 1650237"/>
                <a:gd name="connsiteX48" fmla="*/ 2377466 w 4158640"/>
                <a:gd name="connsiteY48" fmla="*/ 952500 h 1650237"/>
                <a:gd name="connsiteX49" fmla="*/ 2441759 w 4158640"/>
                <a:gd name="connsiteY49" fmla="*/ 931068 h 1650237"/>
                <a:gd name="connsiteX50" fmla="*/ 2506052 w 4158640"/>
                <a:gd name="connsiteY50" fmla="*/ 909637 h 1650237"/>
                <a:gd name="connsiteX51" fmla="*/ 2667977 w 4158640"/>
                <a:gd name="connsiteY51" fmla="*/ 831056 h 1650237"/>
                <a:gd name="connsiteX52" fmla="*/ 2694171 w 4158640"/>
                <a:gd name="connsiteY52" fmla="*/ 814387 h 1650237"/>
                <a:gd name="connsiteX53" fmla="*/ 3168040 w 4158640"/>
                <a:gd name="connsiteY53" fmla="*/ 614362 h 1650237"/>
                <a:gd name="connsiteX54" fmla="*/ 4158640 w 4158640"/>
                <a:gd name="connsiteY5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310791 w 4158640"/>
                <a:gd name="connsiteY46" fmla="*/ 988218 h 1650237"/>
                <a:gd name="connsiteX47" fmla="*/ 2365560 w 4158640"/>
                <a:gd name="connsiteY47" fmla="*/ 971550 h 1650237"/>
                <a:gd name="connsiteX48" fmla="*/ 2377466 w 4158640"/>
                <a:gd name="connsiteY48" fmla="*/ 952500 h 1650237"/>
                <a:gd name="connsiteX49" fmla="*/ 2441759 w 4158640"/>
                <a:gd name="connsiteY49" fmla="*/ 931068 h 1650237"/>
                <a:gd name="connsiteX50" fmla="*/ 2506052 w 4158640"/>
                <a:gd name="connsiteY50" fmla="*/ 909637 h 1650237"/>
                <a:gd name="connsiteX51" fmla="*/ 2667977 w 4158640"/>
                <a:gd name="connsiteY51" fmla="*/ 831056 h 1650237"/>
                <a:gd name="connsiteX52" fmla="*/ 2694171 w 4158640"/>
                <a:gd name="connsiteY52" fmla="*/ 814387 h 1650237"/>
                <a:gd name="connsiteX53" fmla="*/ 3168040 w 4158640"/>
                <a:gd name="connsiteY53" fmla="*/ 614362 h 1650237"/>
                <a:gd name="connsiteX54" fmla="*/ 4158640 w 4158640"/>
                <a:gd name="connsiteY5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310791 w 4158640"/>
                <a:gd name="connsiteY47" fmla="*/ 988218 h 1650237"/>
                <a:gd name="connsiteX48" fmla="*/ 2365560 w 4158640"/>
                <a:gd name="connsiteY48" fmla="*/ 971550 h 1650237"/>
                <a:gd name="connsiteX49" fmla="*/ 2377466 w 4158640"/>
                <a:gd name="connsiteY49" fmla="*/ 952500 h 1650237"/>
                <a:gd name="connsiteX50" fmla="*/ 2441759 w 4158640"/>
                <a:gd name="connsiteY50" fmla="*/ 931068 h 1650237"/>
                <a:gd name="connsiteX51" fmla="*/ 2506052 w 4158640"/>
                <a:gd name="connsiteY51" fmla="*/ 909637 h 1650237"/>
                <a:gd name="connsiteX52" fmla="*/ 2667977 w 4158640"/>
                <a:gd name="connsiteY52" fmla="*/ 831056 h 1650237"/>
                <a:gd name="connsiteX53" fmla="*/ 2694171 w 4158640"/>
                <a:gd name="connsiteY53" fmla="*/ 814387 h 1650237"/>
                <a:gd name="connsiteX54" fmla="*/ 3168040 w 4158640"/>
                <a:gd name="connsiteY54" fmla="*/ 614362 h 1650237"/>
                <a:gd name="connsiteX55" fmla="*/ 4158640 w 4158640"/>
                <a:gd name="connsiteY5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310791 w 4158640"/>
                <a:gd name="connsiteY48" fmla="*/ 988218 h 1650237"/>
                <a:gd name="connsiteX49" fmla="*/ 2365560 w 4158640"/>
                <a:gd name="connsiteY49" fmla="*/ 971550 h 1650237"/>
                <a:gd name="connsiteX50" fmla="*/ 2377466 w 4158640"/>
                <a:gd name="connsiteY50" fmla="*/ 952500 h 1650237"/>
                <a:gd name="connsiteX51" fmla="*/ 2441759 w 4158640"/>
                <a:gd name="connsiteY51" fmla="*/ 931068 h 1650237"/>
                <a:gd name="connsiteX52" fmla="*/ 2506052 w 4158640"/>
                <a:gd name="connsiteY52" fmla="*/ 909637 h 1650237"/>
                <a:gd name="connsiteX53" fmla="*/ 2667977 w 4158640"/>
                <a:gd name="connsiteY53" fmla="*/ 831056 h 1650237"/>
                <a:gd name="connsiteX54" fmla="*/ 2694171 w 4158640"/>
                <a:gd name="connsiteY54" fmla="*/ 814387 h 1650237"/>
                <a:gd name="connsiteX55" fmla="*/ 3168040 w 4158640"/>
                <a:gd name="connsiteY55" fmla="*/ 614362 h 1650237"/>
                <a:gd name="connsiteX56" fmla="*/ 4158640 w 4158640"/>
                <a:gd name="connsiteY5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310791 w 4158640"/>
                <a:gd name="connsiteY48" fmla="*/ 988218 h 1650237"/>
                <a:gd name="connsiteX49" fmla="*/ 2198871 w 4158640"/>
                <a:gd name="connsiteY49" fmla="*/ 1059656 h 1650237"/>
                <a:gd name="connsiteX50" fmla="*/ 2365560 w 4158640"/>
                <a:gd name="connsiteY50" fmla="*/ 971550 h 1650237"/>
                <a:gd name="connsiteX51" fmla="*/ 2377466 w 4158640"/>
                <a:gd name="connsiteY51" fmla="*/ 952500 h 1650237"/>
                <a:gd name="connsiteX52" fmla="*/ 2441759 w 4158640"/>
                <a:gd name="connsiteY52" fmla="*/ 931068 h 1650237"/>
                <a:gd name="connsiteX53" fmla="*/ 2506052 w 4158640"/>
                <a:gd name="connsiteY53" fmla="*/ 909637 h 1650237"/>
                <a:gd name="connsiteX54" fmla="*/ 2667977 w 4158640"/>
                <a:gd name="connsiteY54" fmla="*/ 831056 h 1650237"/>
                <a:gd name="connsiteX55" fmla="*/ 2694171 w 4158640"/>
                <a:gd name="connsiteY55" fmla="*/ 814387 h 1650237"/>
                <a:gd name="connsiteX56" fmla="*/ 3168040 w 4158640"/>
                <a:gd name="connsiteY56" fmla="*/ 614362 h 1650237"/>
                <a:gd name="connsiteX57" fmla="*/ 4158640 w 4158640"/>
                <a:gd name="connsiteY5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310791 w 4158640"/>
                <a:gd name="connsiteY48" fmla="*/ 988218 h 1650237"/>
                <a:gd name="connsiteX49" fmla="*/ 2198871 w 4158640"/>
                <a:gd name="connsiteY49" fmla="*/ 1059656 h 1650237"/>
                <a:gd name="connsiteX50" fmla="*/ 2232209 w 4158640"/>
                <a:gd name="connsiteY50" fmla="*/ 1040606 h 1650237"/>
                <a:gd name="connsiteX51" fmla="*/ 2365560 w 4158640"/>
                <a:gd name="connsiteY51" fmla="*/ 971550 h 1650237"/>
                <a:gd name="connsiteX52" fmla="*/ 2377466 w 4158640"/>
                <a:gd name="connsiteY52" fmla="*/ 952500 h 1650237"/>
                <a:gd name="connsiteX53" fmla="*/ 2441759 w 4158640"/>
                <a:gd name="connsiteY53" fmla="*/ 931068 h 1650237"/>
                <a:gd name="connsiteX54" fmla="*/ 2506052 w 4158640"/>
                <a:gd name="connsiteY54" fmla="*/ 909637 h 1650237"/>
                <a:gd name="connsiteX55" fmla="*/ 2667977 w 4158640"/>
                <a:gd name="connsiteY55" fmla="*/ 831056 h 1650237"/>
                <a:gd name="connsiteX56" fmla="*/ 2694171 w 4158640"/>
                <a:gd name="connsiteY56" fmla="*/ 814387 h 1650237"/>
                <a:gd name="connsiteX57" fmla="*/ 3168040 w 4158640"/>
                <a:gd name="connsiteY57" fmla="*/ 614362 h 1650237"/>
                <a:gd name="connsiteX58" fmla="*/ 4158640 w 4158640"/>
                <a:gd name="connsiteY5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310791 w 4158640"/>
                <a:gd name="connsiteY48" fmla="*/ 988218 h 1650237"/>
                <a:gd name="connsiteX49" fmla="*/ 2198871 w 4158640"/>
                <a:gd name="connsiteY49" fmla="*/ 1059656 h 1650237"/>
                <a:gd name="connsiteX50" fmla="*/ 2241734 w 4158640"/>
                <a:gd name="connsiteY50" fmla="*/ 1045368 h 1650237"/>
                <a:gd name="connsiteX51" fmla="*/ 2365560 w 4158640"/>
                <a:gd name="connsiteY51" fmla="*/ 971550 h 1650237"/>
                <a:gd name="connsiteX52" fmla="*/ 2377466 w 4158640"/>
                <a:gd name="connsiteY52" fmla="*/ 952500 h 1650237"/>
                <a:gd name="connsiteX53" fmla="*/ 2441759 w 4158640"/>
                <a:gd name="connsiteY53" fmla="*/ 931068 h 1650237"/>
                <a:gd name="connsiteX54" fmla="*/ 2506052 w 4158640"/>
                <a:gd name="connsiteY54" fmla="*/ 909637 h 1650237"/>
                <a:gd name="connsiteX55" fmla="*/ 2667977 w 4158640"/>
                <a:gd name="connsiteY55" fmla="*/ 831056 h 1650237"/>
                <a:gd name="connsiteX56" fmla="*/ 2694171 w 4158640"/>
                <a:gd name="connsiteY56" fmla="*/ 814387 h 1650237"/>
                <a:gd name="connsiteX57" fmla="*/ 3168040 w 4158640"/>
                <a:gd name="connsiteY57" fmla="*/ 614362 h 1650237"/>
                <a:gd name="connsiteX58" fmla="*/ 4158640 w 4158640"/>
                <a:gd name="connsiteY5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365560 w 4158640"/>
                <a:gd name="connsiteY50" fmla="*/ 971550 h 1650237"/>
                <a:gd name="connsiteX51" fmla="*/ 2377466 w 4158640"/>
                <a:gd name="connsiteY51" fmla="*/ 952500 h 1650237"/>
                <a:gd name="connsiteX52" fmla="*/ 2441759 w 4158640"/>
                <a:gd name="connsiteY52" fmla="*/ 931068 h 1650237"/>
                <a:gd name="connsiteX53" fmla="*/ 2506052 w 4158640"/>
                <a:gd name="connsiteY53" fmla="*/ 909637 h 1650237"/>
                <a:gd name="connsiteX54" fmla="*/ 2667977 w 4158640"/>
                <a:gd name="connsiteY54" fmla="*/ 831056 h 1650237"/>
                <a:gd name="connsiteX55" fmla="*/ 2694171 w 4158640"/>
                <a:gd name="connsiteY55" fmla="*/ 814387 h 1650237"/>
                <a:gd name="connsiteX56" fmla="*/ 3168040 w 4158640"/>
                <a:gd name="connsiteY56" fmla="*/ 614362 h 1650237"/>
                <a:gd name="connsiteX57" fmla="*/ 4158640 w 4158640"/>
                <a:gd name="connsiteY5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365560 w 4158640"/>
                <a:gd name="connsiteY50" fmla="*/ 971550 h 1650237"/>
                <a:gd name="connsiteX51" fmla="*/ 2441759 w 4158640"/>
                <a:gd name="connsiteY51" fmla="*/ 931068 h 1650237"/>
                <a:gd name="connsiteX52" fmla="*/ 2506052 w 4158640"/>
                <a:gd name="connsiteY52" fmla="*/ 909637 h 1650237"/>
                <a:gd name="connsiteX53" fmla="*/ 2667977 w 4158640"/>
                <a:gd name="connsiteY53" fmla="*/ 831056 h 1650237"/>
                <a:gd name="connsiteX54" fmla="*/ 2694171 w 4158640"/>
                <a:gd name="connsiteY54" fmla="*/ 814387 h 1650237"/>
                <a:gd name="connsiteX55" fmla="*/ 3168040 w 4158640"/>
                <a:gd name="connsiteY55" fmla="*/ 614362 h 1650237"/>
                <a:gd name="connsiteX56" fmla="*/ 4158640 w 4158640"/>
                <a:gd name="connsiteY5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441759 w 4158640"/>
                <a:gd name="connsiteY50" fmla="*/ 931068 h 1650237"/>
                <a:gd name="connsiteX51" fmla="*/ 2506052 w 4158640"/>
                <a:gd name="connsiteY51" fmla="*/ 909637 h 1650237"/>
                <a:gd name="connsiteX52" fmla="*/ 2667977 w 4158640"/>
                <a:gd name="connsiteY52" fmla="*/ 831056 h 1650237"/>
                <a:gd name="connsiteX53" fmla="*/ 2694171 w 4158640"/>
                <a:gd name="connsiteY53" fmla="*/ 814387 h 1650237"/>
                <a:gd name="connsiteX54" fmla="*/ 3168040 w 4158640"/>
                <a:gd name="connsiteY54" fmla="*/ 614362 h 1650237"/>
                <a:gd name="connsiteX55" fmla="*/ 4158640 w 4158640"/>
                <a:gd name="connsiteY5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3165 w 4158640"/>
                <a:gd name="connsiteY50" fmla="*/ 1035843 h 1650237"/>
                <a:gd name="connsiteX51" fmla="*/ 2441759 w 4158640"/>
                <a:gd name="connsiteY51" fmla="*/ 931068 h 1650237"/>
                <a:gd name="connsiteX52" fmla="*/ 2506052 w 4158640"/>
                <a:gd name="connsiteY52" fmla="*/ 909637 h 1650237"/>
                <a:gd name="connsiteX53" fmla="*/ 2667977 w 4158640"/>
                <a:gd name="connsiteY53" fmla="*/ 831056 h 1650237"/>
                <a:gd name="connsiteX54" fmla="*/ 2694171 w 4158640"/>
                <a:gd name="connsiteY54" fmla="*/ 814387 h 1650237"/>
                <a:gd name="connsiteX55" fmla="*/ 3168040 w 4158640"/>
                <a:gd name="connsiteY55" fmla="*/ 614362 h 1650237"/>
                <a:gd name="connsiteX56" fmla="*/ 4158640 w 4158640"/>
                <a:gd name="connsiteY5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441759 w 4158640"/>
                <a:gd name="connsiteY51" fmla="*/ 931068 h 1650237"/>
                <a:gd name="connsiteX52" fmla="*/ 2506052 w 4158640"/>
                <a:gd name="connsiteY52" fmla="*/ 909637 h 1650237"/>
                <a:gd name="connsiteX53" fmla="*/ 2667977 w 4158640"/>
                <a:gd name="connsiteY53" fmla="*/ 831056 h 1650237"/>
                <a:gd name="connsiteX54" fmla="*/ 2694171 w 4158640"/>
                <a:gd name="connsiteY54" fmla="*/ 814387 h 1650237"/>
                <a:gd name="connsiteX55" fmla="*/ 3168040 w 4158640"/>
                <a:gd name="connsiteY55" fmla="*/ 614362 h 1650237"/>
                <a:gd name="connsiteX56" fmla="*/ 4158640 w 4158640"/>
                <a:gd name="connsiteY5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441759 w 4158640"/>
                <a:gd name="connsiteY51" fmla="*/ 931068 h 1650237"/>
                <a:gd name="connsiteX52" fmla="*/ 2286978 w 4158640"/>
                <a:gd name="connsiteY52" fmla="*/ 1014412 h 1650237"/>
                <a:gd name="connsiteX53" fmla="*/ 2506052 w 4158640"/>
                <a:gd name="connsiteY53" fmla="*/ 909637 h 1650237"/>
                <a:gd name="connsiteX54" fmla="*/ 2667977 w 4158640"/>
                <a:gd name="connsiteY54" fmla="*/ 831056 h 1650237"/>
                <a:gd name="connsiteX55" fmla="*/ 2694171 w 4158640"/>
                <a:gd name="connsiteY55" fmla="*/ 814387 h 1650237"/>
                <a:gd name="connsiteX56" fmla="*/ 3168040 w 4158640"/>
                <a:gd name="connsiteY56" fmla="*/ 614362 h 1650237"/>
                <a:gd name="connsiteX57" fmla="*/ 4158640 w 4158640"/>
                <a:gd name="connsiteY5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441759 w 4158640"/>
                <a:gd name="connsiteY51" fmla="*/ 931068 h 1650237"/>
                <a:gd name="connsiteX52" fmla="*/ 2286978 w 4158640"/>
                <a:gd name="connsiteY52" fmla="*/ 1014412 h 1650237"/>
                <a:gd name="connsiteX53" fmla="*/ 2329840 w 4158640"/>
                <a:gd name="connsiteY53" fmla="*/ 992981 h 1650237"/>
                <a:gd name="connsiteX54" fmla="*/ 2506052 w 4158640"/>
                <a:gd name="connsiteY54" fmla="*/ 909637 h 1650237"/>
                <a:gd name="connsiteX55" fmla="*/ 2667977 w 4158640"/>
                <a:gd name="connsiteY55" fmla="*/ 831056 h 1650237"/>
                <a:gd name="connsiteX56" fmla="*/ 2694171 w 4158640"/>
                <a:gd name="connsiteY56" fmla="*/ 814387 h 1650237"/>
                <a:gd name="connsiteX57" fmla="*/ 3168040 w 4158640"/>
                <a:gd name="connsiteY57" fmla="*/ 614362 h 1650237"/>
                <a:gd name="connsiteX58" fmla="*/ 4158640 w 4158640"/>
                <a:gd name="connsiteY5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441759 w 4158640"/>
                <a:gd name="connsiteY51" fmla="*/ 931068 h 1650237"/>
                <a:gd name="connsiteX52" fmla="*/ 2286978 w 4158640"/>
                <a:gd name="connsiteY52" fmla="*/ 1014412 h 1650237"/>
                <a:gd name="connsiteX53" fmla="*/ 2310790 w 4158640"/>
                <a:gd name="connsiteY53" fmla="*/ 1002506 h 1650237"/>
                <a:gd name="connsiteX54" fmla="*/ 2506052 w 4158640"/>
                <a:gd name="connsiteY54" fmla="*/ 909637 h 1650237"/>
                <a:gd name="connsiteX55" fmla="*/ 2667977 w 4158640"/>
                <a:gd name="connsiteY55" fmla="*/ 831056 h 1650237"/>
                <a:gd name="connsiteX56" fmla="*/ 2694171 w 4158640"/>
                <a:gd name="connsiteY56" fmla="*/ 814387 h 1650237"/>
                <a:gd name="connsiteX57" fmla="*/ 3168040 w 4158640"/>
                <a:gd name="connsiteY57" fmla="*/ 614362 h 1650237"/>
                <a:gd name="connsiteX58" fmla="*/ 4158640 w 4158640"/>
                <a:gd name="connsiteY5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441759 w 4158640"/>
                <a:gd name="connsiteY51" fmla="*/ 931068 h 1650237"/>
                <a:gd name="connsiteX52" fmla="*/ 2286978 w 4158640"/>
                <a:gd name="connsiteY52" fmla="*/ 1014412 h 1650237"/>
                <a:gd name="connsiteX53" fmla="*/ 2310790 w 4158640"/>
                <a:gd name="connsiteY53" fmla="*/ 1002506 h 1650237"/>
                <a:gd name="connsiteX54" fmla="*/ 2341746 w 4158640"/>
                <a:gd name="connsiteY54" fmla="*/ 983456 h 1650237"/>
                <a:gd name="connsiteX55" fmla="*/ 2506052 w 4158640"/>
                <a:gd name="connsiteY55" fmla="*/ 909637 h 1650237"/>
                <a:gd name="connsiteX56" fmla="*/ 2667977 w 4158640"/>
                <a:gd name="connsiteY56" fmla="*/ 831056 h 1650237"/>
                <a:gd name="connsiteX57" fmla="*/ 2694171 w 4158640"/>
                <a:gd name="connsiteY57" fmla="*/ 814387 h 1650237"/>
                <a:gd name="connsiteX58" fmla="*/ 3168040 w 4158640"/>
                <a:gd name="connsiteY58" fmla="*/ 614362 h 1650237"/>
                <a:gd name="connsiteX59" fmla="*/ 4158640 w 4158640"/>
                <a:gd name="connsiteY5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441759 w 4158640"/>
                <a:gd name="connsiteY51" fmla="*/ 931068 h 1650237"/>
                <a:gd name="connsiteX52" fmla="*/ 2286978 w 4158640"/>
                <a:gd name="connsiteY52" fmla="*/ 1014412 h 1650237"/>
                <a:gd name="connsiteX53" fmla="*/ 2310790 w 4158640"/>
                <a:gd name="connsiteY53" fmla="*/ 1002506 h 1650237"/>
                <a:gd name="connsiteX54" fmla="*/ 2341746 w 4158640"/>
                <a:gd name="connsiteY54" fmla="*/ 983456 h 1650237"/>
                <a:gd name="connsiteX55" fmla="*/ 2367940 w 4158640"/>
                <a:gd name="connsiteY55" fmla="*/ 973931 h 1650237"/>
                <a:gd name="connsiteX56" fmla="*/ 2506052 w 4158640"/>
                <a:gd name="connsiteY56" fmla="*/ 909637 h 1650237"/>
                <a:gd name="connsiteX57" fmla="*/ 2667977 w 4158640"/>
                <a:gd name="connsiteY57" fmla="*/ 831056 h 1650237"/>
                <a:gd name="connsiteX58" fmla="*/ 2694171 w 4158640"/>
                <a:gd name="connsiteY58" fmla="*/ 814387 h 1650237"/>
                <a:gd name="connsiteX59" fmla="*/ 3168040 w 4158640"/>
                <a:gd name="connsiteY59" fmla="*/ 614362 h 1650237"/>
                <a:gd name="connsiteX60" fmla="*/ 4158640 w 4158640"/>
                <a:gd name="connsiteY6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441759 w 4158640"/>
                <a:gd name="connsiteY51" fmla="*/ 931068 h 1650237"/>
                <a:gd name="connsiteX52" fmla="*/ 2286978 w 4158640"/>
                <a:gd name="connsiteY52" fmla="*/ 1014412 h 1650237"/>
                <a:gd name="connsiteX53" fmla="*/ 2310790 w 4158640"/>
                <a:gd name="connsiteY53" fmla="*/ 1002506 h 1650237"/>
                <a:gd name="connsiteX54" fmla="*/ 2341746 w 4158640"/>
                <a:gd name="connsiteY54" fmla="*/ 983456 h 1650237"/>
                <a:gd name="connsiteX55" fmla="*/ 2367940 w 4158640"/>
                <a:gd name="connsiteY55" fmla="*/ 973931 h 1650237"/>
                <a:gd name="connsiteX56" fmla="*/ 2384609 w 4158640"/>
                <a:gd name="connsiteY56" fmla="*/ 964406 h 1650237"/>
                <a:gd name="connsiteX57" fmla="*/ 2506052 w 4158640"/>
                <a:gd name="connsiteY57" fmla="*/ 909637 h 1650237"/>
                <a:gd name="connsiteX58" fmla="*/ 2667977 w 4158640"/>
                <a:gd name="connsiteY58" fmla="*/ 831056 h 1650237"/>
                <a:gd name="connsiteX59" fmla="*/ 2694171 w 4158640"/>
                <a:gd name="connsiteY59" fmla="*/ 814387 h 1650237"/>
                <a:gd name="connsiteX60" fmla="*/ 3168040 w 4158640"/>
                <a:gd name="connsiteY60" fmla="*/ 614362 h 1650237"/>
                <a:gd name="connsiteX61" fmla="*/ 4158640 w 4158640"/>
                <a:gd name="connsiteY61"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73931 h 1650237"/>
                <a:gd name="connsiteX55" fmla="*/ 2384609 w 4158640"/>
                <a:gd name="connsiteY55" fmla="*/ 964406 h 1650237"/>
                <a:gd name="connsiteX56" fmla="*/ 2506052 w 4158640"/>
                <a:gd name="connsiteY56" fmla="*/ 909637 h 1650237"/>
                <a:gd name="connsiteX57" fmla="*/ 2667977 w 4158640"/>
                <a:gd name="connsiteY57" fmla="*/ 831056 h 1650237"/>
                <a:gd name="connsiteX58" fmla="*/ 2694171 w 4158640"/>
                <a:gd name="connsiteY58" fmla="*/ 814387 h 1650237"/>
                <a:gd name="connsiteX59" fmla="*/ 3168040 w 4158640"/>
                <a:gd name="connsiteY59" fmla="*/ 614362 h 1650237"/>
                <a:gd name="connsiteX60" fmla="*/ 4158640 w 4158640"/>
                <a:gd name="connsiteY6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73931 h 1650237"/>
                <a:gd name="connsiteX55" fmla="*/ 2384609 w 4158640"/>
                <a:gd name="connsiteY55" fmla="*/ 964406 h 1650237"/>
                <a:gd name="connsiteX56" fmla="*/ 2667977 w 4158640"/>
                <a:gd name="connsiteY56" fmla="*/ 831056 h 1650237"/>
                <a:gd name="connsiteX57" fmla="*/ 2694171 w 4158640"/>
                <a:gd name="connsiteY57" fmla="*/ 814387 h 1650237"/>
                <a:gd name="connsiteX58" fmla="*/ 3168040 w 4158640"/>
                <a:gd name="connsiteY58" fmla="*/ 614362 h 1650237"/>
                <a:gd name="connsiteX59" fmla="*/ 4158640 w 4158640"/>
                <a:gd name="connsiteY5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73931 h 1650237"/>
                <a:gd name="connsiteX55" fmla="*/ 2384609 w 4158640"/>
                <a:gd name="connsiteY55" fmla="*/ 964406 h 1650237"/>
                <a:gd name="connsiteX56" fmla="*/ 2413184 w 4158640"/>
                <a:gd name="connsiteY56" fmla="*/ 952500 h 1650237"/>
                <a:gd name="connsiteX57" fmla="*/ 2667977 w 4158640"/>
                <a:gd name="connsiteY57" fmla="*/ 831056 h 1650237"/>
                <a:gd name="connsiteX58" fmla="*/ 2694171 w 4158640"/>
                <a:gd name="connsiteY58" fmla="*/ 814387 h 1650237"/>
                <a:gd name="connsiteX59" fmla="*/ 3168040 w 4158640"/>
                <a:gd name="connsiteY59" fmla="*/ 614362 h 1650237"/>
                <a:gd name="connsiteX60" fmla="*/ 4158640 w 4158640"/>
                <a:gd name="connsiteY6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64406 h 1650237"/>
                <a:gd name="connsiteX56" fmla="*/ 2413184 w 4158640"/>
                <a:gd name="connsiteY56" fmla="*/ 952500 h 1650237"/>
                <a:gd name="connsiteX57" fmla="*/ 2667977 w 4158640"/>
                <a:gd name="connsiteY57" fmla="*/ 831056 h 1650237"/>
                <a:gd name="connsiteX58" fmla="*/ 2694171 w 4158640"/>
                <a:gd name="connsiteY58" fmla="*/ 814387 h 1650237"/>
                <a:gd name="connsiteX59" fmla="*/ 3168040 w 4158640"/>
                <a:gd name="connsiteY59" fmla="*/ 614362 h 1650237"/>
                <a:gd name="connsiteX60" fmla="*/ 4158640 w 4158640"/>
                <a:gd name="connsiteY6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3184 w 4158640"/>
                <a:gd name="connsiteY56" fmla="*/ 952500 h 1650237"/>
                <a:gd name="connsiteX57" fmla="*/ 2667977 w 4158640"/>
                <a:gd name="connsiteY57" fmla="*/ 831056 h 1650237"/>
                <a:gd name="connsiteX58" fmla="*/ 2694171 w 4158640"/>
                <a:gd name="connsiteY58" fmla="*/ 814387 h 1650237"/>
                <a:gd name="connsiteX59" fmla="*/ 3168040 w 4158640"/>
                <a:gd name="connsiteY59" fmla="*/ 614362 h 1650237"/>
                <a:gd name="connsiteX60" fmla="*/ 4158640 w 4158640"/>
                <a:gd name="connsiteY6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667977 w 4158640"/>
                <a:gd name="connsiteY57" fmla="*/ 831056 h 1650237"/>
                <a:gd name="connsiteX58" fmla="*/ 2694171 w 4158640"/>
                <a:gd name="connsiteY58" fmla="*/ 814387 h 1650237"/>
                <a:gd name="connsiteX59" fmla="*/ 3168040 w 4158640"/>
                <a:gd name="connsiteY59" fmla="*/ 614362 h 1650237"/>
                <a:gd name="connsiteX60" fmla="*/ 4158640 w 4158640"/>
                <a:gd name="connsiteY6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44140 w 4158640"/>
                <a:gd name="connsiteY57" fmla="*/ 928687 h 1650237"/>
                <a:gd name="connsiteX58" fmla="*/ 2667977 w 4158640"/>
                <a:gd name="connsiteY58" fmla="*/ 831056 h 1650237"/>
                <a:gd name="connsiteX59" fmla="*/ 2694171 w 4158640"/>
                <a:gd name="connsiteY59" fmla="*/ 814387 h 1650237"/>
                <a:gd name="connsiteX60" fmla="*/ 3168040 w 4158640"/>
                <a:gd name="connsiteY60" fmla="*/ 614362 h 1650237"/>
                <a:gd name="connsiteX61" fmla="*/ 4158640 w 4158640"/>
                <a:gd name="connsiteY61"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667977 w 4158640"/>
                <a:gd name="connsiteY58" fmla="*/ 831056 h 1650237"/>
                <a:gd name="connsiteX59" fmla="*/ 2694171 w 4158640"/>
                <a:gd name="connsiteY59" fmla="*/ 814387 h 1650237"/>
                <a:gd name="connsiteX60" fmla="*/ 3168040 w 4158640"/>
                <a:gd name="connsiteY60" fmla="*/ 614362 h 1650237"/>
                <a:gd name="connsiteX61" fmla="*/ 4158640 w 4158640"/>
                <a:gd name="connsiteY61"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667977 w 4158640"/>
                <a:gd name="connsiteY59" fmla="*/ 831056 h 1650237"/>
                <a:gd name="connsiteX60" fmla="*/ 2694171 w 4158640"/>
                <a:gd name="connsiteY60" fmla="*/ 814387 h 1650237"/>
                <a:gd name="connsiteX61" fmla="*/ 3168040 w 4158640"/>
                <a:gd name="connsiteY61" fmla="*/ 614362 h 1650237"/>
                <a:gd name="connsiteX62" fmla="*/ 4158640 w 4158640"/>
                <a:gd name="connsiteY62"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09637 h 1650237"/>
                <a:gd name="connsiteX60" fmla="*/ 2667977 w 4158640"/>
                <a:gd name="connsiteY60" fmla="*/ 831056 h 1650237"/>
                <a:gd name="connsiteX61" fmla="*/ 2694171 w 4158640"/>
                <a:gd name="connsiteY61" fmla="*/ 814387 h 1650237"/>
                <a:gd name="connsiteX62" fmla="*/ 3168040 w 4158640"/>
                <a:gd name="connsiteY62" fmla="*/ 614362 h 1650237"/>
                <a:gd name="connsiteX63" fmla="*/ 4158640 w 4158640"/>
                <a:gd name="connsiteY63"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09637 h 1650237"/>
                <a:gd name="connsiteX60" fmla="*/ 2527484 w 4158640"/>
                <a:gd name="connsiteY60" fmla="*/ 897731 h 1650237"/>
                <a:gd name="connsiteX61" fmla="*/ 2667977 w 4158640"/>
                <a:gd name="connsiteY61" fmla="*/ 831056 h 1650237"/>
                <a:gd name="connsiteX62" fmla="*/ 2694171 w 4158640"/>
                <a:gd name="connsiteY62" fmla="*/ 814387 h 1650237"/>
                <a:gd name="connsiteX63" fmla="*/ 3168040 w 4158640"/>
                <a:gd name="connsiteY63" fmla="*/ 614362 h 1650237"/>
                <a:gd name="connsiteX64" fmla="*/ 4158640 w 4158640"/>
                <a:gd name="connsiteY6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09637 h 1650237"/>
                <a:gd name="connsiteX60" fmla="*/ 2527484 w 4158640"/>
                <a:gd name="connsiteY60" fmla="*/ 897731 h 1650237"/>
                <a:gd name="connsiteX61" fmla="*/ 2551296 w 4158640"/>
                <a:gd name="connsiteY61" fmla="*/ 883443 h 1650237"/>
                <a:gd name="connsiteX62" fmla="*/ 2667977 w 4158640"/>
                <a:gd name="connsiteY62" fmla="*/ 831056 h 1650237"/>
                <a:gd name="connsiteX63" fmla="*/ 2694171 w 4158640"/>
                <a:gd name="connsiteY63" fmla="*/ 814387 h 1650237"/>
                <a:gd name="connsiteX64" fmla="*/ 3168040 w 4158640"/>
                <a:gd name="connsiteY64" fmla="*/ 614362 h 1650237"/>
                <a:gd name="connsiteX65" fmla="*/ 4158640 w 4158640"/>
                <a:gd name="connsiteY6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09637 h 1650237"/>
                <a:gd name="connsiteX60" fmla="*/ 2527484 w 4158640"/>
                <a:gd name="connsiteY60" fmla="*/ 897731 h 1650237"/>
                <a:gd name="connsiteX61" fmla="*/ 2551296 w 4158640"/>
                <a:gd name="connsiteY61" fmla="*/ 883443 h 1650237"/>
                <a:gd name="connsiteX62" fmla="*/ 2567965 w 4158640"/>
                <a:gd name="connsiteY62" fmla="*/ 871537 h 1650237"/>
                <a:gd name="connsiteX63" fmla="*/ 2667977 w 4158640"/>
                <a:gd name="connsiteY63" fmla="*/ 831056 h 1650237"/>
                <a:gd name="connsiteX64" fmla="*/ 2694171 w 4158640"/>
                <a:gd name="connsiteY64" fmla="*/ 814387 h 1650237"/>
                <a:gd name="connsiteX65" fmla="*/ 3168040 w 4158640"/>
                <a:gd name="connsiteY65" fmla="*/ 614362 h 1650237"/>
                <a:gd name="connsiteX66" fmla="*/ 4158640 w 4158640"/>
                <a:gd name="connsiteY6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09637 h 1650237"/>
                <a:gd name="connsiteX60" fmla="*/ 2527484 w 4158640"/>
                <a:gd name="connsiteY60" fmla="*/ 897731 h 1650237"/>
                <a:gd name="connsiteX61" fmla="*/ 2551296 w 4158640"/>
                <a:gd name="connsiteY61" fmla="*/ 883443 h 1650237"/>
                <a:gd name="connsiteX62" fmla="*/ 2567965 w 4158640"/>
                <a:gd name="connsiteY62" fmla="*/ 871537 h 1650237"/>
                <a:gd name="connsiteX63" fmla="*/ 2667977 w 4158640"/>
                <a:gd name="connsiteY63" fmla="*/ 831056 h 1650237"/>
                <a:gd name="connsiteX64" fmla="*/ 2587015 w 4158640"/>
                <a:gd name="connsiteY64" fmla="*/ 866775 h 1650237"/>
                <a:gd name="connsiteX65" fmla="*/ 2694171 w 4158640"/>
                <a:gd name="connsiteY65" fmla="*/ 814387 h 1650237"/>
                <a:gd name="connsiteX66" fmla="*/ 3168040 w 4158640"/>
                <a:gd name="connsiteY66" fmla="*/ 614362 h 1650237"/>
                <a:gd name="connsiteX67" fmla="*/ 4158640 w 4158640"/>
                <a:gd name="connsiteY6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09637 h 1650237"/>
                <a:gd name="connsiteX60" fmla="*/ 2527484 w 4158640"/>
                <a:gd name="connsiteY60" fmla="*/ 897731 h 1650237"/>
                <a:gd name="connsiteX61" fmla="*/ 2551296 w 4158640"/>
                <a:gd name="connsiteY61" fmla="*/ 883443 h 1650237"/>
                <a:gd name="connsiteX62" fmla="*/ 2567965 w 4158640"/>
                <a:gd name="connsiteY62" fmla="*/ 871537 h 1650237"/>
                <a:gd name="connsiteX63" fmla="*/ 2667977 w 4158640"/>
                <a:gd name="connsiteY63" fmla="*/ 831056 h 1650237"/>
                <a:gd name="connsiteX64" fmla="*/ 2594159 w 4158640"/>
                <a:gd name="connsiteY64" fmla="*/ 873919 h 1650237"/>
                <a:gd name="connsiteX65" fmla="*/ 2694171 w 4158640"/>
                <a:gd name="connsiteY65" fmla="*/ 814387 h 1650237"/>
                <a:gd name="connsiteX66" fmla="*/ 3168040 w 4158640"/>
                <a:gd name="connsiteY66" fmla="*/ 614362 h 1650237"/>
                <a:gd name="connsiteX67" fmla="*/ 4158640 w 4158640"/>
                <a:gd name="connsiteY6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09637 h 1650237"/>
                <a:gd name="connsiteX60" fmla="*/ 2527484 w 4158640"/>
                <a:gd name="connsiteY60" fmla="*/ 897731 h 1650237"/>
                <a:gd name="connsiteX61" fmla="*/ 2551296 w 4158640"/>
                <a:gd name="connsiteY61" fmla="*/ 883443 h 1650237"/>
                <a:gd name="connsiteX62" fmla="*/ 2567965 w 4158640"/>
                <a:gd name="connsiteY62" fmla="*/ 871537 h 1650237"/>
                <a:gd name="connsiteX63" fmla="*/ 2667977 w 4158640"/>
                <a:gd name="connsiteY63" fmla="*/ 831056 h 1650237"/>
                <a:gd name="connsiteX64" fmla="*/ 2694171 w 4158640"/>
                <a:gd name="connsiteY64" fmla="*/ 814387 h 1650237"/>
                <a:gd name="connsiteX65" fmla="*/ 3168040 w 4158640"/>
                <a:gd name="connsiteY65" fmla="*/ 614362 h 1650237"/>
                <a:gd name="connsiteX66" fmla="*/ 4158640 w 4158640"/>
                <a:gd name="connsiteY6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09637 h 1650237"/>
                <a:gd name="connsiteX60" fmla="*/ 2527484 w 4158640"/>
                <a:gd name="connsiteY60" fmla="*/ 897731 h 1650237"/>
                <a:gd name="connsiteX61" fmla="*/ 2551296 w 4158640"/>
                <a:gd name="connsiteY61" fmla="*/ 883443 h 1650237"/>
                <a:gd name="connsiteX62" fmla="*/ 2575109 w 4158640"/>
                <a:gd name="connsiteY62" fmla="*/ 871537 h 1650237"/>
                <a:gd name="connsiteX63" fmla="*/ 2667977 w 4158640"/>
                <a:gd name="connsiteY63" fmla="*/ 831056 h 1650237"/>
                <a:gd name="connsiteX64" fmla="*/ 2694171 w 4158640"/>
                <a:gd name="connsiteY64" fmla="*/ 814387 h 1650237"/>
                <a:gd name="connsiteX65" fmla="*/ 3168040 w 4158640"/>
                <a:gd name="connsiteY65" fmla="*/ 614362 h 1650237"/>
                <a:gd name="connsiteX66" fmla="*/ 4158640 w 4158640"/>
                <a:gd name="connsiteY6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09637 h 1650237"/>
                <a:gd name="connsiteX60" fmla="*/ 2527484 w 4158640"/>
                <a:gd name="connsiteY60" fmla="*/ 897731 h 1650237"/>
                <a:gd name="connsiteX61" fmla="*/ 2560821 w 4158640"/>
                <a:gd name="connsiteY61" fmla="*/ 888206 h 1650237"/>
                <a:gd name="connsiteX62" fmla="*/ 2575109 w 4158640"/>
                <a:gd name="connsiteY62" fmla="*/ 871537 h 1650237"/>
                <a:gd name="connsiteX63" fmla="*/ 2667977 w 4158640"/>
                <a:gd name="connsiteY63" fmla="*/ 831056 h 1650237"/>
                <a:gd name="connsiteX64" fmla="*/ 2694171 w 4158640"/>
                <a:gd name="connsiteY64" fmla="*/ 814387 h 1650237"/>
                <a:gd name="connsiteX65" fmla="*/ 3168040 w 4158640"/>
                <a:gd name="connsiteY65" fmla="*/ 614362 h 1650237"/>
                <a:gd name="connsiteX66" fmla="*/ 4158640 w 4158640"/>
                <a:gd name="connsiteY6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09637 h 1650237"/>
                <a:gd name="connsiteX60" fmla="*/ 2527484 w 4158640"/>
                <a:gd name="connsiteY60" fmla="*/ 897731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4171 w 4158640"/>
                <a:gd name="connsiteY64" fmla="*/ 814387 h 1650237"/>
                <a:gd name="connsiteX65" fmla="*/ 3168040 w 4158640"/>
                <a:gd name="connsiteY65" fmla="*/ 614362 h 1650237"/>
                <a:gd name="connsiteX66" fmla="*/ 4158640 w 4158640"/>
                <a:gd name="connsiteY6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09637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4171 w 4158640"/>
                <a:gd name="connsiteY64" fmla="*/ 814387 h 1650237"/>
                <a:gd name="connsiteX65" fmla="*/ 3168040 w 4158640"/>
                <a:gd name="connsiteY65" fmla="*/ 614362 h 1650237"/>
                <a:gd name="connsiteX66" fmla="*/ 4158640 w 4158640"/>
                <a:gd name="connsiteY6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5565 w 4158640"/>
                <a:gd name="connsiteY56" fmla="*/ 942975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4171 w 4158640"/>
                <a:gd name="connsiteY64" fmla="*/ 814387 h 1650237"/>
                <a:gd name="connsiteX65" fmla="*/ 3168040 w 4158640"/>
                <a:gd name="connsiteY65" fmla="*/ 614362 h 1650237"/>
                <a:gd name="connsiteX66" fmla="*/ 4158640 w 4158640"/>
                <a:gd name="connsiteY6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75084 w 4158640"/>
                <a:gd name="connsiteY55" fmla="*/ 952500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4171 w 4158640"/>
                <a:gd name="connsiteY64" fmla="*/ 814387 h 1650237"/>
                <a:gd name="connsiteX65" fmla="*/ 3168040 w 4158640"/>
                <a:gd name="connsiteY65" fmla="*/ 614362 h 1650237"/>
                <a:gd name="connsiteX66" fmla="*/ 4158640 w 4158640"/>
                <a:gd name="connsiteY6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4171 w 4158640"/>
                <a:gd name="connsiteY64" fmla="*/ 814387 h 1650237"/>
                <a:gd name="connsiteX65" fmla="*/ 3168040 w 4158640"/>
                <a:gd name="connsiteY65" fmla="*/ 614362 h 1650237"/>
                <a:gd name="connsiteX66" fmla="*/ 4158640 w 4158640"/>
                <a:gd name="connsiteY6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4171 w 4158640"/>
                <a:gd name="connsiteY64" fmla="*/ 814387 h 1650237"/>
                <a:gd name="connsiteX65" fmla="*/ 2722746 w 4158640"/>
                <a:gd name="connsiteY65" fmla="*/ 802481 h 1650237"/>
                <a:gd name="connsiteX66" fmla="*/ 3168040 w 4158640"/>
                <a:gd name="connsiteY66" fmla="*/ 614362 h 1650237"/>
                <a:gd name="connsiteX67" fmla="*/ 4158640 w 4158640"/>
                <a:gd name="connsiteY6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2746 w 4158640"/>
                <a:gd name="connsiteY65" fmla="*/ 802481 h 1650237"/>
                <a:gd name="connsiteX66" fmla="*/ 3168040 w 4158640"/>
                <a:gd name="connsiteY66" fmla="*/ 614362 h 1650237"/>
                <a:gd name="connsiteX67" fmla="*/ 4158640 w 4158640"/>
                <a:gd name="connsiteY6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9890 w 4158640"/>
                <a:gd name="connsiteY65" fmla="*/ 809625 h 1650237"/>
                <a:gd name="connsiteX66" fmla="*/ 3168040 w 4158640"/>
                <a:gd name="connsiteY66" fmla="*/ 614362 h 1650237"/>
                <a:gd name="connsiteX67" fmla="*/ 4158640 w 4158640"/>
                <a:gd name="connsiteY6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3168040 w 4158640"/>
                <a:gd name="connsiteY66" fmla="*/ 614362 h 1650237"/>
                <a:gd name="connsiteX67" fmla="*/ 4158640 w 4158640"/>
                <a:gd name="connsiteY6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3168040 w 4158640"/>
                <a:gd name="connsiteY67" fmla="*/ 614362 h 1650237"/>
                <a:gd name="connsiteX68" fmla="*/ 4158640 w 4158640"/>
                <a:gd name="connsiteY6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3168040 w 4158640"/>
                <a:gd name="connsiteY68" fmla="*/ 614362 h 1650237"/>
                <a:gd name="connsiteX69" fmla="*/ 4158640 w 4158640"/>
                <a:gd name="connsiteY6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3168040 w 4158640"/>
                <a:gd name="connsiteY69" fmla="*/ 614362 h 1650237"/>
                <a:gd name="connsiteX70" fmla="*/ 4158640 w 4158640"/>
                <a:gd name="connsiteY70"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3168040 w 4158640"/>
                <a:gd name="connsiteY70" fmla="*/ 614362 h 1650237"/>
                <a:gd name="connsiteX71" fmla="*/ 4158640 w 4158640"/>
                <a:gd name="connsiteY71"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69143 h 1650237"/>
                <a:gd name="connsiteX71" fmla="*/ 3168040 w 4158640"/>
                <a:gd name="connsiteY71" fmla="*/ 614362 h 1650237"/>
                <a:gd name="connsiteX72" fmla="*/ 4158640 w 4158640"/>
                <a:gd name="connsiteY72"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69143 h 1650237"/>
                <a:gd name="connsiteX71" fmla="*/ 2918009 w 4158640"/>
                <a:gd name="connsiteY71" fmla="*/ 754856 h 1650237"/>
                <a:gd name="connsiteX72" fmla="*/ 3168040 w 4158640"/>
                <a:gd name="connsiteY72" fmla="*/ 614362 h 1650237"/>
                <a:gd name="connsiteX73" fmla="*/ 4158640 w 4158640"/>
                <a:gd name="connsiteY73"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69143 h 1650237"/>
                <a:gd name="connsiteX71" fmla="*/ 2918009 w 4158640"/>
                <a:gd name="connsiteY71" fmla="*/ 745331 h 1650237"/>
                <a:gd name="connsiteX72" fmla="*/ 3168040 w 4158640"/>
                <a:gd name="connsiteY72" fmla="*/ 614362 h 1650237"/>
                <a:gd name="connsiteX73" fmla="*/ 4158640 w 4158640"/>
                <a:gd name="connsiteY73"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3168040 w 4158640"/>
                <a:gd name="connsiteY72" fmla="*/ 614362 h 1650237"/>
                <a:gd name="connsiteX73" fmla="*/ 4158640 w 4158640"/>
                <a:gd name="connsiteY73"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3168040 w 4158640"/>
                <a:gd name="connsiteY73" fmla="*/ 614362 h 1650237"/>
                <a:gd name="connsiteX74" fmla="*/ 4158640 w 4158640"/>
                <a:gd name="connsiteY7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5634 w 4158640"/>
                <a:gd name="connsiteY73" fmla="*/ 723900 h 1650237"/>
                <a:gd name="connsiteX74" fmla="*/ 3168040 w 4158640"/>
                <a:gd name="connsiteY74" fmla="*/ 614362 h 1650237"/>
                <a:gd name="connsiteX75" fmla="*/ 4158640 w 4158640"/>
                <a:gd name="connsiteY7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8015 w 4158640"/>
                <a:gd name="connsiteY73" fmla="*/ 714375 h 1650237"/>
                <a:gd name="connsiteX74" fmla="*/ 3168040 w 4158640"/>
                <a:gd name="connsiteY74" fmla="*/ 614362 h 1650237"/>
                <a:gd name="connsiteX75" fmla="*/ 4158640 w 4158640"/>
                <a:gd name="connsiteY7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58490 w 4158640"/>
                <a:gd name="connsiteY73" fmla="*/ 711994 h 1650237"/>
                <a:gd name="connsiteX74" fmla="*/ 3168040 w 4158640"/>
                <a:gd name="connsiteY74" fmla="*/ 614362 h 1650237"/>
                <a:gd name="connsiteX75" fmla="*/ 4158640 w 4158640"/>
                <a:gd name="connsiteY75" fmla="*/ 0 h 1650237"/>
                <a:gd name="connsiteX0" fmla="*/ 4158640 w 4158640"/>
                <a:gd name="connsiteY0" fmla="*/ 20972 h 1671209"/>
                <a:gd name="connsiteX1" fmla="*/ 4158640 w 4158640"/>
                <a:gd name="connsiteY1" fmla="*/ 1659272 h 1671209"/>
                <a:gd name="connsiteX2" fmla="*/ 301015 w 4158640"/>
                <a:gd name="connsiteY2" fmla="*/ 1659272 h 1671209"/>
                <a:gd name="connsiteX3" fmla="*/ 430396 w 4158640"/>
                <a:gd name="connsiteY3" fmla="*/ 1638634 h 1671209"/>
                <a:gd name="connsiteX4" fmla="*/ 384358 w 4158640"/>
                <a:gd name="connsiteY4" fmla="*/ 1652129 h 1671209"/>
                <a:gd name="connsiteX5" fmla="*/ 472465 w 4158640"/>
                <a:gd name="connsiteY5" fmla="*/ 1625934 h 1671209"/>
                <a:gd name="connsiteX6" fmla="*/ 527234 w 4158640"/>
                <a:gd name="connsiteY6" fmla="*/ 1616410 h 1671209"/>
                <a:gd name="connsiteX7" fmla="*/ 584384 w 4158640"/>
                <a:gd name="connsiteY7" fmla="*/ 1611647 h 1671209"/>
                <a:gd name="connsiteX8" fmla="*/ 636771 w 4158640"/>
                <a:gd name="connsiteY8" fmla="*/ 1599741 h 1671209"/>
                <a:gd name="connsiteX9" fmla="*/ 708209 w 4158640"/>
                <a:gd name="connsiteY9" fmla="*/ 1583073 h 1671209"/>
                <a:gd name="connsiteX10" fmla="*/ 765359 w 4158640"/>
                <a:gd name="connsiteY10" fmla="*/ 1568785 h 1671209"/>
                <a:gd name="connsiteX11" fmla="*/ 853466 w 4158640"/>
                <a:gd name="connsiteY11" fmla="*/ 1554497 h 1671209"/>
                <a:gd name="connsiteX12" fmla="*/ 951094 w 4158640"/>
                <a:gd name="connsiteY12" fmla="*/ 1544972 h 1671209"/>
                <a:gd name="connsiteX13" fmla="*/ 1010628 w 4158640"/>
                <a:gd name="connsiteY13" fmla="*/ 1535447 h 1671209"/>
                <a:gd name="connsiteX14" fmla="*/ 1060634 w 4158640"/>
                <a:gd name="connsiteY14" fmla="*/ 1533065 h 1671209"/>
                <a:gd name="connsiteX15" fmla="*/ 1115404 w 4158640"/>
                <a:gd name="connsiteY15" fmla="*/ 1511634 h 1671209"/>
                <a:gd name="connsiteX16" fmla="*/ 1163027 w 4158640"/>
                <a:gd name="connsiteY16" fmla="*/ 1494965 h 1671209"/>
                <a:gd name="connsiteX17" fmla="*/ 1213034 w 4158640"/>
                <a:gd name="connsiteY17" fmla="*/ 1487822 h 1671209"/>
                <a:gd name="connsiteX18" fmla="*/ 1253515 w 4158640"/>
                <a:gd name="connsiteY18" fmla="*/ 1480678 h 1671209"/>
                <a:gd name="connsiteX19" fmla="*/ 1293996 w 4158640"/>
                <a:gd name="connsiteY19" fmla="*/ 1471153 h 1671209"/>
                <a:gd name="connsiteX20" fmla="*/ 1336860 w 4158640"/>
                <a:gd name="connsiteY20" fmla="*/ 1442578 h 1671209"/>
                <a:gd name="connsiteX21" fmla="*/ 1358290 w 4158640"/>
                <a:gd name="connsiteY21" fmla="*/ 1421146 h 1671209"/>
                <a:gd name="connsiteX22" fmla="*/ 1384484 w 4158640"/>
                <a:gd name="connsiteY22" fmla="*/ 1409241 h 1671209"/>
                <a:gd name="connsiteX23" fmla="*/ 1427347 w 4158640"/>
                <a:gd name="connsiteY23" fmla="*/ 1390191 h 1671209"/>
                <a:gd name="connsiteX24" fmla="*/ 1455922 w 4158640"/>
                <a:gd name="connsiteY24" fmla="*/ 1378284 h 1671209"/>
                <a:gd name="connsiteX25" fmla="*/ 1491640 w 4158640"/>
                <a:gd name="connsiteY25" fmla="*/ 1359235 h 1671209"/>
                <a:gd name="connsiteX26" fmla="*/ 1534503 w 4158640"/>
                <a:gd name="connsiteY26" fmla="*/ 1342565 h 1671209"/>
                <a:gd name="connsiteX27" fmla="*/ 1563078 w 4158640"/>
                <a:gd name="connsiteY27" fmla="*/ 1333041 h 1671209"/>
                <a:gd name="connsiteX28" fmla="*/ 1589271 w 4158640"/>
                <a:gd name="connsiteY28" fmla="*/ 1325896 h 1671209"/>
                <a:gd name="connsiteX29" fmla="*/ 1620228 w 4158640"/>
                <a:gd name="connsiteY29" fmla="*/ 1321134 h 1671209"/>
                <a:gd name="connsiteX30" fmla="*/ 1648802 w 4158640"/>
                <a:gd name="connsiteY30" fmla="*/ 1313990 h 1671209"/>
                <a:gd name="connsiteX31" fmla="*/ 1682140 w 4158640"/>
                <a:gd name="connsiteY31" fmla="*/ 1309228 h 1671209"/>
                <a:gd name="connsiteX32" fmla="*/ 1710716 w 4158640"/>
                <a:gd name="connsiteY32" fmla="*/ 1292560 h 1671209"/>
                <a:gd name="connsiteX33" fmla="*/ 1732146 w 4158640"/>
                <a:gd name="connsiteY33" fmla="*/ 1275891 h 1671209"/>
                <a:gd name="connsiteX34" fmla="*/ 1767866 w 4158640"/>
                <a:gd name="connsiteY34" fmla="*/ 1256840 h 1671209"/>
                <a:gd name="connsiteX35" fmla="*/ 1796440 w 4158640"/>
                <a:gd name="connsiteY35" fmla="*/ 1242553 h 1671209"/>
                <a:gd name="connsiteX36" fmla="*/ 1825015 w 4158640"/>
                <a:gd name="connsiteY36" fmla="*/ 1230646 h 1671209"/>
                <a:gd name="connsiteX37" fmla="*/ 1851209 w 4158640"/>
                <a:gd name="connsiteY37" fmla="*/ 1216359 h 1671209"/>
                <a:gd name="connsiteX38" fmla="*/ 1875022 w 4158640"/>
                <a:gd name="connsiteY38" fmla="*/ 1209216 h 1671209"/>
                <a:gd name="connsiteX39" fmla="*/ 1896452 w 4158640"/>
                <a:gd name="connsiteY39" fmla="*/ 1197309 h 1671209"/>
                <a:gd name="connsiteX40" fmla="*/ 1927408 w 4158640"/>
                <a:gd name="connsiteY40" fmla="*/ 1187785 h 1671209"/>
                <a:gd name="connsiteX41" fmla="*/ 1967890 w 4158640"/>
                <a:gd name="connsiteY41" fmla="*/ 1163971 h 1671209"/>
                <a:gd name="connsiteX42" fmla="*/ 2010753 w 4158640"/>
                <a:gd name="connsiteY42" fmla="*/ 1152065 h 1671209"/>
                <a:gd name="connsiteX43" fmla="*/ 2041709 w 4158640"/>
                <a:gd name="connsiteY43" fmla="*/ 1140159 h 1671209"/>
                <a:gd name="connsiteX44" fmla="*/ 2072665 w 4158640"/>
                <a:gd name="connsiteY44" fmla="*/ 1130634 h 1671209"/>
                <a:gd name="connsiteX45" fmla="*/ 2108384 w 4158640"/>
                <a:gd name="connsiteY45" fmla="*/ 1123490 h 1671209"/>
                <a:gd name="connsiteX46" fmla="*/ 2139340 w 4158640"/>
                <a:gd name="connsiteY46" fmla="*/ 1106822 h 1671209"/>
                <a:gd name="connsiteX47" fmla="*/ 2170296 w 4158640"/>
                <a:gd name="connsiteY47" fmla="*/ 1092534 h 1671209"/>
                <a:gd name="connsiteX48" fmla="*/ 2198871 w 4158640"/>
                <a:gd name="connsiteY48" fmla="*/ 1080628 h 1671209"/>
                <a:gd name="connsiteX49" fmla="*/ 2241734 w 4158640"/>
                <a:gd name="connsiteY49" fmla="*/ 1066340 h 1671209"/>
                <a:gd name="connsiteX50" fmla="*/ 2265546 w 4158640"/>
                <a:gd name="connsiteY50" fmla="*/ 1047290 h 1671209"/>
                <a:gd name="connsiteX51" fmla="*/ 2286978 w 4158640"/>
                <a:gd name="connsiteY51" fmla="*/ 1035384 h 1671209"/>
                <a:gd name="connsiteX52" fmla="*/ 2310790 w 4158640"/>
                <a:gd name="connsiteY52" fmla="*/ 1023478 h 1671209"/>
                <a:gd name="connsiteX53" fmla="*/ 2341746 w 4158640"/>
                <a:gd name="connsiteY53" fmla="*/ 1004428 h 1671209"/>
                <a:gd name="connsiteX54" fmla="*/ 2367940 w 4158640"/>
                <a:gd name="connsiteY54" fmla="*/ 987760 h 1671209"/>
                <a:gd name="connsiteX55" fmla="*/ 2384609 w 4158640"/>
                <a:gd name="connsiteY55" fmla="*/ 975853 h 1671209"/>
                <a:gd name="connsiteX56" fmla="*/ 2417946 w 4158640"/>
                <a:gd name="connsiteY56" fmla="*/ 971091 h 1671209"/>
                <a:gd name="connsiteX57" fmla="*/ 2451284 w 4158640"/>
                <a:gd name="connsiteY57" fmla="*/ 959184 h 1671209"/>
                <a:gd name="connsiteX58" fmla="*/ 2477478 w 4158640"/>
                <a:gd name="connsiteY58" fmla="*/ 947278 h 1671209"/>
                <a:gd name="connsiteX59" fmla="*/ 2506053 w 4158640"/>
                <a:gd name="connsiteY59" fmla="*/ 942515 h 1671209"/>
                <a:gd name="connsiteX60" fmla="*/ 2527484 w 4158640"/>
                <a:gd name="connsiteY60" fmla="*/ 925847 h 1671209"/>
                <a:gd name="connsiteX61" fmla="*/ 2560821 w 4158640"/>
                <a:gd name="connsiteY61" fmla="*/ 909178 h 1671209"/>
                <a:gd name="connsiteX62" fmla="*/ 2587015 w 4158640"/>
                <a:gd name="connsiteY62" fmla="*/ 887747 h 1671209"/>
                <a:gd name="connsiteX63" fmla="*/ 2667977 w 4158640"/>
                <a:gd name="connsiteY63" fmla="*/ 852028 h 1671209"/>
                <a:gd name="connsiteX64" fmla="*/ 2698934 w 4158640"/>
                <a:gd name="connsiteY64" fmla="*/ 842503 h 1671209"/>
                <a:gd name="connsiteX65" fmla="*/ 2727508 w 4158640"/>
                <a:gd name="connsiteY65" fmla="*/ 835360 h 1671209"/>
                <a:gd name="connsiteX66" fmla="*/ 2758465 w 4158640"/>
                <a:gd name="connsiteY66" fmla="*/ 835359 h 1671209"/>
                <a:gd name="connsiteX67" fmla="*/ 2791803 w 4158640"/>
                <a:gd name="connsiteY67" fmla="*/ 818690 h 1671209"/>
                <a:gd name="connsiteX68" fmla="*/ 2827521 w 4158640"/>
                <a:gd name="connsiteY68" fmla="*/ 806784 h 1671209"/>
                <a:gd name="connsiteX69" fmla="*/ 2860859 w 4158640"/>
                <a:gd name="connsiteY69" fmla="*/ 797259 h 1671209"/>
                <a:gd name="connsiteX70" fmla="*/ 2887053 w 4158640"/>
                <a:gd name="connsiteY70" fmla="*/ 780590 h 1671209"/>
                <a:gd name="connsiteX71" fmla="*/ 2918009 w 4158640"/>
                <a:gd name="connsiteY71" fmla="*/ 766303 h 1671209"/>
                <a:gd name="connsiteX72" fmla="*/ 2939440 w 4158640"/>
                <a:gd name="connsiteY72" fmla="*/ 752015 h 1671209"/>
                <a:gd name="connsiteX73" fmla="*/ 2958490 w 4158640"/>
                <a:gd name="connsiteY73" fmla="*/ 732966 h 1671209"/>
                <a:gd name="connsiteX74" fmla="*/ 4158640 w 4158640"/>
                <a:gd name="connsiteY74" fmla="*/ 20972 h 1671209"/>
                <a:gd name="connsiteX0" fmla="*/ 4158640 w 4158640"/>
                <a:gd name="connsiteY0" fmla="*/ 21961 h 1672198"/>
                <a:gd name="connsiteX1" fmla="*/ 4158640 w 4158640"/>
                <a:gd name="connsiteY1" fmla="*/ 1660261 h 1672198"/>
                <a:gd name="connsiteX2" fmla="*/ 301015 w 4158640"/>
                <a:gd name="connsiteY2" fmla="*/ 1660261 h 1672198"/>
                <a:gd name="connsiteX3" fmla="*/ 430396 w 4158640"/>
                <a:gd name="connsiteY3" fmla="*/ 1639623 h 1672198"/>
                <a:gd name="connsiteX4" fmla="*/ 384358 w 4158640"/>
                <a:gd name="connsiteY4" fmla="*/ 1653118 h 1672198"/>
                <a:gd name="connsiteX5" fmla="*/ 472465 w 4158640"/>
                <a:gd name="connsiteY5" fmla="*/ 1626923 h 1672198"/>
                <a:gd name="connsiteX6" fmla="*/ 527234 w 4158640"/>
                <a:gd name="connsiteY6" fmla="*/ 1617399 h 1672198"/>
                <a:gd name="connsiteX7" fmla="*/ 584384 w 4158640"/>
                <a:gd name="connsiteY7" fmla="*/ 1612636 h 1672198"/>
                <a:gd name="connsiteX8" fmla="*/ 636771 w 4158640"/>
                <a:gd name="connsiteY8" fmla="*/ 1600730 h 1672198"/>
                <a:gd name="connsiteX9" fmla="*/ 708209 w 4158640"/>
                <a:gd name="connsiteY9" fmla="*/ 1584062 h 1672198"/>
                <a:gd name="connsiteX10" fmla="*/ 765359 w 4158640"/>
                <a:gd name="connsiteY10" fmla="*/ 1569774 h 1672198"/>
                <a:gd name="connsiteX11" fmla="*/ 853466 w 4158640"/>
                <a:gd name="connsiteY11" fmla="*/ 1555486 h 1672198"/>
                <a:gd name="connsiteX12" fmla="*/ 951094 w 4158640"/>
                <a:gd name="connsiteY12" fmla="*/ 1545961 h 1672198"/>
                <a:gd name="connsiteX13" fmla="*/ 1010628 w 4158640"/>
                <a:gd name="connsiteY13" fmla="*/ 1536436 h 1672198"/>
                <a:gd name="connsiteX14" fmla="*/ 1060634 w 4158640"/>
                <a:gd name="connsiteY14" fmla="*/ 1534054 h 1672198"/>
                <a:gd name="connsiteX15" fmla="*/ 1115404 w 4158640"/>
                <a:gd name="connsiteY15" fmla="*/ 1512623 h 1672198"/>
                <a:gd name="connsiteX16" fmla="*/ 1163027 w 4158640"/>
                <a:gd name="connsiteY16" fmla="*/ 1495954 h 1672198"/>
                <a:gd name="connsiteX17" fmla="*/ 1213034 w 4158640"/>
                <a:gd name="connsiteY17" fmla="*/ 1488811 h 1672198"/>
                <a:gd name="connsiteX18" fmla="*/ 1253515 w 4158640"/>
                <a:gd name="connsiteY18" fmla="*/ 1481667 h 1672198"/>
                <a:gd name="connsiteX19" fmla="*/ 1293996 w 4158640"/>
                <a:gd name="connsiteY19" fmla="*/ 1472142 h 1672198"/>
                <a:gd name="connsiteX20" fmla="*/ 1336860 w 4158640"/>
                <a:gd name="connsiteY20" fmla="*/ 1443567 h 1672198"/>
                <a:gd name="connsiteX21" fmla="*/ 1358290 w 4158640"/>
                <a:gd name="connsiteY21" fmla="*/ 1422135 h 1672198"/>
                <a:gd name="connsiteX22" fmla="*/ 1384484 w 4158640"/>
                <a:gd name="connsiteY22" fmla="*/ 1410230 h 1672198"/>
                <a:gd name="connsiteX23" fmla="*/ 1427347 w 4158640"/>
                <a:gd name="connsiteY23" fmla="*/ 1391180 h 1672198"/>
                <a:gd name="connsiteX24" fmla="*/ 1455922 w 4158640"/>
                <a:gd name="connsiteY24" fmla="*/ 1379273 h 1672198"/>
                <a:gd name="connsiteX25" fmla="*/ 1491640 w 4158640"/>
                <a:gd name="connsiteY25" fmla="*/ 1360224 h 1672198"/>
                <a:gd name="connsiteX26" fmla="*/ 1534503 w 4158640"/>
                <a:gd name="connsiteY26" fmla="*/ 1343554 h 1672198"/>
                <a:gd name="connsiteX27" fmla="*/ 1563078 w 4158640"/>
                <a:gd name="connsiteY27" fmla="*/ 1334030 h 1672198"/>
                <a:gd name="connsiteX28" fmla="*/ 1589271 w 4158640"/>
                <a:gd name="connsiteY28" fmla="*/ 1326885 h 1672198"/>
                <a:gd name="connsiteX29" fmla="*/ 1620228 w 4158640"/>
                <a:gd name="connsiteY29" fmla="*/ 1322123 h 1672198"/>
                <a:gd name="connsiteX30" fmla="*/ 1648802 w 4158640"/>
                <a:gd name="connsiteY30" fmla="*/ 1314979 h 1672198"/>
                <a:gd name="connsiteX31" fmla="*/ 1682140 w 4158640"/>
                <a:gd name="connsiteY31" fmla="*/ 1310217 h 1672198"/>
                <a:gd name="connsiteX32" fmla="*/ 1710716 w 4158640"/>
                <a:gd name="connsiteY32" fmla="*/ 1293549 h 1672198"/>
                <a:gd name="connsiteX33" fmla="*/ 1732146 w 4158640"/>
                <a:gd name="connsiteY33" fmla="*/ 1276880 h 1672198"/>
                <a:gd name="connsiteX34" fmla="*/ 1767866 w 4158640"/>
                <a:gd name="connsiteY34" fmla="*/ 1257829 h 1672198"/>
                <a:gd name="connsiteX35" fmla="*/ 1796440 w 4158640"/>
                <a:gd name="connsiteY35" fmla="*/ 1243542 h 1672198"/>
                <a:gd name="connsiteX36" fmla="*/ 1825015 w 4158640"/>
                <a:gd name="connsiteY36" fmla="*/ 1231635 h 1672198"/>
                <a:gd name="connsiteX37" fmla="*/ 1851209 w 4158640"/>
                <a:gd name="connsiteY37" fmla="*/ 1217348 h 1672198"/>
                <a:gd name="connsiteX38" fmla="*/ 1875022 w 4158640"/>
                <a:gd name="connsiteY38" fmla="*/ 1210205 h 1672198"/>
                <a:gd name="connsiteX39" fmla="*/ 1896452 w 4158640"/>
                <a:gd name="connsiteY39" fmla="*/ 1198298 h 1672198"/>
                <a:gd name="connsiteX40" fmla="*/ 1927408 w 4158640"/>
                <a:gd name="connsiteY40" fmla="*/ 1188774 h 1672198"/>
                <a:gd name="connsiteX41" fmla="*/ 1967890 w 4158640"/>
                <a:gd name="connsiteY41" fmla="*/ 1164960 h 1672198"/>
                <a:gd name="connsiteX42" fmla="*/ 2010753 w 4158640"/>
                <a:gd name="connsiteY42" fmla="*/ 1153054 h 1672198"/>
                <a:gd name="connsiteX43" fmla="*/ 2041709 w 4158640"/>
                <a:gd name="connsiteY43" fmla="*/ 1141148 h 1672198"/>
                <a:gd name="connsiteX44" fmla="*/ 2072665 w 4158640"/>
                <a:gd name="connsiteY44" fmla="*/ 1131623 h 1672198"/>
                <a:gd name="connsiteX45" fmla="*/ 2108384 w 4158640"/>
                <a:gd name="connsiteY45" fmla="*/ 1124479 h 1672198"/>
                <a:gd name="connsiteX46" fmla="*/ 2139340 w 4158640"/>
                <a:gd name="connsiteY46" fmla="*/ 1107811 h 1672198"/>
                <a:gd name="connsiteX47" fmla="*/ 2170296 w 4158640"/>
                <a:gd name="connsiteY47" fmla="*/ 1093523 h 1672198"/>
                <a:gd name="connsiteX48" fmla="*/ 2198871 w 4158640"/>
                <a:gd name="connsiteY48" fmla="*/ 1081617 h 1672198"/>
                <a:gd name="connsiteX49" fmla="*/ 2241734 w 4158640"/>
                <a:gd name="connsiteY49" fmla="*/ 1067329 h 1672198"/>
                <a:gd name="connsiteX50" fmla="*/ 2265546 w 4158640"/>
                <a:gd name="connsiteY50" fmla="*/ 1048279 h 1672198"/>
                <a:gd name="connsiteX51" fmla="*/ 2286978 w 4158640"/>
                <a:gd name="connsiteY51" fmla="*/ 1036373 h 1672198"/>
                <a:gd name="connsiteX52" fmla="*/ 2310790 w 4158640"/>
                <a:gd name="connsiteY52" fmla="*/ 1024467 h 1672198"/>
                <a:gd name="connsiteX53" fmla="*/ 2341746 w 4158640"/>
                <a:gd name="connsiteY53" fmla="*/ 1005417 h 1672198"/>
                <a:gd name="connsiteX54" fmla="*/ 2367940 w 4158640"/>
                <a:gd name="connsiteY54" fmla="*/ 988749 h 1672198"/>
                <a:gd name="connsiteX55" fmla="*/ 2384609 w 4158640"/>
                <a:gd name="connsiteY55" fmla="*/ 976842 h 1672198"/>
                <a:gd name="connsiteX56" fmla="*/ 2417946 w 4158640"/>
                <a:gd name="connsiteY56" fmla="*/ 972080 h 1672198"/>
                <a:gd name="connsiteX57" fmla="*/ 2451284 w 4158640"/>
                <a:gd name="connsiteY57" fmla="*/ 960173 h 1672198"/>
                <a:gd name="connsiteX58" fmla="*/ 2477478 w 4158640"/>
                <a:gd name="connsiteY58" fmla="*/ 948267 h 1672198"/>
                <a:gd name="connsiteX59" fmla="*/ 2506053 w 4158640"/>
                <a:gd name="connsiteY59" fmla="*/ 943504 h 1672198"/>
                <a:gd name="connsiteX60" fmla="*/ 2527484 w 4158640"/>
                <a:gd name="connsiteY60" fmla="*/ 926836 h 1672198"/>
                <a:gd name="connsiteX61" fmla="*/ 2560821 w 4158640"/>
                <a:gd name="connsiteY61" fmla="*/ 910167 h 1672198"/>
                <a:gd name="connsiteX62" fmla="*/ 2587015 w 4158640"/>
                <a:gd name="connsiteY62" fmla="*/ 888736 h 1672198"/>
                <a:gd name="connsiteX63" fmla="*/ 2667977 w 4158640"/>
                <a:gd name="connsiteY63" fmla="*/ 853017 h 1672198"/>
                <a:gd name="connsiteX64" fmla="*/ 2698934 w 4158640"/>
                <a:gd name="connsiteY64" fmla="*/ 843492 h 1672198"/>
                <a:gd name="connsiteX65" fmla="*/ 2727508 w 4158640"/>
                <a:gd name="connsiteY65" fmla="*/ 836349 h 1672198"/>
                <a:gd name="connsiteX66" fmla="*/ 2758465 w 4158640"/>
                <a:gd name="connsiteY66" fmla="*/ 836348 h 1672198"/>
                <a:gd name="connsiteX67" fmla="*/ 2791803 w 4158640"/>
                <a:gd name="connsiteY67" fmla="*/ 819679 h 1672198"/>
                <a:gd name="connsiteX68" fmla="*/ 2827521 w 4158640"/>
                <a:gd name="connsiteY68" fmla="*/ 807773 h 1672198"/>
                <a:gd name="connsiteX69" fmla="*/ 2860859 w 4158640"/>
                <a:gd name="connsiteY69" fmla="*/ 798248 h 1672198"/>
                <a:gd name="connsiteX70" fmla="*/ 2887053 w 4158640"/>
                <a:gd name="connsiteY70" fmla="*/ 781579 h 1672198"/>
                <a:gd name="connsiteX71" fmla="*/ 2918009 w 4158640"/>
                <a:gd name="connsiteY71" fmla="*/ 767292 h 1672198"/>
                <a:gd name="connsiteX72" fmla="*/ 2939440 w 4158640"/>
                <a:gd name="connsiteY72" fmla="*/ 753004 h 1672198"/>
                <a:gd name="connsiteX73" fmla="*/ 2958490 w 4158640"/>
                <a:gd name="connsiteY73" fmla="*/ 733955 h 1672198"/>
                <a:gd name="connsiteX74" fmla="*/ 2987065 w 4158640"/>
                <a:gd name="connsiteY74" fmla="*/ 717286 h 1672198"/>
                <a:gd name="connsiteX75" fmla="*/ 4158640 w 4158640"/>
                <a:gd name="connsiteY75" fmla="*/ 21961 h 1672198"/>
                <a:gd name="connsiteX0" fmla="*/ 4158640 w 4158640"/>
                <a:gd name="connsiteY0" fmla="*/ 23156 h 1673393"/>
                <a:gd name="connsiteX1" fmla="*/ 4158640 w 4158640"/>
                <a:gd name="connsiteY1" fmla="*/ 1661456 h 1673393"/>
                <a:gd name="connsiteX2" fmla="*/ 301015 w 4158640"/>
                <a:gd name="connsiteY2" fmla="*/ 1661456 h 1673393"/>
                <a:gd name="connsiteX3" fmla="*/ 430396 w 4158640"/>
                <a:gd name="connsiteY3" fmla="*/ 1640818 h 1673393"/>
                <a:gd name="connsiteX4" fmla="*/ 384358 w 4158640"/>
                <a:gd name="connsiteY4" fmla="*/ 1654313 h 1673393"/>
                <a:gd name="connsiteX5" fmla="*/ 472465 w 4158640"/>
                <a:gd name="connsiteY5" fmla="*/ 1628118 h 1673393"/>
                <a:gd name="connsiteX6" fmla="*/ 527234 w 4158640"/>
                <a:gd name="connsiteY6" fmla="*/ 1618594 h 1673393"/>
                <a:gd name="connsiteX7" fmla="*/ 584384 w 4158640"/>
                <a:gd name="connsiteY7" fmla="*/ 1613831 h 1673393"/>
                <a:gd name="connsiteX8" fmla="*/ 636771 w 4158640"/>
                <a:gd name="connsiteY8" fmla="*/ 1601925 h 1673393"/>
                <a:gd name="connsiteX9" fmla="*/ 708209 w 4158640"/>
                <a:gd name="connsiteY9" fmla="*/ 1585257 h 1673393"/>
                <a:gd name="connsiteX10" fmla="*/ 765359 w 4158640"/>
                <a:gd name="connsiteY10" fmla="*/ 1570969 h 1673393"/>
                <a:gd name="connsiteX11" fmla="*/ 853466 w 4158640"/>
                <a:gd name="connsiteY11" fmla="*/ 1556681 h 1673393"/>
                <a:gd name="connsiteX12" fmla="*/ 951094 w 4158640"/>
                <a:gd name="connsiteY12" fmla="*/ 1547156 h 1673393"/>
                <a:gd name="connsiteX13" fmla="*/ 1010628 w 4158640"/>
                <a:gd name="connsiteY13" fmla="*/ 1537631 h 1673393"/>
                <a:gd name="connsiteX14" fmla="*/ 1060634 w 4158640"/>
                <a:gd name="connsiteY14" fmla="*/ 1535249 h 1673393"/>
                <a:gd name="connsiteX15" fmla="*/ 1115404 w 4158640"/>
                <a:gd name="connsiteY15" fmla="*/ 1513818 h 1673393"/>
                <a:gd name="connsiteX16" fmla="*/ 1163027 w 4158640"/>
                <a:gd name="connsiteY16" fmla="*/ 1497149 h 1673393"/>
                <a:gd name="connsiteX17" fmla="*/ 1213034 w 4158640"/>
                <a:gd name="connsiteY17" fmla="*/ 1490006 h 1673393"/>
                <a:gd name="connsiteX18" fmla="*/ 1253515 w 4158640"/>
                <a:gd name="connsiteY18" fmla="*/ 1482862 h 1673393"/>
                <a:gd name="connsiteX19" fmla="*/ 1293996 w 4158640"/>
                <a:gd name="connsiteY19" fmla="*/ 1473337 h 1673393"/>
                <a:gd name="connsiteX20" fmla="*/ 1336860 w 4158640"/>
                <a:gd name="connsiteY20" fmla="*/ 1444762 h 1673393"/>
                <a:gd name="connsiteX21" fmla="*/ 1358290 w 4158640"/>
                <a:gd name="connsiteY21" fmla="*/ 1423330 h 1673393"/>
                <a:gd name="connsiteX22" fmla="*/ 1384484 w 4158640"/>
                <a:gd name="connsiteY22" fmla="*/ 1411425 h 1673393"/>
                <a:gd name="connsiteX23" fmla="*/ 1427347 w 4158640"/>
                <a:gd name="connsiteY23" fmla="*/ 1392375 h 1673393"/>
                <a:gd name="connsiteX24" fmla="*/ 1455922 w 4158640"/>
                <a:gd name="connsiteY24" fmla="*/ 1380468 h 1673393"/>
                <a:gd name="connsiteX25" fmla="*/ 1491640 w 4158640"/>
                <a:gd name="connsiteY25" fmla="*/ 1361419 h 1673393"/>
                <a:gd name="connsiteX26" fmla="*/ 1534503 w 4158640"/>
                <a:gd name="connsiteY26" fmla="*/ 1344749 h 1673393"/>
                <a:gd name="connsiteX27" fmla="*/ 1563078 w 4158640"/>
                <a:gd name="connsiteY27" fmla="*/ 1335225 h 1673393"/>
                <a:gd name="connsiteX28" fmla="*/ 1589271 w 4158640"/>
                <a:gd name="connsiteY28" fmla="*/ 1328080 h 1673393"/>
                <a:gd name="connsiteX29" fmla="*/ 1620228 w 4158640"/>
                <a:gd name="connsiteY29" fmla="*/ 1323318 h 1673393"/>
                <a:gd name="connsiteX30" fmla="*/ 1648802 w 4158640"/>
                <a:gd name="connsiteY30" fmla="*/ 1316174 h 1673393"/>
                <a:gd name="connsiteX31" fmla="*/ 1682140 w 4158640"/>
                <a:gd name="connsiteY31" fmla="*/ 1311412 h 1673393"/>
                <a:gd name="connsiteX32" fmla="*/ 1710716 w 4158640"/>
                <a:gd name="connsiteY32" fmla="*/ 1294744 h 1673393"/>
                <a:gd name="connsiteX33" fmla="*/ 1732146 w 4158640"/>
                <a:gd name="connsiteY33" fmla="*/ 1278075 h 1673393"/>
                <a:gd name="connsiteX34" fmla="*/ 1767866 w 4158640"/>
                <a:gd name="connsiteY34" fmla="*/ 1259024 h 1673393"/>
                <a:gd name="connsiteX35" fmla="*/ 1796440 w 4158640"/>
                <a:gd name="connsiteY35" fmla="*/ 1244737 h 1673393"/>
                <a:gd name="connsiteX36" fmla="*/ 1825015 w 4158640"/>
                <a:gd name="connsiteY36" fmla="*/ 1232830 h 1673393"/>
                <a:gd name="connsiteX37" fmla="*/ 1851209 w 4158640"/>
                <a:gd name="connsiteY37" fmla="*/ 1218543 h 1673393"/>
                <a:gd name="connsiteX38" fmla="*/ 1875022 w 4158640"/>
                <a:gd name="connsiteY38" fmla="*/ 1211400 h 1673393"/>
                <a:gd name="connsiteX39" fmla="*/ 1896452 w 4158640"/>
                <a:gd name="connsiteY39" fmla="*/ 1199493 h 1673393"/>
                <a:gd name="connsiteX40" fmla="*/ 1927408 w 4158640"/>
                <a:gd name="connsiteY40" fmla="*/ 1189969 h 1673393"/>
                <a:gd name="connsiteX41" fmla="*/ 1967890 w 4158640"/>
                <a:gd name="connsiteY41" fmla="*/ 1166155 h 1673393"/>
                <a:gd name="connsiteX42" fmla="*/ 2010753 w 4158640"/>
                <a:gd name="connsiteY42" fmla="*/ 1154249 h 1673393"/>
                <a:gd name="connsiteX43" fmla="*/ 2041709 w 4158640"/>
                <a:gd name="connsiteY43" fmla="*/ 1142343 h 1673393"/>
                <a:gd name="connsiteX44" fmla="*/ 2072665 w 4158640"/>
                <a:gd name="connsiteY44" fmla="*/ 1132818 h 1673393"/>
                <a:gd name="connsiteX45" fmla="*/ 2108384 w 4158640"/>
                <a:gd name="connsiteY45" fmla="*/ 1125674 h 1673393"/>
                <a:gd name="connsiteX46" fmla="*/ 2139340 w 4158640"/>
                <a:gd name="connsiteY46" fmla="*/ 1109006 h 1673393"/>
                <a:gd name="connsiteX47" fmla="*/ 2170296 w 4158640"/>
                <a:gd name="connsiteY47" fmla="*/ 1094718 h 1673393"/>
                <a:gd name="connsiteX48" fmla="*/ 2198871 w 4158640"/>
                <a:gd name="connsiteY48" fmla="*/ 1082812 h 1673393"/>
                <a:gd name="connsiteX49" fmla="*/ 2241734 w 4158640"/>
                <a:gd name="connsiteY49" fmla="*/ 1068524 h 1673393"/>
                <a:gd name="connsiteX50" fmla="*/ 2265546 w 4158640"/>
                <a:gd name="connsiteY50" fmla="*/ 1049474 h 1673393"/>
                <a:gd name="connsiteX51" fmla="*/ 2286978 w 4158640"/>
                <a:gd name="connsiteY51" fmla="*/ 1037568 h 1673393"/>
                <a:gd name="connsiteX52" fmla="*/ 2310790 w 4158640"/>
                <a:gd name="connsiteY52" fmla="*/ 1025662 h 1673393"/>
                <a:gd name="connsiteX53" fmla="*/ 2341746 w 4158640"/>
                <a:gd name="connsiteY53" fmla="*/ 1006612 h 1673393"/>
                <a:gd name="connsiteX54" fmla="*/ 2367940 w 4158640"/>
                <a:gd name="connsiteY54" fmla="*/ 989944 h 1673393"/>
                <a:gd name="connsiteX55" fmla="*/ 2384609 w 4158640"/>
                <a:gd name="connsiteY55" fmla="*/ 978037 h 1673393"/>
                <a:gd name="connsiteX56" fmla="*/ 2417946 w 4158640"/>
                <a:gd name="connsiteY56" fmla="*/ 973275 h 1673393"/>
                <a:gd name="connsiteX57" fmla="*/ 2451284 w 4158640"/>
                <a:gd name="connsiteY57" fmla="*/ 961368 h 1673393"/>
                <a:gd name="connsiteX58" fmla="*/ 2477478 w 4158640"/>
                <a:gd name="connsiteY58" fmla="*/ 949462 h 1673393"/>
                <a:gd name="connsiteX59" fmla="*/ 2506053 w 4158640"/>
                <a:gd name="connsiteY59" fmla="*/ 944699 h 1673393"/>
                <a:gd name="connsiteX60" fmla="*/ 2527484 w 4158640"/>
                <a:gd name="connsiteY60" fmla="*/ 928031 h 1673393"/>
                <a:gd name="connsiteX61" fmla="*/ 2560821 w 4158640"/>
                <a:gd name="connsiteY61" fmla="*/ 911362 h 1673393"/>
                <a:gd name="connsiteX62" fmla="*/ 2587015 w 4158640"/>
                <a:gd name="connsiteY62" fmla="*/ 889931 h 1673393"/>
                <a:gd name="connsiteX63" fmla="*/ 2667977 w 4158640"/>
                <a:gd name="connsiteY63" fmla="*/ 854212 h 1673393"/>
                <a:gd name="connsiteX64" fmla="*/ 2698934 w 4158640"/>
                <a:gd name="connsiteY64" fmla="*/ 844687 h 1673393"/>
                <a:gd name="connsiteX65" fmla="*/ 2727508 w 4158640"/>
                <a:gd name="connsiteY65" fmla="*/ 837544 h 1673393"/>
                <a:gd name="connsiteX66" fmla="*/ 2758465 w 4158640"/>
                <a:gd name="connsiteY66" fmla="*/ 837543 h 1673393"/>
                <a:gd name="connsiteX67" fmla="*/ 2791803 w 4158640"/>
                <a:gd name="connsiteY67" fmla="*/ 820874 h 1673393"/>
                <a:gd name="connsiteX68" fmla="*/ 2827521 w 4158640"/>
                <a:gd name="connsiteY68" fmla="*/ 808968 h 1673393"/>
                <a:gd name="connsiteX69" fmla="*/ 2860859 w 4158640"/>
                <a:gd name="connsiteY69" fmla="*/ 799443 h 1673393"/>
                <a:gd name="connsiteX70" fmla="*/ 2887053 w 4158640"/>
                <a:gd name="connsiteY70" fmla="*/ 782774 h 1673393"/>
                <a:gd name="connsiteX71" fmla="*/ 2918009 w 4158640"/>
                <a:gd name="connsiteY71" fmla="*/ 768487 h 1673393"/>
                <a:gd name="connsiteX72" fmla="*/ 2939440 w 4158640"/>
                <a:gd name="connsiteY72" fmla="*/ 754199 h 1673393"/>
                <a:gd name="connsiteX73" fmla="*/ 2958490 w 4158640"/>
                <a:gd name="connsiteY73" fmla="*/ 735150 h 1673393"/>
                <a:gd name="connsiteX74" fmla="*/ 2987065 w 4158640"/>
                <a:gd name="connsiteY74" fmla="*/ 718481 h 1673393"/>
                <a:gd name="connsiteX75" fmla="*/ 3015640 w 4158640"/>
                <a:gd name="connsiteY75" fmla="*/ 699431 h 1673393"/>
                <a:gd name="connsiteX76" fmla="*/ 4158640 w 4158640"/>
                <a:gd name="connsiteY76" fmla="*/ 23156 h 1673393"/>
                <a:gd name="connsiteX0" fmla="*/ 4158640 w 4158640"/>
                <a:gd name="connsiteY0" fmla="*/ 25419 h 1675656"/>
                <a:gd name="connsiteX1" fmla="*/ 4158640 w 4158640"/>
                <a:gd name="connsiteY1" fmla="*/ 1663719 h 1675656"/>
                <a:gd name="connsiteX2" fmla="*/ 301015 w 4158640"/>
                <a:gd name="connsiteY2" fmla="*/ 1663719 h 1675656"/>
                <a:gd name="connsiteX3" fmla="*/ 430396 w 4158640"/>
                <a:gd name="connsiteY3" fmla="*/ 1643081 h 1675656"/>
                <a:gd name="connsiteX4" fmla="*/ 384358 w 4158640"/>
                <a:gd name="connsiteY4" fmla="*/ 1656576 h 1675656"/>
                <a:gd name="connsiteX5" fmla="*/ 472465 w 4158640"/>
                <a:gd name="connsiteY5" fmla="*/ 1630381 h 1675656"/>
                <a:gd name="connsiteX6" fmla="*/ 527234 w 4158640"/>
                <a:gd name="connsiteY6" fmla="*/ 1620857 h 1675656"/>
                <a:gd name="connsiteX7" fmla="*/ 584384 w 4158640"/>
                <a:gd name="connsiteY7" fmla="*/ 1616094 h 1675656"/>
                <a:gd name="connsiteX8" fmla="*/ 636771 w 4158640"/>
                <a:gd name="connsiteY8" fmla="*/ 1604188 h 1675656"/>
                <a:gd name="connsiteX9" fmla="*/ 708209 w 4158640"/>
                <a:gd name="connsiteY9" fmla="*/ 1587520 h 1675656"/>
                <a:gd name="connsiteX10" fmla="*/ 765359 w 4158640"/>
                <a:gd name="connsiteY10" fmla="*/ 1573232 h 1675656"/>
                <a:gd name="connsiteX11" fmla="*/ 853466 w 4158640"/>
                <a:gd name="connsiteY11" fmla="*/ 1558944 h 1675656"/>
                <a:gd name="connsiteX12" fmla="*/ 951094 w 4158640"/>
                <a:gd name="connsiteY12" fmla="*/ 1549419 h 1675656"/>
                <a:gd name="connsiteX13" fmla="*/ 1010628 w 4158640"/>
                <a:gd name="connsiteY13" fmla="*/ 1539894 h 1675656"/>
                <a:gd name="connsiteX14" fmla="*/ 1060634 w 4158640"/>
                <a:gd name="connsiteY14" fmla="*/ 1537512 h 1675656"/>
                <a:gd name="connsiteX15" fmla="*/ 1115404 w 4158640"/>
                <a:gd name="connsiteY15" fmla="*/ 1516081 h 1675656"/>
                <a:gd name="connsiteX16" fmla="*/ 1163027 w 4158640"/>
                <a:gd name="connsiteY16" fmla="*/ 1499412 h 1675656"/>
                <a:gd name="connsiteX17" fmla="*/ 1213034 w 4158640"/>
                <a:gd name="connsiteY17" fmla="*/ 1492269 h 1675656"/>
                <a:gd name="connsiteX18" fmla="*/ 1253515 w 4158640"/>
                <a:gd name="connsiteY18" fmla="*/ 1485125 h 1675656"/>
                <a:gd name="connsiteX19" fmla="*/ 1293996 w 4158640"/>
                <a:gd name="connsiteY19" fmla="*/ 1475600 h 1675656"/>
                <a:gd name="connsiteX20" fmla="*/ 1336860 w 4158640"/>
                <a:gd name="connsiteY20" fmla="*/ 1447025 h 1675656"/>
                <a:gd name="connsiteX21" fmla="*/ 1358290 w 4158640"/>
                <a:gd name="connsiteY21" fmla="*/ 1425593 h 1675656"/>
                <a:gd name="connsiteX22" fmla="*/ 1384484 w 4158640"/>
                <a:gd name="connsiteY22" fmla="*/ 1413688 h 1675656"/>
                <a:gd name="connsiteX23" fmla="*/ 1427347 w 4158640"/>
                <a:gd name="connsiteY23" fmla="*/ 1394638 h 1675656"/>
                <a:gd name="connsiteX24" fmla="*/ 1455922 w 4158640"/>
                <a:gd name="connsiteY24" fmla="*/ 1382731 h 1675656"/>
                <a:gd name="connsiteX25" fmla="*/ 1491640 w 4158640"/>
                <a:gd name="connsiteY25" fmla="*/ 1363682 h 1675656"/>
                <a:gd name="connsiteX26" fmla="*/ 1534503 w 4158640"/>
                <a:gd name="connsiteY26" fmla="*/ 1347012 h 1675656"/>
                <a:gd name="connsiteX27" fmla="*/ 1563078 w 4158640"/>
                <a:gd name="connsiteY27" fmla="*/ 1337488 h 1675656"/>
                <a:gd name="connsiteX28" fmla="*/ 1589271 w 4158640"/>
                <a:gd name="connsiteY28" fmla="*/ 1330343 h 1675656"/>
                <a:gd name="connsiteX29" fmla="*/ 1620228 w 4158640"/>
                <a:gd name="connsiteY29" fmla="*/ 1325581 h 1675656"/>
                <a:gd name="connsiteX30" fmla="*/ 1648802 w 4158640"/>
                <a:gd name="connsiteY30" fmla="*/ 1318437 h 1675656"/>
                <a:gd name="connsiteX31" fmla="*/ 1682140 w 4158640"/>
                <a:gd name="connsiteY31" fmla="*/ 1313675 h 1675656"/>
                <a:gd name="connsiteX32" fmla="*/ 1710716 w 4158640"/>
                <a:gd name="connsiteY32" fmla="*/ 1297007 h 1675656"/>
                <a:gd name="connsiteX33" fmla="*/ 1732146 w 4158640"/>
                <a:gd name="connsiteY33" fmla="*/ 1280338 h 1675656"/>
                <a:gd name="connsiteX34" fmla="*/ 1767866 w 4158640"/>
                <a:gd name="connsiteY34" fmla="*/ 1261287 h 1675656"/>
                <a:gd name="connsiteX35" fmla="*/ 1796440 w 4158640"/>
                <a:gd name="connsiteY35" fmla="*/ 1247000 h 1675656"/>
                <a:gd name="connsiteX36" fmla="*/ 1825015 w 4158640"/>
                <a:gd name="connsiteY36" fmla="*/ 1235093 h 1675656"/>
                <a:gd name="connsiteX37" fmla="*/ 1851209 w 4158640"/>
                <a:gd name="connsiteY37" fmla="*/ 1220806 h 1675656"/>
                <a:gd name="connsiteX38" fmla="*/ 1875022 w 4158640"/>
                <a:gd name="connsiteY38" fmla="*/ 1213663 h 1675656"/>
                <a:gd name="connsiteX39" fmla="*/ 1896452 w 4158640"/>
                <a:gd name="connsiteY39" fmla="*/ 1201756 h 1675656"/>
                <a:gd name="connsiteX40" fmla="*/ 1927408 w 4158640"/>
                <a:gd name="connsiteY40" fmla="*/ 1192232 h 1675656"/>
                <a:gd name="connsiteX41" fmla="*/ 1967890 w 4158640"/>
                <a:gd name="connsiteY41" fmla="*/ 1168418 h 1675656"/>
                <a:gd name="connsiteX42" fmla="*/ 2010753 w 4158640"/>
                <a:gd name="connsiteY42" fmla="*/ 1156512 h 1675656"/>
                <a:gd name="connsiteX43" fmla="*/ 2041709 w 4158640"/>
                <a:gd name="connsiteY43" fmla="*/ 1144606 h 1675656"/>
                <a:gd name="connsiteX44" fmla="*/ 2072665 w 4158640"/>
                <a:gd name="connsiteY44" fmla="*/ 1135081 h 1675656"/>
                <a:gd name="connsiteX45" fmla="*/ 2108384 w 4158640"/>
                <a:gd name="connsiteY45" fmla="*/ 1127937 h 1675656"/>
                <a:gd name="connsiteX46" fmla="*/ 2139340 w 4158640"/>
                <a:gd name="connsiteY46" fmla="*/ 1111269 h 1675656"/>
                <a:gd name="connsiteX47" fmla="*/ 2170296 w 4158640"/>
                <a:gd name="connsiteY47" fmla="*/ 1096981 h 1675656"/>
                <a:gd name="connsiteX48" fmla="*/ 2198871 w 4158640"/>
                <a:gd name="connsiteY48" fmla="*/ 1085075 h 1675656"/>
                <a:gd name="connsiteX49" fmla="*/ 2241734 w 4158640"/>
                <a:gd name="connsiteY49" fmla="*/ 1070787 h 1675656"/>
                <a:gd name="connsiteX50" fmla="*/ 2265546 w 4158640"/>
                <a:gd name="connsiteY50" fmla="*/ 1051737 h 1675656"/>
                <a:gd name="connsiteX51" fmla="*/ 2286978 w 4158640"/>
                <a:gd name="connsiteY51" fmla="*/ 1039831 h 1675656"/>
                <a:gd name="connsiteX52" fmla="*/ 2310790 w 4158640"/>
                <a:gd name="connsiteY52" fmla="*/ 1027925 h 1675656"/>
                <a:gd name="connsiteX53" fmla="*/ 2341746 w 4158640"/>
                <a:gd name="connsiteY53" fmla="*/ 1008875 h 1675656"/>
                <a:gd name="connsiteX54" fmla="*/ 2367940 w 4158640"/>
                <a:gd name="connsiteY54" fmla="*/ 992207 h 1675656"/>
                <a:gd name="connsiteX55" fmla="*/ 2384609 w 4158640"/>
                <a:gd name="connsiteY55" fmla="*/ 980300 h 1675656"/>
                <a:gd name="connsiteX56" fmla="*/ 2417946 w 4158640"/>
                <a:gd name="connsiteY56" fmla="*/ 975538 h 1675656"/>
                <a:gd name="connsiteX57" fmla="*/ 2451284 w 4158640"/>
                <a:gd name="connsiteY57" fmla="*/ 963631 h 1675656"/>
                <a:gd name="connsiteX58" fmla="*/ 2477478 w 4158640"/>
                <a:gd name="connsiteY58" fmla="*/ 951725 h 1675656"/>
                <a:gd name="connsiteX59" fmla="*/ 2506053 w 4158640"/>
                <a:gd name="connsiteY59" fmla="*/ 946962 h 1675656"/>
                <a:gd name="connsiteX60" fmla="*/ 2527484 w 4158640"/>
                <a:gd name="connsiteY60" fmla="*/ 930294 h 1675656"/>
                <a:gd name="connsiteX61" fmla="*/ 2560821 w 4158640"/>
                <a:gd name="connsiteY61" fmla="*/ 913625 h 1675656"/>
                <a:gd name="connsiteX62" fmla="*/ 2587015 w 4158640"/>
                <a:gd name="connsiteY62" fmla="*/ 892194 h 1675656"/>
                <a:gd name="connsiteX63" fmla="*/ 2667977 w 4158640"/>
                <a:gd name="connsiteY63" fmla="*/ 856475 h 1675656"/>
                <a:gd name="connsiteX64" fmla="*/ 2698934 w 4158640"/>
                <a:gd name="connsiteY64" fmla="*/ 846950 h 1675656"/>
                <a:gd name="connsiteX65" fmla="*/ 2727508 w 4158640"/>
                <a:gd name="connsiteY65" fmla="*/ 839807 h 1675656"/>
                <a:gd name="connsiteX66" fmla="*/ 2758465 w 4158640"/>
                <a:gd name="connsiteY66" fmla="*/ 839806 h 1675656"/>
                <a:gd name="connsiteX67" fmla="*/ 2791803 w 4158640"/>
                <a:gd name="connsiteY67" fmla="*/ 823137 h 1675656"/>
                <a:gd name="connsiteX68" fmla="*/ 2827521 w 4158640"/>
                <a:gd name="connsiteY68" fmla="*/ 811231 h 1675656"/>
                <a:gd name="connsiteX69" fmla="*/ 2860859 w 4158640"/>
                <a:gd name="connsiteY69" fmla="*/ 801706 h 1675656"/>
                <a:gd name="connsiteX70" fmla="*/ 2887053 w 4158640"/>
                <a:gd name="connsiteY70" fmla="*/ 785037 h 1675656"/>
                <a:gd name="connsiteX71" fmla="*/ 2918009 w 4158640"/>
                <a:gd name="connsiteY71" fmla="*/ 770750 h 1675656"/>
                <a:gd name="connsiteX72" fmla="*/ 2939440 w 4158640"/>
                <a:gd name="connsiteY72" fmla="*/ 756462 h 1675656"/>
                <a:gd name="connsiteX73" fmla="*/ 2958490 w 4158640"/>
                <a:gd name="connsiteY73" fmla="*/ 737413 h 1675656"/>
                <a:gd name="connsiteX74" fmla="*/ 2987065 w 4158640"/>
                <a:gd name="connsiteY74" fmla="*/ 720744 h 1675656"/>
                <a:gd name="connsiteX75" fmla="*/ 3015640 w 4158640"/>
                <a:gd name="connsiteY75" fmla="*/ 701694 h 1675656"/>
                <a:gd name="connsiteX76" fmla="*/ 3060884 w 4158640"/>
                <a:gd name="connsiteY76" fmla="*/ 668357 h 1675656"/>
                <a:gd name="connsiteX77" fmla="*/ 4158640 w 4158640"/>
                <a:gd name="connsiteY77" fmla="*/ 25419 h 1675656"/>
                <a:gd name="connsiteX0" fmla="*/ 4158640 w 4158640"/>
                <a:gd name="connsiteY0" fmla="*/ 24983 h 1675220"/>
                <a:gd name="connsiteX1" fmla="*/ 4158640 w 4158640"/>
                <a:gd name="connsiteY1" fmla="*/ 1663283 h 1675220"/>
                <a:gd name="connsiteX2" fmla="*/ 301015 w 4158640"/>
                <a:gd name="connsiteY2" fmla="*/ 1663283 h 1675220"/>
                <a:gd name="connsiteX3" fmla="*/ 430396 w 4158640"/>
                <a:gd name="connsiteY3" fmla="*/ 1642645 h 1675220"/>
                <a:gd name="connsiteX4" fmla="*/ 384358 w 4158640"/>
                <a:gd name="connsiteY4" fmla="*/ 1656140 h 1675220"/>
                <a:gd name="connsiteX5" fmla="*/ 472465 w 4158640"/>
                <a:gd name="connsiteY5" fmla="*/ 1629945 h 1675220"/>
                <a:gd name="connsiteX6" fmla="*/ 527234 w 4158640"/>
                <a:gd name="connsiteY6" fmla="*/ 1620421 h 1675220"/>
                <a:gd name="connsiteX7" fmla="*/ 584384 w 4158640"/>
                <a:gd name="connsiteY7" fmla="*/ 1615658 h 1675220"/>
                <a:gd name="connsiteX8" fmla="*/ 636771 w 4158640"/>
                <a:gd name="connsiteY8" fmla="*/ 1603752 h 1675220"/>
                <a:gd name="connsiteX9" fmla="*/ 708209 w 4158640"/>
                <a:gd name="connsiteY9" fmla="*/ 1587084 h 1675220"/>
                <a:gd name="connsiteX10" fmla="*/ 765359 w 4158640"/>
                <a:gd name="connsiteY10" fmla="*/ 1572796 h 1675220"/>
                <a:gd name="connsiteX11" fmla="*/ 853466 w 4158640"/>
                <a:gd name="connsiteY11" fmla="*/ 1558508 h 1675220"/>
                <a:gd name="connsiteX12" fmla="*/ 951094 w 4158640"/>
                <a:gd name="connsiteY12" fmla="*/ 1548983 h 1675220"/>
                <a:gd name="connsiteX13" fmla="*/ 1010628 w 4158640"/>
                <a:gd name="connsiteY13" fmla="*/ 1539458 h 1675220"/>
                <a:gd name="connsiteX14" fmla="*/ 1060634 w 4158640"/>
                <a:gd name="connsiteY14" fmla="*/ 1537076 h 1675220"/>
                <a:gd name="connsiteX15" fmla="*/ 1115404 w 4158640"/>
                <a:gd name="connsiteY15" fmla="*/ 1515645 h 1675220"/>
                <a:gd name="connsiteX16" fmla="*/ 1163027 w 4158640"/>
                <a:gd name="connsiteY16" fmla="*/ 1498976 h 1675220"/>
                <a:gd name="connsiteX17" fmla="*/ 1213034 w 4158640"/>
                <a:gd name="connsiteY17" fmla="*/ 1491833 h 1675220"/>
                <a:gd name="connsiteX18" fmla="*/ 1253515 w 4158640"/>
                <a:gd name="connsiteY18" fmla="*/ 1484689 h 1675220"/>
                <a:gd name="connsiteX19" fmla="*/ 1293996 w 4158640"/>
                <a:gd name="connsiteY19" fmla="*/ 1475164 h 1675220"/>
                <a:gd name="connsiteX20" fmla="*/ 1336860 w 4158640"/>
                <a:gd name="connsiteY20" fmla="*/ 1446589 h 1675220"/>
                <a:gd name="connsiteX21" fmla="*/ 1358290 w 4158640"/>
                <a:gd name="connsiteY21" fmla="*/ 1425157 h 1675220"/>
                <a:gd name="connsiteX22" fmla="*/ 1384484 w 4158640"/>
                <a:gd name="connsiteY22" fmla="*/ 1413252 h 1675220"/>
                <a:gd name="connsiteX23" fmla="*/ 1427347 w 4158640"/>
                <a:gd name="connsiteY23" fmla="*/ 1394202 h 1675220"/>
                <a:gd name="connsiteX24" fmla="*/ 1455922 w 4158640"/>
                <a:gd name="connsiteY24" fmla="*/ 1382295 h 1675220"/>
                <a:gd name="connsiteX25" fmla="*/ 1491640 w 4158640"/>
                <a:gd name="connsiteY25" fmla="*/ 1363246 h 1675220"/>
                <a:gd name="connsiteX26" fmla="*/ 1534503 w 4158640"/>
                <a:gd name="connsiteY26" fmla="*/ 1346576 h 1675220"/>
                <a:gd name="connsiteX27" fmla="*/ 1563078 w 4158640"/>
                <a:gd name="connsiteY27" fmla="*/ 1337052 h 1675220"/>
                <a:gd name="connsiteX28" fmla="*/ 1589271 w 4158640"/>
                <a:gd name="connsiteY28" fmla="*/ 1329907 h 1675220"/>
                <a:gd name="connsiteX29" fmla="*/ 1620228 w 4158640"/>
                <a:gd name="connsiteY29" fmla="*/ 1325145 h 1675220"/>
                <a:gd name="connsiteX30" fmla="*/ 1648802 w 4158640"/>
                <a:gd name="connsiteY30" fmla="*/ 1318001 h 1675220"/>
                <a:gd name="connsiteX31" fmla="*/ 1682140 w 4158640"/>
                <a:gd name="connsiteY31" fmla="*/ 1313239 h 1675220"/>
                <a:gd name="connsiteX32" fmla="*/ 1710716 w 4158640"/>
                <a:gd name="connsiteY32" fmla="*/ 1296571 h 1675220"/>
                <a:gd name="connsiteX33" fmla="*/ 1732146 w 4158640"/>
                <a:gd name="connsiteY33" fmla="*/ 1279902 h 1675220"/>
                <a:gd name="connsiteX34" fmla="*/ 1767866 w 4158640"/>
                <a:gd name="connsiteY34" fmla="*/ 1260851 h 1675220"/>
                <a:gd name="connsiteX35" fmla="*/ 1796440 w 4158640"/>
                <a:gd name="connsiteY35" fmla="*/ 1246564 h 1675220"/>
                <a:gd name="connsiteX36" fmla="*/ 1825015 w 4158640"/>
                <a:gd name="connsiteY36" fmla="*/ 1234657 h 1675220"/>
                <a:gd name="connsiteX37" fmla="*/ 1851209 w 4158640"/>
                <a:gd name="connsiteY37" fmla="*/ 1220370 h 1675220"/>
                <a:gd name="connsiteX38" fmla="*/ 1875022 w 4158640"/>
                <a:gd name="connsiteY38" fmla="*/ 1213227 h 1675220"/>
                <a:gd name="connsiteX39" fmla="*/ 1896452 w 4158640"/>
                <a:gd name="connsiteY39" fmla="*/ 1201320 h 1675220"/>
                <a:gd name="connsiteX40" fmla="*/ 1927408 w 4158640"/>
                <a:gd name="connsiteY40" fmla="*/ 1191796 h 1675220"/>
                <a:gd name="connsiteX41" fmla="*/ 1967890 w 4158640"/>
                <a:gd name="connsiteY41" fmla="*/ 1167982 h 1675220"/>
                <a:gd name="connsiteX42" fmla="*/ 2010753 w 4158640"/>
                <a:gd name="connsiteY42" fmla="*/ 1156076 h 1675220"/>
                <a:gd name="connsiteX43" fmla="*/ 2041709 w 4158640"/>
                <a:gd name="connsiteY43" fmla="*/ 1144170 h 1675220"/>
                <a:gd name="connsiteX44" fmla="*/ 2072665 w 4158640"/>
                <a:gd name="connsiteY44" fmla="*/ 1134645 h 1675220"/>
                <a:gd name="connsiteX45" fmla="*/ 2108384 w 4158640"/>
                <a:gd name="connsiteY45" fmla="*/ 1127501 h 1675220"/>
                <a:gd name="connsiteX46" fmla="*/ 2139340 w 4158640"/>
                <a:gd name="connsiteY46" fmla="*/ 1110833 h 1675220"/>
                <a:gd name="connsiteX47" fmla="*/ 2170296 w 4158640"/>
                <a:gd name="connsiteY47" fmla="*/ 1096545 h 1675220"/>
                <a:gd name="connsiteX48" fmla="*/ 2198871 w 4158640"/>
                <a:gd name="connsiteY48" fmla="*/ 1084639 h 1675220"/>
                <a:gd name="connsiteX49" fmla="*/ 2241734 w 4158640"/>
                <a:gd name="connsiteY49" fmla="*/ 1070351 h 1675220"/>
                <a:gd name="connsiteX50" fmla="*/ 2265546 w 4158640"/>
                <a:gd name="connsiteY50" fmla="*/ 1051301 h 1675220"/>
                <a:gd name="connsiteX51" fmla="*/ 2286978 w 4158640"/>
                <a:gd name="connsiteY51" fmla="*/ 1039395 h 1675220"/>
                <a:gd name="connsiteX52" fmla="*/ 2310790 w 4158640"/>
                <a:gd name="connsiteY52" fmla="*/ 1027489 h 1675220"/>
                <a:gd name="connsiteX53" fmla="*/ 2341746 w 4158640"/>
                <a:gd name="connsiteY53" fmla="*/ 1008439 h 1675220"/>
                <a:gd name="connsiteX54" fmla="*/ 2367940 w 4158640"/>
                <a:gd name="connsiteY54" fmla="*/ 991771 h 1675220"/>
                <a:gd name="connsiteX55" fmla="*/ 2384609 w 4158640"/>
                <a:gd name="connsiteY55" fmla="*/ 979864 h 1675220"/>
                <a:gd name="connsiteX56" fmla="*/ 2417946 w 4158640"/>
                <a:gd name="connsiteY56" fmla="*/ 975102 h 1675220"/>
                <a:gd name="connsiteX57" fmla="*/ 2451284 w 4158640"/>
                <a:gd name="connsiteY57" fmla="*/ 963195 h 1675220"/>
                <a:gd name="connsiteX58" fmla="*/ 2477478 w 4158640"/>
                <a:gd name="connsiteY58" fmla="*/ 951289 h 1675220"/>
                <a:gd name="connsiteX59" fmla="*/ 2506053 w 4158640"/>
                <a:gd name="connsiteY59" fmla="*/ 946526 h 1675220"/>
                <a:gd name="connsiteX60" fmla="*/ 2527484 w 4158640"/>
                <a:gd name="connsiteY60" fmla="*/ 929858 h 1675220"/>
                <a:gd name="connsiteX61" fmla="*/ 2560821 w 4158640"/>
                <a:gd name="connsiteY61" fmla="*/ 913189 h 1675220"/>
                <a:gd name="connsiteX62" fmla="*/ 2587015 w 4158640"/>
                <a:gd name="connsiteY62" fmla="*/ 891758 h 1675220"/>
                <a:gd name="connsiteX63" fmla="*/ 2667977 w 4158640"/>
                <a:gd name="connsiteY63" fmla="*/ 856039 h 1675220"/>
                <a:gd name="connsiteX64" fmla="*/ 2698934 w 4158640"/>
                <a:gd name="connsiteY64" fmla="*/ 846514 h 1675220"/>
                <a:gd name="connsiteX65" fmla="*/ 2727508 w 4158640"/>
                <a:gd name="connsiteY65" fmla="*/ 839371 h 1675220"/>
                <a:gd name="connsiteX66" fmla="*/ 2758465 w 4158640"/>
                <a:gd name="connsiteY66" fmla="*/ 839370 h 1675220"/>
                <a:gd name="connsiteX67" fmla="*/ 2791803 w 4158640"/>
                <a:gd name="connsiteY67" fmla="*/ 822701 h 1675220"/>
                <a:gd name="connsiteX68" fmla="*/ 2827521 w 4158640"/>
                <a:gd name="connsiteY68" fmla="*/ 810795 h 1675220"/>
                <a:gd name="connsiteX69" fmla="*/ 2860859 w 4158640"/>
                <a:gd name="connsiteY69" fmla="*/ 801270 h 1675220"/>
                <a:gd name="connsiteX70" fmla="*/ 2887053 w 4158640"/>
                <a:gd name="connsiteY70" fmla="*/ 784601 h 1675220"/>
                <a:gd name="connsiteX71" fmla="*/ 2918009 w 4158640"/>
                <a:gd name="connsiteY71" fmla="*/ 770314 h 1675220"/>
                <a:gd name="connsiteX72" fmla="*/ 2939440 w 4158640"/>
                <a:gd name="connsiteY72" fmla="*/ 756026 h 1675220"/>
                <a:gd name="connsiteX73" fmla="*/ 2958490 w 4158640"/>
                <a:gd name="connsiteY73" fmla="*/ 736977 h 1675220"/>
                <a:gd name="connsiteX74" fmla="*/ 2987065 w 4158640"/>
                <a:gd name="connsiteY74" fmla="*/ 720308 h 1675220"/>
                <a:gd name="connsiteX75" fmla="*/ 3015640 w 4158640"/>
                <a:gd name="connsiteY75" fmla="*/ 701258 h 1675220"/>
                <a:gd name="connsiteX76" fmla="*/ 3063265 w 4158640"/>
                <a:gd name="connsiteY76" fmla="*/ 682208 h 1675220"/>
                <a:gd name="connsiteX77" fmla="*/ 4158640 w 4158640"/>
                <a:gd name="connsiteY77" fmla="*/ 24983 h 1675220"/>
                <a:gd name="connsiteX0" fmla="*/ 4158640 w 4158640"/>
                <a:gd name="connsiteY0" fmla="*/ 26385 h 1676622"/>
                <a:gd name="connsiteX1" fmla="*/ 4158640 w 4158640"/>
                <a:gd name="connsiteY1" fmla="*/ 1664685 h 1676622"/>
                <a:gd name="connsiteX2" fmla="*/ 301015 w 4158640"/>
                <a:gd name="connsiteY2" fmla="*/ 1664685 h 1676622"/>
                <a:gd name="connsiteX3" fmla="*/ 430396 w 4158640"/>
                <a:gd name="connsiteY3" fmla="*/ 1644047 h 1676622"/>
                <a:gd name="connsiteX4" fmla="*/ 384358 w 4158640"/>
                <a:gd name="connsiteY4" fmla="*/ 1657542 h 1676622"/>
                <a:gd name="connsiteX5" fmla="*/ 472465 w 4158640"/>
                <a:gd name="connsiteY5" fmla="*/ 1631347 h 1676622"/>
                <a:gd name="connsiteX6" fmla="*/ 527234 w 4158640"/>
                <a:gd name="connsiteY6" fmla="*/ 1621823 h 1676622"/>
                <a:gd name="connsiteX7" fmla="*/ 584384 w 4158640"/>
                <a:gd name="connsiteY7" fmla="*/ 1617060 h 1676622"/>
                <a:gd name="connsiteX8" fmla="*/ 636771 w 4158640"/>
                <a:gd name="connsiteY8" fmla="*/ 1605154 h 1676622"/>
                <a:gd name="connsiteX9" fmla="*/ 708209 w 4158640"/>
                <a:gd name="connsiteY9" fmla="*/ 1588486 h 1676622"/>
                <a:gd name="connsiteX10" fmla="*/ 765359 w 4158640"/>
                <a:gd name="connsiteY10" fmla="*/ 1574198 h 1676622"/>
                <a:gd name="connsiteX11" fmla="*/ 853466 w 4158640"/>
                <a:gd name="connsiteY11" fmla="*/ 1559910 h 1676622"/>
                <a:gd name="connsiteX12" fmla="*/ 951094 w 4158640"/>
                <a:gd name="connsiteY12" fmla="*/ 1550385 h 1676622"/>
                <a:gd name="connsiteX13" fmla="*/ 1010628 w 4158640"/>
                <a:gd name="connsiteY13" fmla="*/ 1540860 h 1676622"/>
                <a:gd name="connsiteX14" fmla="*/ 1060634 w 4158640"/>
                <a:gd name="connsiteY14" fmla="*/ 1538478 h 1676622"/>
                <a:gd name="connsiteX15" fmla="*/ 1115404 w 4158640"/>
                <a:gd name="connsiteY15" fmla="*/ 1517047 h 1676622"/>
                <a:gd name="connsiteX16" fmla="*/ 1163027 w 4158640"/>
                <a:gd name="connsiteY16" fmla="*/ 1500378 h 1676622"/>
                <a:gd name="connsiteX17" fmla="*/ 1213034 w 4158640"/>
                <a:gd name="connsiteY17" fmla="*/ 1493235 h 1676622"/>
                <a:gd name="connsiteX18" fmla="*/ 1253515 w 4158640"/>
                <a:gd name="connsiteY18" fmla="*/ 1486091 h 1676622"/>
                <a:gd name="connsiteX19" fmla="*/ 1293996 w 4158640"/>
                <a:gd name="connsiteY19" fmla="*/ 1476566 h 1676622"/>
                <a:gd name="connsiteX20" fmla="*/ 1336860 w 4158640"/>
                <a:gd name="connsiteY20" fmla="*/ 1447991 h 1676622"/>
                <a:gd name="connsiteX21" fmla="*/ 1358290 w 4158640"/>
                <a:gd name="connsiteY21" fmla="*/ 1426559 h 1676622"/>
                <a:gd name="connsiteX22" fmla="*/ 1384484 w 4158640"/>
                <a:gd name="connsiteY22" fmla="*/ 1414654 h 1676622"/>
                <a:gd name="connsiteX23" fmla="*/ 1427347 w 4158640"/>
                <a:gd name="connsiteY23" fmla="*/ 1395604 h 1676622"/>
                <a:gd name="connsiteX24" fmla="*/ 1455922 w 4158640"/>
                <a:gd name="connsiteY24" fmla="*/ 1383697 h 1676622"/>
                <a:gd name="connsiteX25" fmla="*/ 1491640 w 4158640"/>
                <a:gd name="connsiteY25" fmla="*/ 1364648 h 1676622"/>
                <a:gd name="connsiteX26" fmla="*/ 1534503 w 4158640"/>
                <a:gd name="connsiteY26" fmla="*/ 1347978 h 1676622"/>
                <a:gd name="connsiteX27" fmla="*/ 1563078 w 4158640"/>
                <a:gd name="connsiteY27" fmla="*/ 1338454 h 1676622"/>
                <a:gd name="connsiteX28" fmla="*/ 1589271 w 4158640"/>
                <a:gd name="connsiteY28" fmla="*/ 1331309 h 1676622"/>
                <a:gd name="connsiteX29" fmla="*/ 1620228 w 4158640"/>
                <a:gd name="connsiteY29" fmla="*/ 1326547 h 1676622"/>
                <a:gd name="connsiteX30" fmla="*/ 1648802 w 4158640"/>
                <a:gd name="connsiteY30" fmla="*/ 1319403 h 1676622"/>
                <a:gd name="connsiteX31" fmla="*/ 1682140 w 4158640"/>
                <a:gd name="connsiteY31" fmla="*/ 1314641 h 1676622"/>
                <a:gd name="connsiteX32" fmla="*/ 1710716 w 4158640"/>
                <a:gd name="connsiteY32" fmla="*/ 1297973 h 1676622"/>
                <a:gd name="connsiteX33" fmla="*/ 1732146 w 4158640"/>
                <a:gd name="connsiteY33" fmla="*/ 1281304 h 1676622"/>
                <a:gd name="connsiteX34" fmla="*/ 1767866 w 4158640"/>
                <a:gd name="connsiteY34" fmla="*/ 1262253 h 1676622"/>
                <a:gd name="connsiteX35" fmla="*/ 1796440 w 4158640"/>
                <a:gd name="connsiteY35" fmla="*/ 1247966 h 1676622"/>
                <a:gd name="connsiteX36" fmla="*/ 1825015 w 4158640"/>
                <a:gd name="connsiteY36" fmla="*/ 1236059 h 1676622"/>
                <a:gd name="connsiteX37" fmla="*/ 1851209 w 4158640"/>
                <a:gd name="connsiteY37" fmla="*/ 1221772 h 1676622"/>
                <a:gd name="connsiteX38" fmla="*/ 1875022 w 4158640"/>
                <a:gd name="connsiteY38" fmla="*/ 1214629 h 1676622"/>
                <a:gd name="connsiteX39" fmla="*/ 1896452 w 4158640"/>
                <a:gd name="connsiteY39" fmla="*/ 1202722 h 1676622"/>
                <a:gd name="connsiteX40" fmla="*/ 1927408 w 4158640"/>
                <a:gd name="connsiteY40" fmla="*/ 1193198 h 1676622"/>
                <a:gd name="connsiteX41" fmla="*/ 1967890 w 4158640"/>
                <a:gd name="connsiteY41" fmla="*/ 1169384 h 1676622"/>
                <a:gd name="connsiteX42" fmla="*/ 2010753 w 4158640"/>
                <a:gd name="connsiteY42" fmla="*/ 1157478 h 1676622"/>
                <a:gd name="connsiteX43" fmla="*/ 2041709 w 4158640"/>
                <a:gd name="connsiteY43" fmla="*/ 1145572 h 1676622"/>
                <a:gd name="connsiteX44" fmla="*/ 2072665 w 4158640"/>
                <a:gd name="connsiteY44" fmla="*/ 1136047 h 1676622"/>
                <a:gd name="connsiteX45" fmla="*/ 2108384 w 4158640"/>
                <a:gd name="connsiteY45" fmla="*/ 1128903 h 1676622"/>
                <a:gd name="connsiteX46" fmla="*/ 2139340 w 4158640"/>
                <a:gd name="connsiteY46" fmla="*/ 1112235 h 1676622"/>
                <a:gd name="connsiteX47" fmla="*/ 2170296 w 4158640"/>
                <a:gd name="connsiteY47" fmla="*/ 1097947 h 1676622"/>
                <a:gd name="connsiteX48" fmla="*/ 2198871 w 4158640"/>
                <a:gd name="connsiteY48" fmla="*/ 1086041 h 1676622"/>
                <a:gd name="connsiteX49" fmla="*/ 2241734 w 4158640"/>
                <a:gd name="connsiteY49" fmla="*/ 1071753 h 1676622"/>
                <a:gd name="connsiteX50" fmla="*/ 2265546 w 4158640"/>
                <a:gd name="connsiteY50" fmla="*/ 1052703 h 1676622"/>
                <a:gd name="connsiteX51" fmla="*/ 2286978 w 4158640"/>
                <a:gd name="connsiteY51" fmla="*/ 1040797 h 1676622"/>
                <a:gd name="connsiteX52" fmla="*/ 2310790 w 4158640"/>
                <a:gd name="connsiteY52" fmla="*/ 1028891 h 1676622"/>
                <a:gd name="connsiteX53" fmla="*/ 2341746 w 4158640"/>
                <a:gd name="connsiteY53" fmla="*/ 1009841 h 1676622"/>
                <a:gd name="connsiteX54" fmla="*/ 2367940 w 4158640"/>
                <a:gd name="connsiteY54" fmla="*/ 993173 h 1676622"/>
                <a:gd name="connsiteX55" fmla="*/ 2384609 w 4158640"/>
                <a:gd name="connsiteY55" fmla="*/ 981266 h 1676622"/>
                <a:gd name="connsiteX56" fmla="*/ 2417946 w 4158640"/>
                <a:gd name="connsiteY56" fmla="*/ 976504 h 1676622"/>
                <a:gd name="connsiteX57" fmla="*/ 2451284 w 4158640"/>
                <a:gd name="connsiteY57" fmla="*/ 964597 h 1676622"/>
                <a:gd name="connsiteX58" fmla="*/ 2477478 w 4158640"/>
                <a:gd name="connsiteY58" fmla="*/ 952691 h 1676622"/>
                <a:gd name="connsiteX59" fmla="*/ 2506053 w 4158640"/>
                <a:gd name="connsiteY59" fmla="*/ 947928 h 1676622"/>
                <a:gd name="connsiteX60" fmla="*/ 2527484 w 4158640"/>
                <a:gd name="connsiteY60" fmla="*/ 931260 h 1676622"/>
                <a:gd name="connsiteX61" fmla="*/ 2560821 w 4158640"/>
                <a:gd name="connsiteY61" fmla="*/ 914591 h 1676622"/>
                <a:gd name="connsiteX62" fmla="*/ 2587015 w 4158640"/>
                <a:gd name="connsiteY62" fmla="*/ 893160 h 1676622"/>
                <a:gd name="connsiteX63" fmla="*/ 2667977 w 4158640"/>
                <a:gd name="connsiteY63" fmla="*/ 857441 h 1676622"/>
                <a:gd name="connsiteX64" fmla="*/ 2698934 w 4158640"/>
                <a:gd name="connsiteY64" fmla="*/ 847916 h 1676622"/>
                <a:gd name="connsiteX65" fmla="*/ 2727508 w 4158640"/>
                <a:gd name="connsiteY65" fmla="*/ 840773 h 1676622"/>
                <a:gd name="connsiteX66" fmla="*/ 2758465 w 4158640"/>
                <a:gd name="connsiteY66" fmla="*/ 840772 h 1676622"/>
                <a:gd name="connsiteX67" fmla="*/ 2791803 w 4158640"/>
                <a:gd name="connsiteY67" fmla="*/ 824103 h 1676622"/>
                <a:gd name="connsiteX68" fmla="*/ 2827521 w 4158640"/>
                <a:gd name="connsiteY68" fmla="*/ 812197 h 1676622"/>
                <a:gd name="connsiteX69" fmla="*/ 2860859 w 4158640"/>
                <a:gd name="connsiteY69" fmla="*/ 802672 h 1676622"/>
                <a:gd name="connsiteX70" fmla="*/ 2887053 w 4158640"/>
                <a:gd name="connsiteY70" fmla="*/ 786003 h 1676622"/>
                <a:gd name="connsiteX71" fmla="*/ 2918009 w 4158640"/>
                <a:gd name="connsiteY71" fmla="*/ 771716 h 1676622"/>
                <a:gd name="connsiteX72" fmla="*/ 2939440 w 4158640"/>
                <a:gd name="connsiteY72" fmla="*/ 757428 h 1676622"/>
                <a:gd name="connsiteX73" fmla="*/ 2958490 w 4158640"/>
                <a:gd name="connsiteY73" fmla="*/ 738379 h 1676622"/>
                <a:gd name="connsiteX74" fmla="*/ 2987065 w 4158640"/>
                <a:gd name="connsiteY74" fmla="*/ 721710 h 1676622"/>
                <a:gd name="connsiteX75" fmla="*/ 3015640 w 4158640"/>
                <a:gd name="connsiteY75" fmla="*/ 702660 h 1676622"/>
                <a:gd name="connsiteX76" fmla="*/ 3063265 w 4158640"/>
                <a:gd name="connsiteY76" fmla="*/ 683610 h 1676622"/>
                <a:gd name="connsiteX77" fmla="*/ 3108509 w 4158640"/>
                <a:gd name="connsiteY77" fmla="*/ 655036 h 1676622"/>
                <a:gd name="connsiteX78" fmla="*/ 4158640 w 4158640"/>
                <a:gd name="connsiteY78" fmla="*/ 26385 h 1676622"/>
                <a:gd name="connsiteX0" fmla="*/ 4158640 w 4158640"/>
                <a:gd name="connsiteY0" fmla="*/ 26156 h 1676393"/>
                <a:gd name="connsiteX1" fmla="*/ 4158640 w 4158640"/>
                <a:gd name="connsiteY1" fmla="*/ 1664456 h 1676393"/>
                <a:gd name="connsiteX2" fmla="*/ 301015 w 4158640"/>
                <a:gd name="connsiteY2" fmla="*/ 1664456 h 1676393"/>
                <a:gd name="connsiteX3" fmla="*/ 430396 w 4158640"/>
                <a:gd name="connsiteY3" fmla="*/ 1643818 h 1676393"/>
                <a:gd name="connsiteX4" fmla="*/ 384358 w 4158640"/>
                <a:gd name="connsiteY4" fmla="*/ 1657313 h 1676393"/>
                <a:gd name="connsiteX5" fmla="*/ 472465 w 4158640"/>
                <a:gd name="connsiteY5" fmla="*/ 1631118 h 1676393"/>
                <a:gd name="connsiteX6" fmla="*/ 527234 w 4158640"/>
                <a:gd name="connsiteY6" fmla="*/ 1621594 h 1676393"/>
                <a:gd name="connsiteX7" fmla="*/ 584384 w 4158640"/>
                <a:gd name="connsiteY7" fmla="*/ 1616831 h 1676393"/>
                <a:gd name="connsiteX8" fmla="*/ 636771 w 4158640"/>
                <a:gd name="connsiteY8" fmla="*/ 1604925 h 1676393"/>
                <a:gd name="connsiteX9" fmla="*/ 708209 w 4158640"/>
                <a:gd name="connsiteY9" fmla="*/ 1588257 h 1676393"/>
                <a:gd name="connsiteX10" fmla="*/ 765359 w 4158640"/>
                <a:gd name="connsiteY10" fmla="*/ 1573969 h 1676393"/>
                <a:gd name="connsiteX11" fmla="*/ 853466 w 4158640"/>
                <a:gd name="connsiteY11" fmla="*/ 1559681 h 1676393"/>
                <a:gd name="connsiteX12" fmla="*/ 951094 w 4158640"/>
                <a:gd name="connsiteY12" fmla="*/ 1550156 h 1676393"/>
                <a:gd name="connsiteX13" fmla="*/ 1010628 w 4158640"/>
                <a:gd name="connsiteY13" fmla="*/ 1540631 h 1676393"/>
                <a:gd name="connsiteX14" fmla="*/ 1060634 w 4158640"/>
                <a:gd name="connsiteY14" fmla="*/ 1538249 h 1676393"/>
                <a:gd name="connsiteX15" fmla="*/ 1115404 w 4158640"/>
                <a:gd name="connsiteY15" fmla="*/ 1516818 h 1676393"/>
                <a:gd name="connsiteX16" fmla="*/ 1163027 w 4158640"/>
                <a:gd name="connsiteY16" fmla="*/ 1500149 h 1676393"/>
                <a:gd name="connsiteX17" fmla="*/ 1213034 w 4158640"/>
                <a:gd name="connsiteY17" fmla="*/ 1493006 h 1676393"/>
                <a:gd name="connsiteX18" fmla="*/ 1253515 w 4158640"/>
                <a:gd name="connsiteY18" fmla="*/ 1485862 h 1676393"/>
                <a:gd name="connsiteX19" fmla="*/ 1293996 w 4158640"/>
                <a:gd name="connsiteY19" fmla="*/ 1476337 h 1676393"/>
                <a:gd name="connsiteX20" fmla="*/ 1336860 w 4158640"/>
                <a:gd name="connsiteY20" fmla="*/ 1447762 h 1676393"/>
                <a:gd name="connsiteX21" fmla="*/ 1358290 w 4158640"/>
                <a:gd name="connsiteY21" fmla="*/ 1426330 h 1676393"/>
                <a:gd name="connsiteX22" fmla="*/ 1384484 w 4158640"/>
                <a:gd name="connsiteY22" fmla="*/ 1414425 h 1676393"/>
                <a:gd name="connsiteX23" fmla="*/ 1427347 w 4158640"/>
                <a:gd name="connsiteY23" fmla="*/ 1395375 h 1676393"/>
                <a:gd name="connsiteX24" fmla="*/ 1455922 w 4158640"/>
                <a:gd name="connsiteY24" fmla="*/ 1383468 h 1676393"/>
                <a:gd name="connsiteX25" fmla="*/ 1491640 w 4158640"/>
                <a:gd name="connsiteY25" fmla="*/ 1364419 h 1676393"/>
                <a:gd name="connsiteX26" fmla="*/ 1534503 w 4158640"/>
                <a:gd name="connsiteY26" fmla="*/ 1347749 h 1676393"/>
                <a:gd name="connsiteX27" fmla="*/ 1563078 w 4158640"/>
                <a:gd name="connsiteY27" fmla="*/ 1338225 h 1676393"/>
                <a:gd name="connsiteX28" fmla="*/ 1589271 w 4158640"/>
                <a:gd name="connsiteY28" fmla="*/ 1331080 h 1676393"/>
                <a:gd name="connsiteX29" fmla="*/ 1620228 w 4158640"/>
                <a:gd name="connsiteY29" fmla="*/ 1326318 h 1676393"/>
                <a:gd name="connsiteX30" fmla="*/ 1648802 w 4158640"/>
                <a:gd name="connsiteY30" fmla="*/ 1319174 h 1676393"/>
                <a:gd name="connsiteX31" fmla="*/ 1682140 w 4158640"/>
                <a:gd name="connsiteY31" fmla="*/ 1314412 h 1676393"/>
                <a:gd name="connsiteX32" fmla="*/ 1710716 w 4158640"/>
                <a:gd name="connsiteY32" fmla="*/ 1297744 h 1676393"/>
                <a:gd name="connsiteX33" fmla="*/ 1732146 w 4158640"/>
                <a:gd name="connsiteY33" fmla="*/ 1281075 h 1676393"/>
                <a:gd name="connsiteX34" fmla="*/ 1767866 w 4158640"/>
                <a:gd name="connsiteY34" fmla="*/ 1262024 h 1676393"/>
                <a:gd name="connsiteX35" fmla="*/ 1796440 w 4158640"/>
                <a:gd name="connsiteY35" fmla="*/ 1247737 h 1676393"/>
                <a:gd name="connsiteX36" fmla="*/ 1825015 w 4158640"/>
                <a:gd name="connsiteY36" fmla="*/ 1235830 h 1676393"/>
                <a:gd name="connsiteX37" fmla="*/ 1851209 w 4158640"/>
                <a:gd name="connsiteY37" fmla="*/ 1221543 h 1676393"/>
                <a:gd name="connsiteX38" fmla="*/ 1875022 w 4158640"/>
                <a:gd name="connsiteY38" fmla="*/ 1214400 h 1676393"/>
                <a:gd name="connsiteX39" fmla="*/ 1896452 w 4158640"/>
                <a:gd name="connsiteY39" fmla="*/ 1202493 h 1676393"/>
                <a:gd name="connsiteX40" fmla="*/ 1927408 w 4158640"/>
                <a:gd name="connsiteY40" fmla="*/ 1192969 h 1676393"/>
                <a:gd name="connsiteX41" fmla="*/ 1967890 w 4158640"/>
                <a:gd name="connsiteY41" fmla="*/ 1169155 h 1676393"/>
                <a:gd name="connsiteX42" fmla="*/ 2010753 w 4158640"/>
                <a:gd name="connsiteY42" fmla="*/ 1157249 h 1676393"/>
                <a:gd name="connsiteX43" fmla="*/ 2041709 w 4158640"/>
                <a:gd name="connsiteY43" fmla="*/ 1145343 h 1676393"/>
                <a:gd name="connsiteX44" fmla="*/ 2072665 w 4158640"/>
                <a:gd name="connsiteY44" fmla="*/ 1135818 h 1676393"/>
                <a:gd name="connsiteX45" fmla="*/ 2108384 w 4158640"/>
                <a:gd name="connsiteY45" fmla="*/ 1128674 h 1676393"/>
                <a:gd name="connsiteX46" fmla="*/ 2139340 w 4158640"/>
                <a:gd name="connsiteY46" fmla="*/ 1112006 h 1676393"/>
                <a:gd name="connsiteX47" fmla="*/ 2170296 w 4158640"/>
                <a:gd name="connsiteY47" fmla="*/ 1097718 h 1676393"/>
                <a:gd name="connsiteX48" fmla="*/ 2198871 w 4158640"/>
                <a:gd name="connsiteY48" fmla="*/ 1085812 h 1676393"/>
                <a:gd name="connsiteX49" fmla="*/ 2241734 w 4158640"/>
                <a:gd name="connsiteY49" fmla="*/ 1071524 h 1676393"/>
                <a:gd name="connsiteX50" fmla="*/ 2265546 w 4158640"/>
                <a:gd name="connsiteY50" fmla="*/ 1052474 h 1676393"/>
                <a:gd name="connsiteX51" fmla="*/ 2286978 w 4158640"/>
                <a:gd name="connsiteY51" fmla="*/ 1040568 h 1676393"/>
                <a:gd name="connsiteX52" fmla="*/ 2310790 w 4158640"/>
                <a:gd name="connsiteY52" fmla="*/ 1028662 h 1676393"/>
                <a:gd name="connsiteX53" fmla="*/ 2341746 w 4158640"/>
                <a:gd name="connsiteY53" fmla="*/ 1009612 h 1676393"/>
                <a:gd name="connsiteX54" fmla="*/ 2367940 w 4158640"/>
                <a:gd name="connsiteY54" fmla="*/ 992944 h 1676393"/>
                <a:gd name="connsiteX55" fmla="*/ 2384609 w 4158640"/>
                <a:gd name="connsiteY55" fmla="*/ 981037 h 1676393"/>
                <a:gd name="connsiteX56" fmla="*/ 2417946 w 4158640"/>
                <a:gd name="connsiteY56" fmla="*/ 976275 h 1676393"/>
                <a:gd name="connsiteX57" fmla="*/ 2451284 w 4158640"/>
                <a:gd name="connsiteY57" fmla="*/ 964368 h 1676393"/>
                <a:gd name="connsiteX58" fmla="*/ 2477478 w 4158640"/>
                <a:gd name="connsiteY58" fmla="*/ 952462 h 1676393"/>
                <a:gd name="connsiteX59" fmla="*/ 2506053 w 4158640"/>
                <a:gd name="connsiteY59" fmla="*/ 947699 h 1676393"/>
                <a:gd name="connsiteX60" fmla="*/ 2527484 w 4158640"/>
                <a:gd name="connsiteY60" fmla="*/ 931031 h 1676393"/>
                <a:gd name="connsiteX61" fmla="*/ 2560821 w 4158640"/>
                <a:gd name="connsiteY61" fmla="*/ 914362 h 1676393"/>
                <a:gd name="connsiteX62" fmla="*/ 2587015 w 4158640"/>
                <a:gd name="connsiteY62" fmla="*/ 892931 h 1676393"/>
                <a:gd name="connsiteX63" fmla="*/ 2667977 w 4158640"/>
                <a:gd name="connsiteY63" fmla="*/ 857212 h 1676393"/>
                <a:gd name="connsiteX64" fmla="*/ 2698934 w 4158640"/>
                <a:gd name="connsiteY64" fmla="*/ 847687 h 1676393"/>
                <a:gd name="connsiteX65" fmla="*/ 2727508 w 4158640"/>
                <a:gd name="connsiteY65" fmla="*/ 840544 h 1676393"/>
                <a:gd name="connsiteX66" fmla="*/ 2758465 w 4158640"/>
                <a:gd name="connsiteY66" fmla="*/ 840543 h 1676393"/>
                <a:gd name="connsiteX67" fmla="*/ 2791803 w 4158640"/>
                <a:gd name="connsiteY67" fmla="*/ 823874 h 1676393"/>
                <a:gd name="connsiteX68" fmla="*/ 2827521 w 4158640"/>
                <a:gd name="connsiteY68" fmla="*/ 811968 h 1676393"/>
                <a:gd name="connsiteX69" fmla="*/ 2860859 w 4158640"/>
                <a:gd name="connsiteY69" fmla="*/ 802443 h 1676393"/>
                <a:gd name="connsiteX70" fmla="*/ 2887053 w 4158640"/>
                <a:gd name="connsiteY70" fmla="*/ 785774 h 1676393"/>
                <a:gd name="connsiteX71" fmla="*/ 2918009 w 4158640"/>
                <a:gd name="connsiteY71" fmla="*/ 771487 h 1676393"/>
                <a:gd name="connsiteX72" fmla="*/ 2939440 w 4158640"/>
                <a:gd name="connsiteY72" fmla="*/ 757199 h 1676393"/>
                <a:gd name="connsiteX73" fmla="*/ 2958490 w 4158640"/>
                <a:gd name="connsiteY73" fmla="*/ 738150 h 1676393"/>
                <a:gd name="connsiteX74" fmla="*/ 2987065 w 4158640"/>
                <a:gd name="connsiteY74" fmla="*/ 721481 h 1676393"/>
                <a:gd name="connsiteX75" fmla="*/ 3015640 w 4158640"/>
                <a:gd name="connsiteY75" fmla="*/ 702431 h 1676393"/>
                <a:gd name="connsiteX76" fmla="*/ 3063265 w 4158640"/>
                <a:gd name="connsiteY76" fmla="*/ 683381 h 1676393"/>
                <a:gd name="connsiteX77" fmla="*/ 3115653 w 4158640"/>
                <a:gd name="connsiteY77" fmla="*/ 661951 h 1676393"/>
                <a:gd name="connsiteX78" fmla="*/ 4158640 w 4158640"/>
                <a:gd name="connsiteY78" fmla="*/ 26156 h 1676393"/>
                <a:gd name="connsiteX0" fmla="*/ 4158640 w 4158640"/>
                <a:gd name="connsiteY0" fmla="*/ 26156 h 1676393"/>
                <a:gd name="connsiteX1" fmla="*/ 4158640 w 4158640"/>
                <a:gd name="connsiteY1" fmla="*/ 1664456 h 1676393"/>
                <a:gd name="connsiteX2" fmla="*/ 301015 w 4158640"/>
                <a:gd name="connsiteY2" fmla="*/ 1664456 h 1676393"/>
                <a:gd name="connsiteX3" fmla="*/ 430396 w 4158640"/>
                <a:gd name="connsiteY3" fmla="*/ 1643818 h 1676393"/>
                <a:gd name="connsiteX4" fmla="*/ 384358 w 4158640"/>
                <a:gd name="connsiteY4" fmla="*/ 1657313 h 1676393"/>
                <a:gd name="connsiteX5" fmla="*/ 472465 w 4158640"/>
                <a:gd name="connsiteY5" fmla="*/ 1631118 h 1676393"/>
                <a:gd name="connsiteX6" fmla="*/ 527234 w 4158640"/>
                <a:gd name="connsiteY6" fmla="*/ 1621594 h 1676393"/>
                <a:gd name="connsiteX7" fmla="*/ 584384 w 4158640"/>
                <a:gd name="connsiteY7" fmla="*/ 1616831 h 1676393"/>
                <a:gd name="connsiteX8" fmla="*/ 636771 w 4158640"/>
                <a:gd name="connsiteY8" fmla="*/ 1604925 h 1676393"/>
                <a:gd name="connsiteX9" fmla="*/ 708209 w 4158640"/>
                <a:gd name="connsiteY9" fmla="*/ 1588257 h 1676393"/>
                <a:gd name="connsiteX10" fmla="*/ 765359 w 4158640"/>
                <a:gd name="connsiteY10" fmla="*/ 1573969 h 1676393"/>
                <a:gd name="connsiteX11" fmla="*/ 853466 w 4158640"/>
                <a:gd name="connsiteY11" fmla="*/ 1559681 h 1676393"/>
                <a:gd name="connsiteX12" fmla="*/ 951094 w 4158640"/>
                <a:gd name="connsiteY12" fmla="*/ 1550156 h 1676393"/>
                <a:gd name="connsiteX13" fmla="*/ 1010628 w 4158640"/>
                <a:gd name="connsiteY13" fmla="*/ 1540631 h 1676393"/>
                <a:gd name="connsiteX14" fmla="*/ 1060634 w 4158640"/>
                <a:gd name="connsiteY14" fmla="*/ 1538249 h 1676393"/>
                <a:gd name="connsiteX15" fmla="*/ 1115404 w 4158640"/>
                <a:gd name="connsiteY15" fmla="*/ 1516818 h 1676393"/>
                <a:gd name="connsiteX16" fmla="*/ 1163027 w 4158640"/>
                <a:gd name="connsiteY16" fmla="*/ 1500149 h 1676393"/>
                <a:gd name="connsiteX17" fmla="*/ 1213034 w 4158640"/>
                <a:gd name="connsiteY17" fmla="*/ 1493006 h 1676393"/>
                <a:gd name="connsiteX18" fmla="*/ 1253515 w 4158640"/>
                <a:gd name="connsiteY18" fmla="*/ 1485862 h 1676393"/>
                <a:gd name="connsiteX19" fmla="*/ 1293996 w 4158640"/>
                <a:gd name="connsiteY19" fmla="*/ 1476337 h 1676393"/>
                <a:gd name="connsiteX20" fmla="*/ 1336860 w 4158640"/>
                <a:gd name="connsiteY20" fmla="*/ 1447762 h 1676393"/>
                <a:gd name="connsiteX21" fmla="*/ 1358290 w 4158640"/>
                <a:gd name="connsiteY21" fmla="*/ 1426330 h 1676393"/>
                <a:gd name="connsiteX22" fmla="*/ 1384484 w 4158640"/>
                <a:gd name="connsiteY22" fmla="*/ 1414425 h 1676393"/>
                <a:gd name="connsiteX23" fmla="*/ 1427347 w 4158640"/>
                <a:gd name="connsiteY23" fmla="*/ 1395375 h 1676393"/>
                <a:gd name="connsiteX24" fmla="*/ 1455922 w 4158640"/>
                <a:gd name="connsiteY24" fmla="*/ 1383468 h 1676393"/>
                <a:gd name="connsiteX25" fmla="*/ 1491640 w 4158640"/>
                <a:gd name="connsiteY25" fmla="*/ 1364419 h 1676393"/>
                <a:gd name="connsiteX26" fmla="*/ 1534503 w 4158640"/>
                <a:gd name="connsiteY26" fmla="*/ 1347749 h 1676393"/>
                <a:gd name="connsiteX27" fmla="*/ 1563078 w 4158640"/>
                <a:gd name="connsiteY27" fmla="*/ 1338225 h 1676393"/>
                <a:gd name="connsiteX28" fmla="*/ 1589271 w 4158640"/>
                <a:gd name="connsiteY28" fmla="*/ 1331080 h 1676393"/>
                <a:gd name="connsiteX29" fmla="*/ 1620228 w 4158640"/>
                <a:gd name="connsiteY29" fmla="*/ 1326318 h 1676393"/>
                <a:gd name="connsiteX30" fmla="*/ 1648802 w 4158640"/>
                <a:gd name="connsiteY30" fmla="*/ 1319174 h 1676393"/>
                <a:gd name="connsiteX31" fmla="*/ 1682140 w 4158640"/>
                <a:gd name="connsiteY31" fmla="*/ 1314412 h 1676393"/>
                <a:gd name="connsiteX32" fmla="*/ 1710716 w 4158640"/>
                <a:gd name="connsiteY32" fmla="*/ 1297744 h 1676393"/>
                <a:gd name="connsiteX33" fmla="*/ 1732146 w 4158640"/>
                <a:gd name="connsiteY33" fmla="*/ 1281075 h 1676393"/>
                <a:gd name="connsiteX34" fmla="*/ 1767866 w 4158640"/>
                <a:gd name="connsiteY34" fmla="*/ 1262024 h 1676393"/>
                <a:gd name="connsiteX35" fmla="*/ 1796440 w 4158640"/>
                <a:gd name="connsiteY35" fmla="*/ 1247737 h 1676393"/>
                <a:gd name="connsiteX36" fmla="*/ 1825015 w 4158640"/>
                <a:gd name="connsiteY36" fmla="*/ 1235830 h 1676393"/>
                <a:gd name="connsiteX37" fmla="*/ 1851209 w 4158640"/>
                <a:gd name="connsiteY37" fmla="*/ 1221543 h 1676393"/>
                <a:gd name="connsiteX38" fmla="*/ 1875022 w 4158640"/>
                <a:gd name="connsiteY38" fmla="*/ 1214400 h 1676393"/>
                <a:gd name="connsiteX39" fmla="*/ 1896452 w 4158640"/>
                <a:gd name="connsiteY39" fmla="*/ 1202493 h 1676393"/>
                <a:gd name="connsiteX40" fmla="*/ 1927408 w 4158640"/>
                <a:gd name="connsiteY40" fmla="*/ 1192969 h 1676393"/>
                <a:gd name="connsiteX41" fmla="*/ 1967890 w 4158640"/>
                <a:gd name="connsiteY41" fmla="*/ 1169155 h 1676393"/>
                <a:gd name="connsiteX42" fmla="*/ 2010753 w 4158640"/>
                <a:gd name="connsiteY42" fmla="*/ 1157249 h 1676393"/>
                <a:gd name="connsiteX43" fmla="*/ 2041709 w 4158640"/>
                <a:gd name="connsiteY43" fmla="*/ 1145343 h 1676393"/>
                <a:gd name="connsiteX44" fmla="*/ 2072665 w 4158640"/>
                <a:gd name="connsiteY44" fmla="*/ 1135818 h 1676393"/>
                <a:gd name="connsiteX45" fmla="*/ 2108384 w 4158640"/>
                <a:gd name="connsiteY45" fmla="*/ 1128674 h 1676393"/>
                <a:gd name="connsiteX46" fmla="*/ 2139340 w 4158640"/>
                <a:gd name="connsiteY46" fmla="*/ 1112006 h 1676393"/>
                <a:gd name="connsiteX47" fmla="*/ 2170296 w 4158640"/>
                <a:gd name="connsiteY47" fmla="*/ 1097718 h 1676393"/>
                <a:gd name="connsiteX48" fmla="*/ 2198871 w 4158640"/>
                <a:gd name="connsiteY48" fmla="*/ 1085812 h 1676393"/>
                <a:gd name="connsiteX49" fmla="*/ 2241734 w 4158640"/>
                <a:gd name="connsiteY49" fmla="*/ 1071524 h 1676393"/>
                <a:gd name="connsiteX50" fmla="*/ 2265546 w 4158640"/>
                <a:gd name="connsiteY50" fmla="*/ 1052474 h 1676393"/>
                <a:gd name="connsiteX51" fmla="*/ 2286978 w 4158640"/>
                <a:gd name="connsiteY51" fmla="*/ 1040568 h 1676393"/>
                <a:gd name="connsiteX52" fmla="*/ 2310790 w 4158640"/>
                <a:gd name="connsiteY52" fmla="*/ 1028662 h 1676393"/>
                <a:gd name="connsiteX53" fmla="*/ 2341746 w 4158640"/>
                <a:gd name="connsiteY53" fmla="*/ 1009612 h 1676393"/>
                <a:gd name="connsiteX54" fmla="*/ 2367940 w 4158640"/>
                <a:gd name="connsiteY54" fmla="*/ 992944 h 1676393"/>
                <a:gd name="connsiteX55" fmla="*/ 2384609 w 4158640"/>
                <a:gd name="connsiteY55" fmla="*/ 981037 h 1676393"/>
                <a:gd name="connsiteX56" fmla="*/ 2417946 w 4158640"/>
                <a:gd name="connsiteY56" fmla="*/ 976275 h 1676393"/>
                <a:gd name="connsiteX57" fmla="*/ 2451284 w 4158640"/>
                <a:gd name="connsiteY57" fmla="*/ 964368 h 1676393"/>
                <a:gd name="connsiteX58" fmla="*/ 2477478 w 4158640"/>
                <a:gd name="connsiteY58" fmla="*/ 952462 h 1676393"/>
                <a:gd name="connsiteX59" fmla="*/ 2506053 w 4158640"/>
                <a:gd name="connsiteY59" fmla="*/ 947699 h 1676393"/>
                <a:gd name="connsiteX60" fmla="*/ 2527484 w 4158640"/>
                <a:gd name="connsiteY60" fmla="*/ 931031 h 1676393"/>
                <a:gd name="connsiteX61" fmla="*/ 2560821 w 4158640"/>
                <a:gd name="connsiteY61" fmla="*/ 914362 h 1676393"/>
                <a:gd name="connsiteX62" fmla="*/ 2587015 w 4158640"/>
                <a:gd name="connsiteY62" fmla="*/ 892931 h 1676393"/>
                <a:gd name="connsiteX63" fmla="*/ 2667977 w 4158640"/>
                <a:gd name="connsiteY63" fmla="*/ 857212 h 1676393"/>
                <a:gd name="connsiteX64" fmla="*/ 2698934 w 4158640"/>
                <a:gd name="connsiteY64" fmla="*/ 847687 h 1676393"/>
                <a:gd name="connsiteX65" fmla="*/ 2727508 w 4158640"/>
                <a:gd name="connsiteY65" fmla="*/ 840544 h 1676393"/>
                <a:gd name="connsiteX66" fmla="*/ 2758465 w 4158640"/>
                <a:gd name="connsiteY66" fmla="*/ 840543 h 1676393"/>
                <a:gd name="connsiteX67" fmla="*/ 2791803 w 4158640"/>
                <a:gd name="connsiteY67" fmla="*/ 823874 h 1676393"/>
                <a:gd name="connsiteX68" fmla="*/ 2827521 w 4158640"/>
                <a:gd name="connsiteY68" fmla="*/ 811968 h 1676393"/>
                <a:gd name="connsiteX69" fmla="*/ 2860859 w 4158640"/>
                <a:gd name="connsiteY69" fmla="*/ 802443 h 1676393"/>
                <a:gd name="connsiteX70" fmla="*/ 2887053 w 4158640"/>
                <a:gd name="connsiteY70" fmla="*/ 785774 h 1676393"/>
                <a:gd name="connsiteX71" fmla="*/ 2918009 w 4158640"/>
                <a:gd name="connsiteY71" fmla="*/ 771487 h 1676393"/>
                <a:gd name="connsiteX72" fmla="*/ 2939440 w 4158640"/>
                <a:gd name="connsiteY72" fmla="*/ 757199 h 1676393"/>
                <a:gd name="connsiteX73" fmla="*/ 2958490 w 4158640"/>
                <a:gd name="connsiteY73" fmla="*/ 738150 h 1676393"/>
                <a:gd name="connsiteX74" fmla="*/ 2987065 w 4158640"/>
                <a:gd name="connsiteY74" fmla="*/ 721481 h 1676393"/>
                <a:gd name="connsiteX75" fmla="*/ 3015640 w 4158640"/>
                <a:gd name="connsiteY75" fmla="*/ 702431 h 1676393"/>
                <a:gd name="connsiteX76" fmla="*/ 3058503 w 4158640"/>
                <a:gd name="connsiteY76" fmla="*/ 690525 h 1676393"/>
                <a:gd name="connsiteX77" fmla="*/ 3115653 w 4158640"/>
                <a:gd name="connsiteY77" fmla="*/ 661951 h 1676393"/>
                <a:gd name="connsiteX78" fmla="*/ 4158640 w 4158640"/>
                <a:gd name="connsiteY78" fmla="*/ 26156 h 1676393"/>
                <a:gd name="connsiteX0" fmla="*/ 4158640 w 4158640"/>
                <a:gd name="connsiteY0" fmla="*/ 26156 h 1676393"/>
                <a:gd name="connsiteX1" fmla="*/ 4158640 w 4158640"/>
                <a:gd name="connsiteY1" fmla="*/ 1664456 h 1676393"/>
                <a:gd name="connsiteX2" fmla="*/ 301015 w 4158640"/>
                <a:gd name="connsiteY2" fmla="*/ 1664456 h 1676393"/>
                <a:gd name="connsiteX3" fmla="*/ 430396 w 4158640"/>
                <a:gd name="connsiteY3" fmla="*/ 1643818 h 1676393"/>
                <a:gd name="connsiteX4" fmla="*/ 384358 w 4158640"/>
                <a:gd name="connsiteY4" fmla="*/ 1657313 h 1676393"/>
                <a:gd name="connsiteX5" fmla="*/ 472465 w 4158640"/>
                <a:gd name="connsiteY5" fmla="*/ 1631118 h 1676393"/>
                <a:gd name="connsiteX6" fmla="*/ 527234 w 4158640"/>
                <a:gd name="connsiteY6" fmla="*/ 1621594 h 1676393"/>
                <a:gd name="connsiteX7" fmla="*/ 584384 w 4158640"/>
                <a:gd name="connsiteY7" fmla="*/ 1616831 h 1676393"/>
                <a:gd name="connsiteX8" fmla="*/ 636771 w 4158640"/>
                <a:gd name="connsiteY8" fmla="*/ 1604925 h 1676393"/>
                <a:gd name="connsiteX9" fmla="*/ 708209 w 4158640"/>
                <a:gd name="connsiteY9" fmla="*/ 1588257 h 1676393"/>
                <a:gd name="connsiteX10" fmla="*/ 765359 w 4158640"/>
                <a:gd name="connsiteY10" fmla="*/ 1573969 h 1676393"/>
                <a:gd name="connsiteX11" fmla="*/ 853466 w 4158640"/>
                <a:gd name="connsiteY11" fmla="*/ 1559681 h 1676393"/>
                <a:gd name="connsiteX12" fmla="*/ 951094 w 4158640"/>
                <a:gd name="connsiteY12" fmla="*/ 1550156 h 1676393"/>
                <a:gd name="connsiteX13" fmla="*/ 1010628 w 4158640"/>
                <a:gd name="connsiteY13" fmla="*/ 1540631 h 1676393"/>
                <a:gd name="connsiteX14" fmla="*/ 1060634 w 4158640"/>
                <a:gd name="connsiteY14" fmla="*/ 1538249 h 1676393"/>
                <a:gd name="connsiteX15" fmla="*/ 1115404 w 4158640"/>
                <a:gd name="connsiteY15" fmla="*/ 1516818 h 1676393"/>
                <a:gd name="connsiteX16" fmla="*/ 1163027 w 4158640"/>
                <a:gd name="connsiteY16" fmla="*/ 1500149 h 1676393"/>
                <a:gd name="connsiteX17" fmla="*/ 1213034 w 4158640"/>
                <a:gd name="connsiteY17" fmla="*/ 1493006 h 1676393"/>
                <a:gd name="connsiteX18" fmla="*/ 1253515 w 4158640"/>
                <a:gd name="connsiteY18" fmla="*/ 1485862 h 1676393"/>
                <a:gd name="connsiteX19" fmla="*/ 1293996 w 4158640"/>
                <a:gd name="connsiteY19" fmla="*/ 1476337 h 1676393"/>
                <a:gd name="connsiteX20" fmla="*/ 1336860 w 4158640"/>
                <a:gd name="connsiteY20" fmla="*/ 1447762 h 1676393"/>
                <a:gd name="connsiteX21" fmla="*/ 1358290 w 4158640"/>
                <a:gd name="connsiteY21" fmla="*/ 1426330 h 1676393"/>
                <a:gd name="connsiteX22" fmla="*/ 1384484 w 4158640"/>
                <a:gd name="connsiteY22" fmla="*/ 1414425 h 1676393"/>
                <a:gd name="connsiteX23" fmla="*/ 1427347 w 4158640"/>
                <a:gd name="connsiteY23" fmla="*/ 1395375 h 1676393"/>
                <a:gd name="connsiteX24" fmla="*/ 1455922 w 4158640"/>
                <a:gd name="connsiteY24" fmla="*/ 1383468 h 1676393"/>
                <a:gd name="connsiteX25" fmla="*/ 1491640 w 4158640"/>
                <a:gd name="connsiteY25" fmla="*/ 1364419 h 1676393"/>
                <a:gd name="connsiteX26" fmla="*/ 1534503 w 4158640"/>
                <a:gd name="connsiteY26" fmla="*/ 1347749 h 1676393"/>
                <a:gd name="connsiteX27" fmla="*/ 1563078 w 4158640"/>
                <a:gd name="connsiteY27" fmla="*/ 1338225 h 1676393"/>
                <a:gd name="connsiteX28" fmla="*/ 1589271 w 4158640"/>
                <a:gd name="connsiteY28" fmla="*/ 1331080 h 1676393"/>
                <a:gd name="connsiteX29" fmla="*/ 1620228 w 4158640"/>
                <a:gd name="connsiteY29" fmla="*/ 1326318 h 1676393"/>
                <a:gd name="connsiteX30" fmla="*/ 1648802 w 4158640"/>
                <a:gd name="connsiteY30" fmla="*/ 1319174 h 1676393"/>
                <a:gd name="connsiteX31" fmla="*/ 1682140 w 4158640"/>
                <a:gd name="connsiteY31" fmla="*/ 1314412 h 1676393"/>
                <a:gd name="connsiteX32" fmla="*/ 1710716 w 4158640"/>
                <a:gd name="connsiteY32" fmla="*/ 1297744 h 1676393"/>
                <a:gd name="connsiteX33" fmla="*/ 1732146 w 4158640"/>
                <a:gd name="connsiteY33" fmla="*/ 1281075 h 1676393"/>
                <a:gd name="connsiteX34" fmla="*/ 1767866 w 4158640"/>
                <a:gd name="connsiteY34" fmla="*/ 1262024 h 1676393"/>
                <a:gd name="connsiteX35" fmla="*/ 1796440 w 4158640"/>
                <a:gd name="connsiteY35" fmla="*/ 1247737 h 1676393"/>
                <a:gd name="connsiteX36" fmla="*/ 1825015 w 4158640"/>
                <a:gd name="connsiteY36" fmla="*/ 1235830 h 1676393"/>
                <a:gd name="connsiteX37" fmla="*/ 1851209 w 4158640"/>
                <a:gd name="connsiteY37" fmla="*/ 1221543 h 1676393"/>
                <a:gd name="connsiteX38" fmla="*/ 1875022 w 4158640"/>
                <a:gd name="connsiteY38" fmla="*/ 1214400 h 1676393"/>
                <a:gd name="connsiteX39" fmla="*/ 1896452 w 4158640"/>
                <a:gd name="connsiteY39" fmla="*/ 1202493 h 1676393"/>
                <a:gd name="connsiteX40" fmla="*/ 1927408 w 4158640"/>
                <a:gd name="connsiteY40" fmla="*/ 1192969 h 1676393"/>
                <a:gd name="connsiteX41" fmla="*/ 1967890 w 4158640"/>
                <a:gd name="connsiteY41" fmla="*/ 1169155 h 1676393"/>
                <a:gd name="connsiteX42" fmla="*/ 2010753 w 4158640"/>
                <a:gd name="connsiteY42" fmla="*/ 1157249 h 1676393"/>
                <a:gd name="connsiteX43" fmla="*/ 2041709 w 4158640"/>
                <a:gd name="connsiteY43" fmla="*/ 1145343 h 1676393"/>
                <a:gd name="connsiteX44" fmla="*/ 2072665 w 4158640"/>
                <a:gd name="connsiteY44" fmla="*/ 1135818 h 1676393"/>
                <a:gd name="connsiteX45" fmla="*/ 2108384 w 4158640"/>
                <a:gd name="connsiteY45" fmla="*/ 1128674 h 1676393"/>
                <a:gd name="connsiteX46" fmla="*/ 2139340 w 4158640"/>
                <a:gd name="connsiteY46" fmla="*/ 1112006 h 1676393"/>
                <a:gd name="connsiteX47" fmla="*/ 2170296 w 4158640"/>
                <a:gd name="connsiteY47" fmla="*/ 1097718 h 1676393"/>
                <a:gd name="connsiteX48" fmla="*/ 2198871 w 4158640"/>
                <a:gd name="connsiteY48" fmla="*/ 1085812 h 1676393"/>
                <a:gd name="connsiteX49" fmla="*/ 2241734 w 4158640"/>
                <a:gd name="connsiteY49" fmla="*/ 1071524 h 1676393"/>
                <a:gd name="connsiteX50" fmla="*/ 2265546 w 4158640"/>
                <a:gd name="connsiteY50" fmla="*/ 1052474 h 1676393"/>
                <a:gd name="connsiteX51" fmla="*/ 2286978 w 4158640"/>
                <a:gd name="connsiteY51" fmla="*/ 1040568 h 1676393"/>
                <a:gd name="connsiteX52" fmla="*/ 2310790 w 4158640"/>
                <a:gd name="connsiteY52" fmla="*/ 1028662 h 1676393"/>
                <a:gd name="connsiteX53" fmla="*/ 2341746 w 4158640"/>
                <a:gd name="connsiteY53" fmla="*/ 1009612 h 1676393"/>
                <a:gd name="connsiteX54" fmla="*/ 2367940 w 4158640"/>
                <a:gd name="connsiteY54" fmla="*/ 992944 h 1676393"/>
                <a:gd name="connsiteX55" fmla="*/ 2384609 w 4158640"/>
                <a:gd name="connsiteY55" fmla="*/ 981037 h 1676393"/>
                <a:gd name="connsiteX56" fmla="*/ 2417946 w 4158640"/>
                <a:gd name="connsiteY56" fmla="*/ 976275 h 1676393"/>
                <a:gd name="connsiteX57" fmla="*/ 2451284 w 4158640"/>
                <a:gd name="connsiteY57" fmla="*/ 964368 h 1676393"/>
                <a:gd name="connsiteX58" fmla="*/ 2477478 w 4158640"/>
                <a:gd name="connsiteY58" fmla="*/ 952462 h 1676393"/>
                <a:gd name="connsiteX59" fmla="*/ 2506053 w 4158640"/>
                <a:gd name="connsiteY59" fmla="*/ 947699 h 1676393"/>
                <a:gd name="connsiteX60" fmla="*/ 2527484 w 4158640"/>
                <a:gd name="connsiteY60" fmla="*/ 931031 h 1676393"/>
                <a:gd name="connsiteX61" fmla="*/ 2560821 w 4158640"/>
                <a:gd name="connsiteY61" fmla="*/ 914362 h 1676393"/>
                <a:gd name="connsiteX62" fmla="*/ 2587015 w 4158640"/>
                <a:gd name="connsiteY62" fmla="*/ 892931 h 1676393"/>
                <a:gd name="connsiteX63" fmla="*/ 2667977 w 4158640"/>
                <a:gd name="connsiteY63" fmla="*/ 857212 h 1676393"/>
                <a:gd name="connsiteX64" fmla="*/ 2698934 w 4158640"/>
                <a:gd name="connsiteY64" fmla="*/ 847687 h 1676393"/>
                <a:gd name="connsiteX65" fmla="*/ 2727508 w 4158640"/>
                <a:gd name="connsiteY65" fmla="*/ 840544 h 1676393"/>
                <a:gd name="connsiteX66" fmla="*/ 2758465 w 4158640"/>
                <a:gd name="connsiteY66" fmla="*/ 840543 h 1676393"/>
                <a:gd name="connsiteX67" fmla="*/ 2791803 w 4158640"/>
                <a:gd name="connsiteY67" fmla="*/ 823874 h 1676393"/>
                <a:gd name="connsiteX68" fmla="*/ 2827521 w 4158640"/>
                <a:gd name="connsiteY68" fmla="*/ 811968 h 1676393"/>
                <a:gd name="connsiteX69" fmla="*/ 2860859 w 4158640"/>
                <a:gd name="connsiteY69" fmla="*/ 802443 h 1676393"/>
                <a:gd name="connsiteX70" fmla="*/ 2887053 w 4158640"/>
                <a:gd name="connsiteY70" fmla="*/ 785774 h 1676393"/>
                <a:gd name="connsiteX71" fmla="*/ 2918009 w 4158640"/>
                <a:gd name="connsiteY71" fmla="*/ 771487 h 1676393"/>
                <a:gd name="connsiteX72" fmla="*/ 2939440 w 4158640"/>
                <a:gd name="connsiteY72" fmla="*/ 757199 h 1676393"/>
                <a:gd name="connsiteX73" fmla="*/ 2958490 w 4158640"/>
                <a:gd name="connsiteY73" fmla="*/ 738150 h 1676393"/>
                <a:gd name="connsiteX74" fmla="*/ 2987065 w 4158640"/>
                <a:gd name="connsiteY74" fmla="*/ 721481 h 1676393"/>
                <a:gd name="connsiteX75" fmla="*/ 3018021 w 4158640"/>
                <a:gd name="connsiteY75" fmla="*/ 714337 h 1676393"/>
                <a:gd name="connsiteX76" fmla="*/ 3058503 w 4158640"/>
                <a:gd name="connsiteY76" fmla="*/ 690525 h 1676393"/>
                <a:gd name="connsiteX77" fmla="*/ 3115653 w 4158640"/>
                <a:gd name="connsiteY77" fmla="*/ 661951 h 1676393"/>
                <a:gd name="connsiteX78" fmla="*/ 4158640 w 4158640"/>
                <a:gd name="connsiteY78" fmla="*/ 26156 h 1676393"/>
                <a:gd name="connsiteX0" fmla="*/ 4158640 w 4158640"/>
                <a:gd name="connsiteY0" fmla="*/ 26156 h 1676393"/>
                <a:gd name="connsiteX1" fmla="*/ 4158640 w 4158640"/>
                <a:gd name="connsiteY1" fmla="*/ 1664456 h 1676393"/>
                <a:gd name="connsiteX2" fmla="*/ 301015 w 4158640"/>
                <a:gd name="connsiteY2" fmla="*/ 1664456 h 1676393"/>
                <a:gd name="connsiteX3" fmla="*/ 430396 w 4158640"/>
                <a:gd name="connsiteY3" fmla="*/ 1643818 h 1676393"/>
                <a:gd name="connsiteX4" fmla="*/ 384358 w 4158640"/>
                <a:gd name="connsiteY4" fmla="*/ 1657313 h 1676393"/>
                <a:gd name="connsiteX5" fmla="*/ 472465 w 4158640"/>
                <a:gd name="connsiteY5" fmla="*/ 1631118 h 1676393"/>
                <a:gd name="connsiteX6" fmla="*/ 527234 w 4158640"/>
                <a:gd name="connsiteY6" fmla="*/ 1621594 h 1676393"/>
                <a:gd name="connsiteX7" fmla="*/ 584384 w 4158640"/>
                <a:gd name="connsiteY7" fmla="*/ 1616831 h 1676393"/>
                <a:gd name="connsiteX8" fmla="*/ 636771 w 4158640"/>
                <a:gd name="connsiteY8" fmla="*/ 1604925 h 1676393"/>
                <a:gd name="connsiteX9" fmla="*/ 708209 w 4158640"/>
                <a:gd name="connsiteY9" fmla="*/ 1588257 h 1676393"/>
                <a:gd name="connsiteX10" fmla="*/ 765359 w 4158640"/>
                <a:gd name="connsiteY10" fmla="*/ 1573969 h 1676393"/>
                <a:gd name="connsiteX11" fmla="*/ 853466 w 4158640"/>
                <a:gd name="connsiteY11" fmla="*/ 1559681 h 1676393"/>
                <a:gd name="connsiteX12" fmla="*/ 951094 w 4158640"/>
                <a:gd name="connsiteY12" fmla="*/ 1550156 h 1676393"/>
                <a:gd name="connsiteX13" fmla="*/ 1010628 w 4158640"/>
                <a:gd name="connsiteY13" fmla="*/ 1540631 h 1676393"/>
                <a:gd name="connsiteX14" fmla="*/ 1060634 w 4158640"/>
                <a:gd name="connsiteY14" fmla="*/ 1538249 h 1676393"/>
                <a:gd name="connsiteX15" fmla="*/ 1115404 w 4158640"/>
                <a:gd name="connsiteY15" fmla="*/ 1516818 h 1676393"/>
                <a:gd name="connsiteX16" fmla="*/ 1163027 w 4158640"/>
                <a:gd name="connsiteY16" fmla="*/ 1500149 h 1676393"/>
                <a:gd name="connsiteX17" fmla="*/ 1213034 w 4158640"/>
                <a:gd name="connsiteY17" fmla="*/ 1493006 h 1676393"/>
                <a:gd name="connsiteX18" fmla="*/ 1253515 w 4158640"/>
                <a:gd name="connsiteY18" fmla="*/ 1485862 h 1676393"/>
                <a:gd name="connsiteX19" fmla="*/ 1293996 w 4158640"/>
                <a:gd name="connsiteY19" fmla="*/ 1476337 h 1676393"/>
                <a:gd name="connsiteX20" fmla="*/ 1336860 w 4158640"/>
                <a:gd name="connsiteY20" fmla="*/ 1447762 h 1676393"/>
                <a:gd name="connsiteX21" fmla="*/ 1358290 w 4158640"/>
                <a:gd name="connsiteY21" fmla="*/ 1426330 h 1676393"/>
                <a:gd name="connsiteX22" fmla="*/ 1384484 w 4158640"/>
                <a:gd name="connsiteY22" fmla="*/ 1414425 h 1676393"/>
                <a:gd name="connsiteX23" fmla="*/ 1427347 w 4158640"/>
                <a:gd name="connsiteY23" fmla="*/ 1395375 h 1676393"/>
                <a:gd name="connsiteX24" fmla="*/ 1455922 w 4158640"/>
                <a:gd name="connsiteY24" fmla="*/ 1383468 h 1676393"/>
                <a:gd name="connsiteX25" fmla="*/ 1491640 w 4158640"/>
                <a:gd name="connsiteY25" fmla="*/ 1364419 h 1676393"/>
                <a:gd name="connsiteX26" fmla="*/ 1534503 w 4158640"/>
                <a:gd name="connsiteY26" fmla="*/ 1347749 h 1676393"/>
                <a:gd name="connsiteX27" fmla="*/ 1563078 w 4158640"/>
                <a:gd name="connsiteY27" fmla="*/ 1338225 h 1676393"/>
                <a:gd name="connsiteX28" fmla="*/ 1589271 w 4158640"/>
                <a:gd name="connsiteY28" fmla="*/ 1331080 h 1676393"/>
                <a:gd name="connsiteX29" fmla="*/ 1620228 w 4158640"/>
                <a:gd name="connsiteY29" fmla="*/ 1326318 h 1676393"/>
                <a:gd name="connsiteX30" fmla="*/ 1648802 w 4158640"/>
                <a:gd name="connsiteY30" fmla="*/ 1319174 h 1676393"/>
                <a:gd name="connsiteX31" fmla="*/ 1682140 w 4158640"/>
                <a:gd name="connsiteY31" fmla="*/ 1314412 h 1676393"/>
                <a:gd name="connsiteX32" fmla="*/ 1710716 w 4158640"/>
                <a:gd name="connsiteY32" fmla="*/ 1297744 h 1676393"/>
                <a:gd name="connsiteX33" fmla="*/ 1732146 w 4158640"/>
                <a:gd name="connsiteY33" fmla="*/ 1281075 h 1676393"/>
                <a:gd name="connsiteX34" fmla="*/ 1767866 w 4158640"/>
                <a:gd name="connsiteY34" fmla="*/ 1262024 h 1676393"/>
                <a:gd name="connsiteX35" fmla="*/ 1796440 w 4158640"/>
                <a:gd name="connsiteY35" fmla="*/ 1247737 h 1676393"/>
                <a:gd name="connsiteX36" fmla="*/ 1825015 w 4158640"/>
                <a:gd name="connsiteY36" fmla="*/ 1235830 h 1676393"/>
                <a:gd name="connsiteX37" fmla="*/ 1851209 w 4158640"/>
                <a:gd name="connsiteY37" fmla="*/ 1221543 h 1676393"/>
                <a:gd name="connsiteX38" fmla="*/ 1875022 w 4158640"/>
                <a:gd name="connsiteY38" fmla="*/ 1214400 h 1676393"/>
                <a:gd name="connsiteX39" fmla="*/ 1896452 w 4158640"/>
                <a:gd name="connsiteY39" fmla="*/ 1202493 h 1676393"/>
                <a:gd name="connsiteX40" fmla="*/ 1927408 w 4158640"/>
                <a:gd name="connsiteY40" fmla="*/ 1192969 h 1676393"/>
                <a:gd name="connsiteX41" fmla="*/ 1967890 w 4158640"/>
                <a:gd name="connsiteY41" fmla="*/ 1169155 h 1676393"/>
                <a:gd name="connsiteX42" fmla="*/ 2010753 w 4158640"/>
                <a:gd name="connsiteY42" fmla="*/ 1157249 h 1676393"/>
                <a:gd name="connsiteX43" fmla="*/ 2041709 w 4158640"/>
                <a:gd name="connsiteY43" fmla="*/ 1145343 h 1676393"/>
                <a:gd name="connsiteX44" fmla="*/ 2072665 w 4158640"/>
                <a:gd name="connsiteY44" fmla="*/ 1135818 h 1676393"/>
                <a:gd name="connsiteX45" fmla="*/ 2108384 w 4158640"/>
                <a:gd name="connsiteY45" fmla="*/ 1128674 h 1676393"/>
                <a:gd name="connsiteX46" fmla="*/ 2139340 w 4158640"/>
                <a:gd name="connsiteY46" fmla="*/ 1112006 h 1676393"/>
                <a:gd name="connsiteX47" fmla="*/ 2170296 w 4158640"/>
                <a:gd name="connsiteY47" fmla="*/ 1097718 h 1676393"/>
                <a:gd name="connsiteX48" fmla="*/ 2198871 w 4158640"/>
                <a:gd name="connsiteY48" fmla="*/ 1085812 h 1676393"/>
                <a:gd name="connsiteX49" fmla="*/ 2241734 w 4158640"/>
                <a:gd name="connsiteY49" fmla="*/ 1071524 h 1676393"/>
                <a:gd name="connsiteX50" fmla="*/ 2265546 w 4158640"/>
                <a:gd name="connsiteY50" fmla="*/ 1052474 h 1676393"/>
                <a:gd name="connsiteX51" fmla="*/ 2286978 w 4158640"/>
                <a:gd name="connsiteY51" fmla="*/ 1040568 h 1676393"/>
                <a:gd name="connsiteX52" fmla="*/ 2310790 w 4158640"/>
                <a:gd name="connsiteY52" fmla="*/ 1028662 h 1676393"/>
                <a:gd name="connsiteX53" fmla="*/ 2341746 w 4158640"/>
                <a:gd name="connsiteY53" fmla="*/ 1009612 h 1676393"/>
                <a:gd name="connsiteX54" fmla="*/ 2367940 w 4158640"/>
                <a:gd name="connsiteY54" fmla="*/ 992944 h 1676393"/>
                <a:gd name="connsiteX55" fmla="*/ 2384609 w 4158640"/>
                <a:gd name="connsiteY55" fmla="*/ 981037 h 1676393"/>
                <a:gd name="connsiteX56" fmla="*/ 2417946 w 4158640"/>
                <a:gd name="connsiteY56" fmla="*/ 976275 h 1676393"/>
                <a:gd name="connsiteX57" fmla="*/ 2451284 w 4158640"/>
                <a:gd name="connsiteY57" fmla="*/ 964368 h 1676393"/>
                <a:gd name="connsiteX58" fmla="*/ 2477478 w 4158640"/>
                <a:gd name="connsiteY58" fmla="*/ 952462 h 1676393"/>
                <a:gd name="connsiteX59" fmla="*/ 2506053 w 4158640"/>
                <a:gd name="connsiteY59" fmla="*/ 947699 h 1676393"/>
                <a:gd name="connsiteX60" fmla="*/ 2527484 w 4158640"/>
                <a:gd name="connsiteY60" fmla="*/ 931031 h 1676393"/>
                <a:gd name="connsiteX61" fmla="*/ 2560821 w 4158640"/>
                <a:gd name="connsiteY61" fmla="*/ 914362 h 1676393"/>
                <a:gd name="connsiteX62" fmla="*/ 2587015 w 4158640"/>
                <a:gd name="connsiteY62" fmla="*/ 892931 h 1676393"/>
                <a:gd name="connsiteX63" fmla="*/ 2667977 w 4158640"/>
                <a:gd name="connsiteY63" fmla="*/ 857212 h 1676393"/>
                <a:gd name="connsiteX64" fmla="*/ 2698934 w 4158640"/>
                <a:gd name="connsiteY64" fmla="*/ 847687 h 1676393"/>
                <a:gd name="connsiteX65" fmla="*/ 2727508 w 4158640"/>
                <a:gd name="connsiteY65" fmla="*/ 840544 h 1676393"/>
                <a:gd name="connsiteX66" fmla="*/ 2758465 w 4158640"/>
                <a:gd name="connsiteY66" fmla="*/ 840543 h 1676393"/>
                <a:gd name="connsiteX67" fmla="*/ 2791803 w 4158640"/>
                <a:gd name="connsiteY67" fmla="*/ 823874 h 1676393"/>
                <a:gd name="connsiteX68" fmla="*/ 2827521 w 4158640"/>
                <a:gd name="connsiteY68" fmla="*/ 811968 h 1676393"/>
                <a:gd name="connsiteX69" fmla="*/ 2860859 w 4158640"/>
                <a:gd name="connsiteY69" fmla="*/ 802443 h 1676393"/>
                <a:gd name="connsiteX70" fmla="*/ 2887053 w 4158640"/>
                <a:gd name="connsiteY70" fmla="*/ 785774 h 1676393"/>
                <a:gd name="connsiteX71" fmla="*/ 2918009 w 4158640"/>
                <a:gd name="connsiteY71" fmla="*/ 771487 h 1676393"/>
                <a:gd name="connsiteX72" fmla="*/ 2939440 w 4158640"/>
                <a:gd name="connsiteY72" fmla="*/ 757199 h 1676393"/>
                <a:gd name="connsiteX73" fmla="*/ 2958490 w 4158640"/>
                <a:gd name="connsiteY73" fmla="*/ 738150 h 1676393"/>
                <a:gd name="connsiteX74" fmla="*/ 2989446 w 4158640"/>
                <a:gd name="connsiteY74" fmla="*/ 733387 h 1676393"/>
                <a:gd name="connsiteX75" fmla="*/ 3018021 w 4158640"/>
                <a:gd name="connsiteY75" fmla="*/ 714337 h 1676393"/>
                <a:gd name="connsiteX76" fmla="*/ 3058503 w 4158640"/>
                <a:gd name="connsiteY76" fmla="*/ 690525 h 1676393"/>
                <a:gd name="connsiteX77" fmla="*/ 3115653 w 4158640"/>
                <a:gd name="connsiteY77" fmla="*/ 661951 h 1676393"/>
                <a:gd name="connsiteX78" fmla="*/ 4158640 w 4158640"/>
                <a:gd name="connsiteY78" fmla="*/ 26156 h 1676393"/>
                <a:gd name="connsiteX0" fmla="*/ 4158640 w 4158640"/>
                <a:gd name="connsiteY0" fmla="*/ 26156 h 1676393"/>
                <a:gd name="connsiteX1" fmla="*/ 4158640 w 4158640"/>
                <a:gd name="connsiteY1" fmla="*/ 1664456 h 1676393"/>
                <a:gd name="connsiteX2" fmla="*/ 301015 w 4158640"/>
                <a:gd name="connsiteY2" fmla="*/ 1664456 h 1676393"/>
                <a:gd name="connsiteX3" fmla="*/ 430396 w 4158640"/>
                <a:gd name="connsiteY3" fmla="*/ 1643818 h 1676393"/>
                <a:gd name="connsiteX4" fmla="*/ 384358 w 4158640"/>
                <a:gd name="connsiteY4" fmla="*/ 1657313 h 1676393"/>
                <a:gd name="connsiteX5" fmla="*/ 472465 w 4158640"/>
                <a:gd name="connsiteY5" fmla="*/ 1631118 h 1676393"/>
                <a:gd name="connsiteX6" fmla="*/ 527234 w 4158640"/>
                <a:gd name="connsiteY6" fmla="*/ 1621594 h 1676393"/>
                <a:gd name="connsiteX7" fmla="*/ 584384 w 4158640"/>
                <a:gd name="connsiteY7" fmla="*/ 1616831 h 1676393"/>
                <a:gd name="connsiteX8" fmla="*/ 636771 w 4158640"/>
                <a:gd name="connsiteY8" fmla="*/ 1604925 h 1676393"/>
                <a:gd name="connsiteX9" fmla="*/ 708209 w 4158640"/>
                <a:gd name="connsiteY9" fmla="*/ 1588257 h 1676393"/>
                <a:gd name="connsiteX10" fmla="*/ 765359 w 4158640"/>
                <a:gd name="connsiteY10" fmla="*/ 1573969 h 1676393"/>
                <a:gd name="connsiteX11" fmla="*/ 853466 w 4158640"/>
                <a:gd name="connsiteY11" fmla="*/ 1559681 h 1676393"/>
                <a:gd name="connsiteX12" fmla="*/ 951094 w 4158640"/>
                <a:gd name="connsiteY12" fmla="*/ 1550156 h 1676393"/>
                <a:gd name="connsiteX13" fmla="*/ 1010628 w 4158640"/>
                <a:gd name="connsiteY13" fmla="*/ 1540631 h 1676393"/>
                <a:gd name="connsiteX14" fmla="*/ 1060634 w 4158640"/>
                <a:gd name="connsiteY14" fmla="*/ 1538249 h 1676393"/>
                <a:gd name="connsiteX15" fmla="*/ 1115404 w 4158640"/>
                <a:gd name="connsiteY15" fmla="*/ 1516818 h 1676393"/>
                <a:gd name="connsiteX16" fmla="*/ 1163027 w 4158640"/>
                <a:gd name="connsiteY16" fmla="*/ 1500149 h 1676393"/>
                <a:gd name="connsiteX17" fmla="*/ 1213034 w 4158640"/>
                <a:gd name="connsiteY17" fmla="*/ 1493006 h 1676393"/>
                <a:gd name="connsiteX18" fmla="*/ 1253515 w 4158640"/>
                <a:gd name="connsiteY18" fmla="*/ 1485862 h 1676393"/>
                <a:gd name="connsiteX19" fmla="*/ 1293996 w 4158640"/>
                <a:gd name="connsiteY19" fmla="*/ 1476337 h 1676393"/>
                <a:gd name="connsiteX20" fmla="*/ 1336860 w 4158640"/>
                <a:gd name="connsiteY20" fmla="*/ 1447762 h 1676393"/>
                <a:gd name="connsiteX21" fmla="*/ 1358290 w 4158640"/>
                <a:gd name="connsiteY21" fmla="*/ 1426330 h 1676393"/>
                <a:gd name="connsiteX22" fmla="*/ 1384484 w 4158640"/>
                <a:gd name="connsiteY22" fmla="*/ 1414425 h 1676393"/>
                <a:gd name="connsiteX23" fmla="*/ 1427347 w 4158640"/>
                <a:gd name="connsiteY23" fmla="*/ 1395375 h 1676393"/>
                <a:gd name="connsiteX24" fmla="*/ 1455922 w 4158640"/>
                <a:gd name="connsiteY24" fmla="*/ 1383468 h 1676393"/>
                <a:gd name="connsiteX25" fmla="*/ 1491640 w 4158640"/>
                <a:gd name="connsiteY25" fmla="*/ 1364419 h 1676393"/>
                <a:gd name="connsiteX26" fmla="*/ 1534503 w 4158640"/>
                <a:gd name="connsiteY26" fmla="*/ 1347749 h 1676393"/>
                <a:gd name="connsiteX27" fmla="*/ 1563078 w 4158640"/>
                <a:gd name="connsiteY27" fmla="*/ 1338225 h 1676393"/>
                <a:gd name="connsiteX28" fmla="*/ 1589271 w 4158640"/>
                <a:gd name="connsiteY28" fmla="*/ 1331080 h 1676393"/>
                <a:gd name="connsiteX29" fmla="*/ 1620228 w 4158640"/>
                <a:gd name="connsiteY29" fmla="*/ 1326318 h 1676393"/>
                <a:gd name="connsiteX30" fmla="*/ 1648802 w 4158640"/>
                <a:gd name="connsiteY30" fmla="*/ 1319174 h 1676393"/>
                <a:gd name="connsiteX31" fmla="*/ 1682140 w 4158640"/>
                <a:gd name="connsiteY31" fmla="*/ 1314412 h 1676393"/>
                <a:gd name="connsiteX32" fmla="*/ 1710716 w 4158640"/>
                <a:gd name="connsiteY32" fmla="*/ 1297744 h 1676393"/>
                <a:gd name="connsiteX33" fmla="*/ 1732146 w 4158640"/>
                <a:gd name="connsiteY33" fmla="*/ 1281075 h 1676393"/>
                <a:gd name="connsiteX34" fmla="*/ 1767866 w 4158640"/>
                <a:gd name="connsiteY34" fmla="*/ 1262024 h 1676393"/>
                <a:gd name="connsiteX35" fmla="*/ 1796440 w 4158640"/>
                <a:gd name="connsiteY35" fmla="*/ 1247737 h 1676393"/>
                <a:gd name="connsiteX36" fmla="*/ 1825015 w 4158640"/>
                <a:gd name="connsiteY36" fmla="*/ 1235830 h 1676393"/>
                <a:gd name="connsiteX37" fmla="*/ 1851209 w 4158640"/>
                <a:gd name="connsiteY37" fmla="*/ 1221543 h 1676393"/>
                <a:gd name="connsiteX38" fmla="*/ 1875022 w 4158640"/>
                <a:gd name="connsiteY38" fmla="*/ 1214400 h 1676393"/>
                <a:gd name="connsiteX39" fmla="*/ 1896452 w 4158640"/>
                <a:gd name="connsiteY39" fmla="*/ 1202493 h 1676393"/>
                <a:gd name="connsiteX40" fmla="*/ 1927408 w 4158640"/>
                <a:gd name="connsiteY40" fmla="*/ 1192969 h 1676393"/>
                <a:gd name="connsiteX41" fmla="*/ 1967890 w 4158640"/>
                <a:gd name="connsiteY41" fmla="*/ 1169155 h 1676393"/>
                <a:gd name="connsiteX42" fmla="*/ 2010753 w 4158640"/>
                <a:gd name="connsiteY42" fmla="*/ 1157249 h 1676393"/>
                <a:gd name="connsiteX43" fmla="*/ 2041709 w 4158640"/>
                <a:gd name="connsiteY43" fmla="*/ 1145343 h 1676393"/>
                <a:gd name="connsiteX44" fmla="*/ 2072665 w 4158640"/>
                <a:gd name="connsiteY44" fmla="*/ 1135818 h 1676393"/>
                <a:gd name="connsiteX45" fmla="*/ 2108384 w 4158640"/>
                <a:gd name="connsiteY45" fmla="*/ 1128674 h 1676393"/>
                <a:gd name="connsiteX46" fmla="*/ 2139340 w 4158640"/>
                <a:gd name="connsiteY46" fmla="*/ 1112006 h 1676393"/>
                <a:gd name="connsiteX47" fmla="*/ 2170296 w 4158640"/>
                <a:gd name="connsiteY47" fmla="*/ 1097718 h 1676393"/>
                <a:gd name="connsiteX48" fmla="*/ 2198871 w 4158640"/>
                <a:gd name="connsiteY48" fmla="*/ 1085812 h 1676393"/>
                <a:gd name="connsiteX49" fmla="*/ 2241734 w 4158640"/>
                <a:gd name="connsiteY49" fmla="*/ 1071524 h 1676393"/>
                <a:gd name="connsiteX50" fmla="*/ 2265546 w 4158640"/>
                <a:gd name="connsiteY50" fmla="*/ 1052474 h 1676393"/>
                <a:gd name="connsiteX51" fmla="*/ 2286978 w 4158640"/>
                <a:gd name="connsiteY51" fmla="*/ 1040568 h 1676393"/>
                <a:gd name="connsiteX52" fmla="*/ 2310790 w 4158640"/>
                <a:gd name="connsiteY52" fmla="*/ 1028662 h 1676393"/>
                <a:gd name="connsiteX53" fmla="*/ 2341746 w 4158640"/>
                <a:gd name="connsiteY53" fmla="*/ 1009612 h 1676393"/>
                <a:gd name="connsiteX54" fmla="*/ 2367940 w 4158640"/>
                <a:gd name="connsiteY54" fmla="*/ 992944 h 1676393"/>
                <a:gd name="connsiteX55" fmla="*/ 2384609 w 4158640"/>
                <a:gd name="connsiteY55" fmla="*/ 981037 h 1676393"/>
                <a:gd name="connsiteX56" fmla="*/ 2417946 w 4158640"/>
                <a:gd name="connsiteY56" fmla="*/ 976275 h 1676393"/>
                <a:gd name="connsiteX57" fmla="*/ 2451284 w 4158640"/>
                <a:gd name="connsiteY57" fmla="*/ 964368 h 1676393"/>
                <a:gd name="connsiteX58" fmla="*/ 2477478 w 4158640"/>
                <a:gd name="connsiteY58" fmla="*/ 952462 h 1676393"/>
                <a:gd name="connsiteX59" fmla="*/ 2506053 w 4158640"/>
                <a:gd name="connsiteY59" fmla="*/ 947699 h 1676393"/>
                <a:gd name="connsiteX60" fmla="*/ 2527484 w 4158640"/>
                <a:gd name="connsiteY60" fmla="*/ 931031 h 1676393"/>
                <a:gd name="connsiteX61" fmla="*/ 2560821 w 4158640"/>
                <a:gd name="connsiteY61" fmla="*/ 914362 h 1676393"/>
                <a:gd name="connsiteX62" fmla="*/ 2587015 w 4158640"/>
                <a:gd name="connsiteY62" fmla="*/ 892931 h 1676393"/>
                <a:gd name="connsiteX63" fmla="*/ 2667977 w 4158640"/>
                <a:gd name="connsiteY63" fmla="*/ 857212 h 1676393"/>
                <a:gd name="connsiteX64" fmla="*/ 2698934 w 4158640"/>
                <a:gd name="connsiteY64" fmla="*/ 847687 h 1676393"/>
                <a:gd name="connsiteX65" fmla="*/ 2727508 w 4158640"/>
                <a:gd name="connsiteY65" fmla="*/ 840544 h 1676393"/>
                <a:gd name="connsiteX66" fmla="*/ 2758465 w 4158640"/>
                <a:gd name="connsiteY66" fmla="*/ 840543 h 1676393"/>
                <a:gd name="connsiteX67" fmla="*/ 2791803 w 4158640"/>
                <a:gd name="connsiteY67" fmla="*/ 823874 h 1676393"/>
                <a:gd name="connsiteX68" fmla="*/ 2827521 w 4158640"/>
                <a:gd name="connsiteY68" fmla="*/ 811968 h 1676393"/>
                <a:gd name="connsiteX69" fmla="*/ 2860859 w 4158640"/>
                <a:gd name="connsiteY69" fmla="*/ 802443 h 1676393"/>
                <a:gd name="connsiteX70" fmla="*/ 2887053 w 4158640"/>
                <a:gd name="connsiteY70" fmla="*/ 785774 h 1676393"/>
                <a:gd name="connsiteX71" fmla="*/ 2918009 w 4158640"/>
                <a:gd name="connsiteY71" fmla="*/ 771487 h 1676393"/>
                <a:gd name="connsiteX72" fmla="*/ 2939440 w 4158640"/>
                <a:gd name="connsiteY72" fmla="*/ 757199 h 1676393"/>
                <a:gd name="connsiteX73" fmla="*/ 2963253 w 4158640"/>
                <a:gd name="connsiteY73" fmla="*/ 747675 h 1676393"/>
                <a:gd name="connsiteX74" fmla="*/ 2989446 w 4158640"/>
                <a:gd name="connsiteY74" fmla="*/ 733387 h 1676393"/>
                <a:gd name="connsiteX75" fmla="*/ 3018021 w 4158640"/>
                <a:gd name="connsiteY75" fmla="*/ 714337 h 1676393"/>
                <a:gd name="connsiteX76" fmla="*/ 3058503 w 4158640"/>
                <a:gd name="connsiteY76" fmla="*/ 690525 h 1676393"/>
                <a:gd name="connsiteX77" fmla="*/ 3115653 w 4158640"/>
                <a:gd name="connsiteY77" fmla="*/ 661951 h 1676393"/>
                <a:gd name="connsiteX78" fmla="*/ 4158640 w 4158640"/>
                <a:gd name="connsiteY78" fmla="*/ 26156 h 1676393"/>
                <a:gd name="connsiteX0" fmla="*/ 4158640 w 4158640"/>
                <a:gd name="connsiteY0" fmla="*/ 26156 h 1676393"/>
                <a:gd name="connsiteX1" fmla="*/ 4158640 w 4158640"/>
                <a:gd name="connsiteY1" fmla="*/ 1664456 h 1676393"/>
                <a:gd name="connsiteX2" fmla="*/ 301015 w 4158640"/>
                <a:gd name="connsiteY2" fmla="*/ 1664456 h 1676393"/>
                <a:gd name="connsiteX3" fmla="*/ 430396 w 4158640"/>
                <a:gd name="connsiteY3" fmla="*/ 1643818 h 1676393"/>
                <a:gd name="connsiteX4" fmla="*/ 384358 w 4158640"/>
                <a:gd name="connsiteY4" fmla="*/ 1657313 h 1676393"/>
                <a:gd name="connsiteX5" fmla="*/ 472465 w 4158640"/>
                <a:gd name="connsiteY5" fmla="*/ 1631118 h 1676393"/>
                <a:gd name="connsiteX6" fmla="*/ 527234 w 4158640"/>
                <a:gd name="connsiteY6" fmla="*/ 1621594 h 1676393"/>
                <a:gd name="connsiteX7" fmla="*/ 584384 w 4158640"/>
                <a:gd name="connsiteY7" fmla="*/ 1616831 h 1676393"/>
                <a:gd name="connsiteX8" fmla="*/ 636771 w 4158640"/>
                <a:gd name="connsiteY8" fmla="*/ 1604925 h 1676393"/>
                <a:gd name="connsiteX9" fmla="*/ 708209 w 4158640"/>
                <a:gd name="connsiteY9" fmla="*/ 1588257 h 1676393"/>
                <a:gd name="connsiteX10" fmla="*/ 765359 w 4158640"/>
                <a:gd name="connsiteY10" fmla="*/ 1573969 h 1676393"/>
                <a:gd name="connsiteX11" fmla="*/ 853466 w 4158640"/>
                <a:gd name="connsiteY11" fmla="*/ 1559681 h 1676393"/>
                <a:gd name="connsiteX12" fmla="*/ 951094 w 4158640"/>
                <a:gd name="connsiteY12" fmla="*/ 1550156 h 1676393"/>
                <a:gd name="connsiteX13" fmla="*/ 1010628 w 4158640"/>
                <a:gd name="connsiteY13" fmla="*/ 1540631 h 1676393"/>
                <a:gd name="connsiteX14" fmla="*/ 1060634 w 4158640"/>
                <a:gd name="connsiteY14" fmla="*/ 1538249 h 1676393"/>
                <a:gd name="connsiteX15" fmla="*/ 1115404 w 4158640"/>
                <a:gd name="connsiteY15" fmla="*/ 1516818 h 1676393"/>
                <a:gd name="connsiteX16" fmla="*/ 1163027 w 4158640"/>
                <a:gd name="connsiteY16" fmla="*/ 1500149 h 1676393"/>
                <a:gd name="connsiteX17" fmla="*/ 1213034 w 4158640"/>
                <a:gd name="connsiteY17" fmla="*/ 1493006 h 1676393"/>
                <a:gd name="connsiteX18" fmla="*/ 1253515 w 4158640"/>
                <a:gd name="connsiteY18" fmla="*/ 1485862 h 1676393"/>
                <a:gd name="connsiteX19" fmla="*/ 1293996 w 4158640"/>
                <a:gd name="connsiteY19" fmla="*/ 1476337 h 1676393"/>
                <a:gd name="connsiteX20" fmla="*/ 1336860 w 4158640"/>
                <a:gd name="connsiteY20" fmla="*/ 1447762 h 1676393"/>
                <a:gd name="connsiteX21" fmla="*/ 1358290 w 4158640"/>
                <a:gd name="connsiteY21" fmla="*/ 1426330 h 1676393"/>
                <a:gd name="connsiteX22" fmla="*/ 1384484 w 4158640"/>
                <a:gd name="connsiteY22" fmla="*/ 1414425 h 1676393"/>
                <a:gd name="connsiteX23" fmla="*/ 1427347 w 4158640"/>
                <a:gd name="connsiteY23" fmla="*/ 1395375 h 1676393"/>
                <a:gd name="connsiteX24" fmla="*/ 1455922 w 4158640"/>
                <a:gd name="connsiteY24" fmla="*/ 1383468 h 1676393"/>
                <a:gd name="connsiteX25" fmla="*/ 1491640 w 4158640"/>
                <a:gd name="connsiteY25" fmla="*/ 1364419 h 1676393"/>
                <a:gd name="connsiteX26" fmla="*/ 1534503 w 4158640"/>
                <a:gd name="connsiteY26" fmla="*/ 1347749 h 1676393"/>
                <a:gd name="connsiteX27" fmla="*/ 1563078 w 4158640"/>
                <a:gd name="connsiteY27" fmla="*/ 1338225 h 1676393"/>
                <a:gd name="connsiteX28" fmla="*/ 1589271 w 4158640"/>
                <a:gd name="connsiteY28" fmla="*/ 1331080 h 1676393"/>
                <a:gd name="connsiteX29" fmla="*/ 1620228 w 4158640"/>
                <a:gd name="connsiteY29" fmla="*/ 1326318 h 1676393"/>
                <a:gd name="connsiteX30" fmla="*/ 1648802 w 4158640"/>
                <a:gd name="connsiteY30" fmla="*/ 1319174 h 1676393"/>
                <a:gd name="connsiteX31" fmla="*/ 1682140 w 4158640"/>
                <a:gd name="connsiteY31" fmla="*/ 1314412 h 1676393"/>
                <a:gd name="connsiteX32" fmla="*/ 1710716 w 4158640"/>
                <a:gd name="connsiteY32" fmla="*/ 1297744 h 1676393"/>
                <a:gd name="connsiteX33" fmla="*/ 1732146 w 4158640"/>
                <a:gd name="connsiteY33" fmla="*/ 1281075 h 1676393"/>
                <a:gd name="connsiteX34" fmla="*/ 1767866 w 4158640"/>
                <a:gd name="connsiteY34" fmla="*/ 1262024 h 1676393"/>
                <a:gd name="connsiteX35" fmla="*/ 1796440 w 4158640"/>
                <a:gd name="connsiteY35" fmla="*/ 1247737 h 1676393"/>
                <a:gd name="connsiteX36" fmla="*/ 1825015 w 4158640"/>
                <a:gd name="connsiteY36" fmla="*/ 1235830 h 1676393"/>
                <a:gd name="connsiteX37" fmla="*/ 1851209 w 4158640"/>
                <a:gd name="connsiteY37" fmla="*/ 1221543 h 1676393"/>
                <a:gd name="connsiteX38" fmla="*/ 1875022 w 4158640"/>
                <a:gd name="connsiteY38" fmla="*/ 1214400 h 1676393"/>
                <a:gd name="connsiteX39" fmla="*/ 1896452 w 4158640"/>
                <a:gd name="connsiteY39" fmla="*/ 1202493 h 1676393"/>
                <a:gd name="connsiteX40" fmla="*/ 1927408 w 4158640"/>
                <a:gd name="connsiteY40" fmla="*/ 1192969 h 1676393"/>
                <a:gd name="connsiteX41" fmla="*/ 1967890 w 4158640"/>
                <a:gd name="connsiteY41" fmla="*/ 1169155 h 1676393"/>
                <a:gd name="connsiteX42" fmla="*/ 2010753 w 4158640"/>
                <a:gd name="connsiteY42" fmla="*/ 1157249 h 1676393"/>
                <a:gd name="connsiteX43" fmla="*/ 2041709 w 4158640"/>
                <a:gd name="connsiteY43" fmla="*/ 1145343 h 1676393"/>
                <a:gd name="connsiteX44" fmla="*/ 2072665 w 4158640"/>
                <a:gd name="connsiteY44" fmla="*/ 1135818 h 1676393"/>
                <a:gd name="connsiteX45" fmla="*/ 2108384 w 4158640"/>
                <a:gd name="connsiteY45" fmla="*/ 1128674 h 1676393"/>
                <a:gd name="connsiteX46" fmla="*/ 2139340 w 4158640"/>
                <a:gd name="connsiteY46" fmla="*/ 1112006 h 1676393"/>
                <a:gd name="connsiteX47" fmla="*/ 2170296 w 4158640"/>
                <a:gd name="connsiteY47" fmla="*/ 1097718 h 1676393"/>
                <a:gd name="connsiteX48" fmla="*/ 2198871 w 4158640"/>
                <a:gd name="connsiteY48" fmla="*/ 1085812 h 1676393"/>
                <a:gd name="connsiteX49" fmla="*/ 2241734 w 4158640"/>
                <a:gd name="connsiteY49" fmla="*/ 1071524 h 1676393"/>
                <a:gd name="connsiteX50" fmla="*/ 2265546 w 4158640"/>
                <a:gd name="connsiteY50" fmla="*/ 1052474 h 1676393"/>
                <a:gd name="connsiteX51" fmla="*/ 2286978 w 4158640"/>
                <a:gd name="connsiteY51" fmla="*/ 1040568 h 1676393"/>
                <a:gd name="connsiteX52" fmla="*/ 2310790 w 4158640"/>
                <a:gd name="connsiteY52" fmla="*/ 1028662 h 1676393"/>
                <a:gd name="connsiteX53" fmla="*/ 2341746 w 4158640"/>
                <a:gd name="connsiteY53" fmla="*/ 1009612 h 1676393"/>
                <a:gd name="connsiteX54" fmla="*/ 2367940 w 4158640"/>
                <a:gd name="connsiteY54" fmla="*/ 992944 h 1676393"/>
                <a:gd name="connsiteX55" fmla="*/ 2384609 w 4158640"/>
                <a:gd name="connsiteY55" fmla="*/ 981037 h 1676393"/>
                <a:gd name="connsiteX56" fmla="*/ 2417946 w 4158640"/>
                <a:gd name="connsiteY56" fmla="*/ 976275 h 1676393"/>
                <a:gd name="connsiteX57" fmla="*/ 2451284 w 4158640"/>
                <a:gd name="connsiteY57" fmla="*/ 964368 h 1676393"/>
                <a:gd name="connsiteX58" fmla="*/ 2477478 w 4158640"/>
                <a:gd name="connsiteY58" fmla="*/ 952462 h 1676393"/>
                <a:gd name="connsiteX59" fmla="*/ 2506053 w 4158640"/>
                <a:gd name="connsiteY59" fmla="*/ 947699 h 1676393"/>
                <a:gd name="connsiteX60" fmla="*/ 2527484 w 4158640"/>
                <a:gd name="connsiteY60" fmla="*/ 931031 h 1676393"/>
                <a:gd name="connsiteX61" fmla="*/ 2560821 w 4158640"/>
                <a:gd name="connsiteY61" fmla="*/ 914362 h 1676393"/>
                <a:gd name="connsiteX62" fmla="*/ 2587015 w 4158640"/>
                <a:gd name="connsiteY62" fmla="*/ 892931 h 1676393"/>
                <a:gd name="connsiteX63" fmla="*/ 2667977 w 4158640"/>
                <a:gd name="connsiteY63" fmla="*/ 857212 h 1676393"/>
                <a:gd name="connsiteX64" fmla="*/ 2698934 w 4158640"/>
                <a:gd name="connsiteY64" fmla="*/ 847687 h 1676393"/>
                <a:gd name="connsiteX65" fmla="*/ 2727508 w 4158640"/>
                <a:gd name="connsiteY65" fmla="*/ 840544 h 1676393"/>
                <a:gd name="connsiteX66" fmla="*/ 2758465 w 4158640"/>
                <a:gd name="connsiteY66" fmla="*/ 840543 h 1676393"/>
                <a:gd name="connsiteX67" fmla="*/ 2791803 w 4158640"/>
                <a:gd name="connsiteY67" fmla="*/ 823874 h 1676393"/>
                <a:gd name="connsiteX68" fmla="*/ 2827521 w 4158640"/>
                <a:gd name="connsiteY68" fmla="*/ 811968 h 1676393"/>
                <a:gd name="connsiteX69" fmla="*/ 2860859 w 4158640"/>
                <a:gd name="connsiteY69" fmla="*/ 802443 h 1676393"/>
                <a:gd name="connsiteX70" fmla="*/ 2887053 w 4158640"/>
                <a:gd name="connsiteY70" fmla="*/ 785774 h 1676393"/>
                <a:gd name="connsiteX71" fmla="*/ 2918009 w 4158640"/>
                <a:gd name="connsiteY71" fmla="*/ 771487 h 1676393"/>
                <a:gd name="connsiteX72" fmla="*/ 2939440 w 4158640"/>
                <a:gd name="connsiteY72" fmla="*/ 757199 h 1676393"/>
                <a:gd name="connsiteX73" fmla="*/ 2963253 w 4158640"/>
                <a:gd name="connsiteY73" fmla="*/ 747675 h 1676393"/>
                <a:gd name="connsiteX74" fmla="*/ 2989446 w 4158640"/>
                <a:gd name="connsiteY74" fmla="*/ 733387 h 1676393"/>
                <a:gd name="connsiteX75" fmla="*/ 3018021 w 4158640"/>
                <a:gd name="connsiteY75" fmla="*/ 714337 h 1676393"/>
                <a:gd name="connsiteX76" fmla="*/ 3065647 w 4158640"/>
                <a:gd name="connsiteY76" fmla="*/ 692906 h 1676393"/>
                <a:gd name="connsiteX77" fmla="*/ 3115653 w 4158640"/>
                <a:gd name="connsiteY77" fmla="*/ 661951 h 1676393"/>
                <a:gd name="connsiteX78" fmla="*/ 4158640 w 4158640"/>
                <a:gd name="connsiteY78" fmla="*/ 26156 h 1676393"/>
                <a:gd name="connsiteX0" fmla="*/ 4158640 w 4158640"/>
                <a:gd name="connsiteY0" fmla="*/ 26156 h 1676393"/>
                <a:gd name="connsiteX1" fmla="*/ 4158640 w 4158640"/>
                <a:gd name="connsiteY1" fmla="*/ 1664456 h 1676393"/>
                <a:gd name="connsiteX2" fmla="*/ 301015 w 4158640"/>
                <a:gd name="connsiteY2" fmla="*/ 1664456 h 1676393"/>
                <a:gd name="connsiteX3" fmla="*/ 430396 w 4158640"/>
                <a:gd name="connsiteY3" fmla="*/ 1643818 h 1676393"/>
                <a:gd name="connsiteX4" fmla="*/ 384358 w 4158640"/>
                <a:gd name="connsiteY4" fmla="*/ 1657313 h 1676393"/>
                <a:gd name="connsiteX5" fmla="*/ 472465 w 4158640"/>
                <a:gd name="connsiteY5" fmla="*/ 1631118 h 1676393"/>
                <a:gd name="connsiteX6" fmla="*/ 527234 w 4158640"/>
                <a:gd name="connsiteY6" fmla="*/ 1621594 h 1676393"/>
                <a:gd name="connsiteX7" fmla="*/ 584384 w 4158640"/>
                <a:gd name="connsiteY7" fmla="*/ 1616831 h 1676393"/>
                <a:gd name="connsiteX8" fmla="*/ 636771 w 4158640"/>
                <a:gd name="connsiteY8" fmla="*/ 1604925 h 1676393"/>
                <a:gd name="connsiteX9" fmla="*/ 708209 w 4158640"/>
                <a:gd name="connsiteY9" fmla="*/ 1588257 h 1676393"/>
                <a:gd name="connsiteX10" fmla="*/ 765359 w 4158640"/>
                <a:gd name="connsiteY10" fmla="*/ 1573969 h 1676393"/>
                <a:gd name="connsiteX11" fmla="*/ 853466 w 4158640"/>
                <a:gd name="connsiteY11" fmla="*/ 1559681 h 1676393"/>
                <a:gd name="connsiteX12" fmla="*/ 951094 w 4158640"/>
                <a:gd name="connsiteY12" fmla="*/ 1550156 h 1676393"/>
                <a:gd name="connsiteX13" fmla="*/ 1010628 w 4158640"/>
                <a:gd name="connsiteY13" fmla="*/ 1540631 h 1676393"/>
                <a:gd name="connsiteX14" fmla="*/ 1060634 w 4158640"/>
                <a:gd name="connsiteY14" fmla="*/ 1538249 h 1676393"/>
                <a:gd name="connsiteX15" fmla="*/ 1115404 w 4158640"/>
                <a:gd name="connsiteY15" fmla="*/ 1516818 h 1676393"/>
                <a:gd name="connsiteX16" fmla="*/ 1163027 w 4158640"/>
                <a:gd name="connsiteY16" fmla="*/ 1500149 h 1676393"/>
                <a:gd name="connsiteX17" fmla="*/ 1213034 w 4158640"/>
                <a:gd name="connsiteY17" fmla="*/ 1493006 h 1676393"/>
                <a:gd name="connsiteX18" fmla="*/ 1253515 w 4158640"/>
                <a:gd name="connsiteY18" fmla="*/ 1485862 h 1676393"/>
                <a:gd name="connsiteX19" fmla="*/ 1293996 w 4158640"/>
                <a:gd name="connsiteY19" fmla="*/ 1476337 h 1676393"/>
                <a:gd name="connsiteX20" fmla="*/ 1336860 w 4158640"/>
                <a:gd name="connsiteY20" fmla="*/ 1447762 h 1676393"/>
                <a:gd name="connsiteX21" fmla="*/ 1358290 w 4158640"/>
                <a:gd name="connsiteY21" fmla="*/ 1426330 h 1676393"/>
                <a:gd name="connsiteX22" fmla="*/ 1384484 w 4158640"/>
                <a:gd name="connsiteY22" fmla="*/ 1414425 h 1676393"/>
                <a:gd name="connsiteX23" fmla="*/ 1427347 w 4158640"/>
                <a:gd name="connsiteY23" fmla="*/ 1395375 h 1676393"/>
                <a:gd name="connsiteX24" fmla="*/ 1455922 w 4158640"/>
                <a:gd name="connsiteY24" fmla="*/ 1383468 h 1676393"/>
                <a:gd name="connsiteX25" fmla="*/ 1491640 w 4158640"/>
                <a:gd name="connsiteY25" fmla="*/ 1364419 h 1676393"/>
                <a:gd name="connsiteX26" fmla="*/ 1534503 w 4158640"/>
                <a:gd name="connsiteY26" fmla="*/ 1347749 h 1676393"/>
                <a:gd name="connsiteX27" fmla="*/ 1563078 w 4158640"/>
                <a:gd name="connsiteY27" fmla="*/ 1338225 h 1676393"/>
                <a:gd name="connsiteX28" fmla="*/ 1589271 w 4158640"/>
                <a:gd name="connsiteY28" fmla="*/ 1331080 h 1676393"/>
                <a:gd name="connsiteX29" fmla="*/ 1620228 w 4158640"/>
                <a:gd name="connsiteY29" fmla="*/ 1326318 h 1676393"/>
                <a:gd name="connsiteX30" fmla="*/ 1648802 w 4158640"/>
                <a:gd name="connsiteY30" fmla="*/ 1319174 h 1676393"/>
                <a:gd name="connsiteX31" fmla="*/ 1682140 w 4158640"/>
                <a:gd name="connsiteY31" fmla="*/ 1314412 h 1676393"/>
                <a:gd name="connsiteX32" fmla="*/ 1710716 w 4158640"/>
                <a:gd name="connsiteY32" fmla="*/ 1297744 h 1676393"/>
                <a:gd name="connsiteX33" fmla="*/ 1732146 w 4158640"/>
                <a:gd name="connsiteY33" fmla="*/ 1281075 h 1676393"/>
                <a:gd name="connsiteX34" fmla="*/ 1767866 w 4158640"/>
                <a:gd name="connsiteY34" fmla="*/ 1262024 h 1676393"/>
                <a:gd name="connsiteX35" fmla="*/ 1796440 w 4158640"/>
                <a:gd name="connsiteY35" fmla="*/ 1247737 h 1676393"/>
                <a:gd name="connsiteX36" fmla="*/ 1825015 w 4158640"/>
                <a:gd name="connsiteY36" fmla="*/ 1235830 h 1676393"/>
                <a:gd name="connsiteX37" fmla="*/ 1851209 w 4158640"/>
                <a:gd name="connsiteY37" fmla="*/ 1221543 h 1676393"/>
                <a:gd name="connsiteX38" fmla="*/ 1875022 w 4158640"/>
                <a:gd name="connsiteY38" fmla="*/ 1214400 h 1676393"/>
                <a:gd name="connsiteX39" fmla="*/ 1896452 w 4158640"/>
                <a:gd name="connsiteY39" fmla="*/ 1202493 h 1676393"/>
                <a:gd name="connsiteX40" fmla="*/ 1927408 w 4158640"/>
                <a:gd name="connsiteY40" fmla="*/ 1192969 h 1676393"/>
                <a:gd name="connsiteX41" fmla="*/ 1967890 w 4158640"/>
                <a:gd name="connsiteY41" fmla="*/ 1169155 h 1676393"/>
                <a:gd name="connsiteX42" fmla="*/ 2010753 w 4158640"/>
                <a:gd name="connsiteY42" fmla="*/ 1157249 h 1676393"/>
                <a:gd name="connsiteX43" fmla="*/ 2041709 w 4158640"/>
                <a:gd name="connsiteY43" fmla="*/ 1145343 h 1676393"/>
                <a:gd name="connsiteX44" fmla="*/ 2072665 w 4158640"/>
                <a:gd name="connsiteY44" fmla="*/ 1135818 h 1676393"/>
                <a:gd name="connsiteX45" fmla="*/ 2108384 w 4158640"/>
                <a:gd name="connsiteY45" fmla="*/ 1128674 h 1676393"/>
                <a:gd name="connsiteX46" fmla="*/ 2139340 w 4158640"/>
                <a:gd name="connsiteY46" fmla="*/ 1112006 h 1676393"/>
                <a:gd name="connsiteX47" fmla="*/ 2170296 w 4158640"/>
                <a:gd name="connsiteY47" fmla="*/ 1097718 h 1676393"/>
                <a:gd name="connsiteX48" fmla="*/ 2198871 w 4158640"/>
                <a:gd name="connsiteY48" fmla="*/ 1085812 h 1676393"/>
                <a:gd name="connsiteX49" fmla="*/ 2241734 w 4158640"/>
                <a:gd name="connsiteY49" fmla="*/ 1071524 h 1676393"/>
                <a:gd name="connsiteX50" fmla="*/ 2265546 w 4158640"/>
                <a:gd name="connsiteY50" fmla="*/ 1052474 h 1676393"/>
                <a:gd name="connsiteX51" fmla="*/ 2286978 w 4158640"/>
                <a:gd name="connsiteY51" fmla="*/ 1040568 h 1676393"/>
                <a:gd name="connsiteX52" fmla="*/ 2310790 w 4158640"/>
                <a:gd name="connsiteY52" fmla="*/ 1028662 h 1676393"/>
                <a:gd name="connsiteX53" fmla="*/ 2341746 w 4158640"/>
                <a:gd name="connsiteY53" fmla="*/ 1009612 h 1676393"/>
                <a:gd name="connsiteX54" fmla="*/ 2367940 w 4158640"/>
                <a:gd name="connsiteY54" fmla="*/ 992944 h 1676393"/>
                <a:gd name="connsiteX55" fmla="*/ 2384609 w 4158640"/>
                <a:gd name="connsiteY55" fmla="*/ 981037 h 1676393"/>
                <a:gd name="connsiteX56" fmla="*/ 2417946 w 4158640"/>
                <a:gd name="connsiteY56" fmla="*/ 976275 h 1676393"/>
                <a:gd name="connsiteX57" fmla="*/ 2451284 w 4158640"/>
                <a:gd name="connsiteY57" fmla="*/ 964368 h 1676393"/>
                <a:gd name="connsiteX58" fmla="*/ 2477478 w 4158640"/>
                <a:gd name="connsiteY58" fmla="*/ 952462 h 1676393"/>
                <a:gd name="connsiteX59" fmla="*/ 2506053 w 4158640"/>
                <a:gd name="connsiteY59" fmla="*/ 947699 h 1676393"/>
                <a:gd name="connsiteX60" fmla="*/ 2527484 w 4158640"/>
                <a:gd name="connsiteY60" fmla="*/ 931031 h 1676393"/>
                <a:gd name="connsiteX61" fmla="*/ 2560821 w 4158640"/>
                <a:gd name="connsiteY61" fmla="*/ 914362 h 1676393"/>
                <a:gd name="connsiteX62" fmla="*/ 2587015 w 4158640"/>
                <a:gd name="connsiteY62" fmla="*/ 892931 h 1676393"/>
                <a:gd name="connsiteX63" fmla="*/ 2667977 w 4158640"/>
                <a:gd name="connsiteY63" fmla="*/ 857212 h 1676393"/>
                <a:gd name="connsiteX64" fmla="*/ 2698934 w 4158640"/>
                <a:gd name="connsiteY64" fmla="*/ 847687 h 1676393"/>
                <a:gd name="connsiteX65" fmla="*/ 2727508 w 4158640"/>
                <a:gd name="connsiteY65" fmla="*/ 840544 h 1676393"/>
                <a:gd name="connsiteX66" fmla="*/ 2758465 w 4158640"/>
                <a:gd name="connsiteY66" fmla="*/ 840543 h 1676393"/>
                <a:gd name="connsiteX67" fmla="*/ 2791803 w 4158640"/>
                <a:gd name="connsiteY67" fmla="*/ 823874 h 1676393"/>
                <a:gd name="connsiteX68" fmla="*/ 2827521 w 4158640"/>
                <a:gd name="connsiteY68" fmla="*/ 811968 h 1676393"/>
                <a:gd name="connsiteX69" fmla="*/ 2860859 w 4158640"/>
                <a:gd name="connsiteY69" fmla="*/ 802443 h 1676393"/>
                <a:gd name="connsiteX70" fmla="*/ 2887053 w 4158640"/>
                <a:gd name="connsiteY70" fmla="*/ 785774 h 1676393"/>
                <a:gd name="connsiteX71" fmla="*/ 2918009 w 4158640"/>
                <a:gd name="connsiteY71" fmla="*/ 771487 h 1676393"/>
                <a:gd name="connsiteX72" fmla="*/ 2939440 w 4158640"/>
                <a:gd name="connsiteY72" fmla="*/ 757199 h 1676393"/>
                <a:gd name="connsiteX73" fmla="*/ 2963253 w 4158640"/>
                <a:gd name="connsiteY73" fmla="*/ 747675 h 1676393"/>
                <a:gd name="connsiteX74" fmla="*/ 2989446 w 4158640"/>
                <a:gd name="connsiteY74" fmla="*/ 733387 h 1676393"/>
                <a:gd name="connsiteX75" fmla="*/ 3018021 w 4158640"/>
                <a:gd name="connsiteY75" fmla="*/ 714337 h 1676393"/>
                <a:gd name="connsiteX76" fmla="*/ 3046597 w 4158640"/>
                <a:gd name="connsiteY76" fmla="*/ 692906 h 1676393"/>
                <a:gd name="connsiteX77" fmla="*/ 3115653 w 4158640"/>
                <a:gd name="connsiteY77" fmla="*/ 661951 h 1676393"/>
                <a:gd name="connsiteX78" fmla="*/ 4158640 w 4158640"/>
                <a:gd name="connsiteY78" fmla="*/ 26156 h 1676393"/>
                <a:gd name="connsiteX0" fmla="*/ 4158640 w 4158640"/>
                <a:gd name="connsiteY0" fmla="*/ 26156 h 1676393"/>
                <a:gd name="connsiteX1" fmla="*/ 4158640 w 4158640"/>
                <a:gd name="connsiteY1" fmla="*/ 1664456 h 1676393"/>
                <a:gd name="connsiteX2" fmla="*/ 301015 w 4158640"/>
                <a:gd name="connsiteY2" fmla="*/ 1664456 h 1676393"/>
                <a:gd name="connsiteX3" fmla="*/ 430396 w 4158640"/>
                <a:gd name="connsiteY3" fmla="*/ 1643818 h 1676393"/>
                <a:gd name="connsiteX4" fmla="*/ 384358 w 4158640"/>
                <a:gd name="connsiteY4" fmla="*/ 1657313 h 1676393"/>
                <a:gd name="connsiteX5" fmla="*/ 472465 w 4158640"/>
                <a:gd name="connsiteY5" fmla="*/ 1631118 h 1676393"/>
                <a:gd name="connsiteX6" fmla="*/ 527234 w 4158640"/>
                <a:gd name="connsiteY6" fmla="*/ 1621594 h 1676393"/>
                <a:gd name="connsiteX7" fmla="*/ 584384 w 4158640"/>
                <a:gd name="connsiteY7" fmla="*/ 1616831 h 1676393"/>
                <a:gd name="connsiteX8" fmla="*/ 636771 w 4158640"/>
                <a:gd name="connsiteY8" fmla="*/ 1604925 h 1676393"/>
                <a:gd name="connsiteX9" fmla="*/ 708209 w 4158640"/>
                <a:gd name="connsiteY9" fmla="*/ 1588257 h 1676393"/>
                <a:gd name="connsiteX10" fmla="*/ 765359 w 4158640"/>
                <a:gd name="connsiteY10" fmla="*/ 1573969 h 1676393"/>
                <a:gd name="connsiteX11" fmla="*/ 853466 w 4158640"/>
                <a:gd name="connsiteY11" fmla="*/ 1559681 h 1676393"/>
                <a:gd name="connsiteX12" fmla="*/ 951094 w 4158640"/>
                <a:gd name="connsiteY12" fmla="*/ 1550156 h 1676393"/>
                <a:gd name="connsiteX13" fmla="*/ 1010628 w 4158640"/>
                <a:gd name="connsiteY13" fmla="*/ 1540631 h 1676393"/>
                <a:gd name="connsiteX14" fmla="*/ 1060634 w 4158640"/>
                <a:gd name="connsiteY14" fmla="*/ 1538249 h 1676393"/>
                <a:gd name="connsiteX15" fmla="*/ 1115404 w 4158640"/>
                <a:gd name="connsiteY15" fmla="*/ 1516818 h 1676393"/>
                <a:gd name="connsiteX16" fmla="*/ 1163027 w 4158640"/>
                <a:gd name="connsiteY16" fmla="*/ 1500149 h 1676393"/>
                <a:gd name="connsiteX17" fmla="*/ 1213034 w 4158640"/>
                <a:gd name="connsiteY17" fmla="*/ 1493006 h 1676393"/>
                <a:gd name="connsiteX18" fmla="*/ 1253515 w 4158640"/>
                <a:gd name="connsiteY18" fmla="*/ 1485862 h 1676393"/>
                <a:gd name="connsiteX19" fmla="*/ 1293996 w 4158640"/>
                <a:gd name="connsiteY19" fmla="*/ 1476337 h 1676393"/>
                <a:gd name="connsiteX20" fmla="*/ 1336860 w 4158640"/>
                <a:gd name="connsiteY20" fmla="*/ 1447762 h 1676393"/>
                <a:gd name="connsiteX21" fmla="*/ 1358290 w 4158640"/>
                <a:gd name="connsiteY21" fmla="*/ 1426330 h 1676393"/>
                <a:gd name="connsiteX22" fmla="*/ 1384484 w 4158640"/>
                <a:gd name="connsiteY22" fmla="*/ 1414425 h 1676393"/>
                <a:gd name="connsiteX23" fmla="*/ 1427347 w 4158640"/>
                <a:gd name="connsiteY23" fmla="*/ 1395375 h 1676393"/>
                <a:gd name="connsiteX24" fmla="*/ 1455922 w 4158640"/>
                <a:gd name="connsiteY24" fmla="*/ 1383468 h 1676393"/>
                <a:gd name="connsiteX25" fmla="*/ 1491640 w 4158640"/>
                <a:gd name="connsiteY25" fmla="*/ 1364419 h 1676393"/>
                <a:gd name="connsiteX26" fmla="*/ 1534503 w 4158640"/>
                <a:gd name="connsiteY26" fmla="*/ 1347749 h 1676393"/>
                <a:gd name="connsiteX27" fmla="*/ 1563078 w 4158640"/>
                <a:gd name="connsiteY27" fmla="*/ 1338225 h 1676393"/>
                <a:gd name="connsiteX28" fmla="*/ 1589271 w 4158640"/>
                <a:gd name="connsiteY28" fmla="*/ 1331080 h 1676393"/>
                <a:gd name="connsiteX29" fmla="*/ 1620228 w 4158640"/>
                <a:gd name="connsiteY29" fmla="*/ 1326318 h 1676393"/>
                <a:gd name="connsiteX30" fmla="*/ 1648802 w 4158640"/>
                <a:gd name="connsiteY30" fmla="*/ 1319174 h 1676393"/>
                <a:gd name="connsiteX31" fmla="*/ 1682140 w 4158640"/>
                <a:gd name="connsiteY31" fmla="*/ 1314412 h 1676393"/>
                <a:gd name="connsiteX32" fmla="*/ 1710716 w 4158640"/>
                <a:gd name="connsiteY32" fmla="*/ 1297744 h 1676393"/>
                <a:gd name="connsiteX33" fmla="*/ 1732146 w 4158640"/>
                <a:gd name="connsiteY33" fmla="*/ 1281075 h 1676393"/>
                <a:gd name="connsiteX34" fmla="*/ 1767866 w 4158640"/>
                <a:gd name="connsiteY34" fmla="*/ 1262024 h 1676393"/>
                <a:gd name="connsiteX35" fmla="*/ 1796440 w 4158640"/>
                <a:gd name="connsiteY35" fmla="*/ 1247737 h 1676393"/>
                <a:gd name="connsiteX36" fmla="*/ 1825015 w 4158640"/>
                <a:gd name="connsiteY36" fmla="*/ 1235830 h 1676393"/>
                <a:gd name="connsiteX37" fmla="*/ 1851209 w 4158640"/>
                <a:gd name="connsiteY37" fmla="*/ 1221543 h 1676393"/>
                <a:gd name="connsiteX38" fmla="*/ 1875022 w 4158640"/>
                <a:gd name="connsiteY38" fmla="*/ 1214400 h 1676393"/>
                <a:gd name="connsiteX39" fmla="*/ 1896452 w 4158640"/>
                <a:gd name="connsiteY39" fmla="*/ 1202493 h 1676393"/>
                <a:gd name="connsiteX40" fmla="*/ 1927408 w 4158640"/>
                <a:gd name="connsiteY40" fmla="*/ 1192969 h 1676393"/>
                <a:gd name="connsiteX41" fmla="*/ 1967890 w 4158640"/>
                <a:gd name="connsiteY41" fmla="*/ 1169155 h 1676393"/>
                <a:gd name="connsiteX42" fmla="*/ 2010753 w 4158640"/>
                <a:gd name="connsiteY42" fmla="*/ 1157249 h 1676393"/>
                <a:gd name="connsiteX43" fmla="*/ 2041709 w 4158640"/>
                <a:gd name="connsiteY43" fmla="*/ 1145343 h 1676393"/>
                <a:gd name="connsiteX44" fmla="*/ 2072665 w 4158640"/>
                <a:gd name="connsiteY44" fmla="*/ 1135818 h 1676393"/>
                <a:gd name="connsiteX45" fmla="*/ 2108384 w 4158640"/>
                <a:gd name="connsiteY45" fmla="*/ 1128674 h 1676393"/>
                <a:gd name="connsiteX46" fmla="*/ 2139340 w 4158640"/>
                <a:gd name="connsiteY46" fmla="*/ 1112006 h 1676393"/>
                <a:gd name="connsiteX47" fmla="*/ 2170296 w 4158640"/>
                <a:gd name="connsiteY47" fmla="*/ 1097718 h 1676393"/>
                <a:gd name="connsiteX48" fmla="*/ 2198871 w 4158640"/>
                <a:gd name="connsiteY48" fmla="*/ 1085812 h 1676393"/>
                <a:gd name="connsiteX49" fmla="*/ 2241734 w 4158640"/>
                <a:gd name="connsiteY49" fmla="*/ 1071524 h 1676393"/>
                <a:gd name="connsiteX50" fmla="*/ 2265546 w 4158640"/>
                <a:gd name="connsiteY50" fmla="*/ 1052474 h 1676393"/>
                <a:gd name="connsiteX51" fmla="*/ 2286978 w 4158640"/>
                <a:gd name="connsiteY51" fmla="*/ 1040568 h 1676393"/>
                <a:gd name="connsiteX52" fmla="*/ 2310790 w 4158640"/>
                <a:gd name="connsiteY52" fmla="*/ 1028662 h 1676393"/>
                <a:gd name="connsiteX53" fmla="*/ 2341746 w 4158640"/>
                <a:gd name="connsiteY53" fmla="*/ 1009612 h 1676393"/>
                <a:gd name="connsiteX54" fmla="*/ 2367940 w 4158640"/>
                <a:gd name="connsiteY54" fmla="*/ 992944 h 1676393"/>
                <a:gd name="connsiteX55" fmla="*/ 2384609 w 4158640"/>
                <a:gd name="connsiteY55" fmla="*/ 981037 h 1676393"/>
                <a:gd name="connsiteX56" fmla="*/ 2417946 w 4158640"/>
                <a:gd name="connsiteY56" fmla="*/ 976275 h 1676393"/>
                <a:gd name="connsiteX57" fmla="*/ 2451284 w 4158640"/>
                <a:gd name="connsiteY57" fmla="*/ 964368 h 1676393"/>
                <a:gd name="connsiteX58" fmla="*/ 2477478 w 4158640"/>
                <a:gd name="connsiteY58" fmla="*/ 952462 h 1676393"/>
                <a:gd name="connsiteX59" fmla="*/ 2506053 w 4158640"/>
                <a:gd name="connsiteY59" fmla="*/ 947699 h 1676393"/>
                <a:gd name="connsiteX60" fmla="*/ 2527484 w 4158640"/>
                <a:gd name="connsiteY60" fmla="*/ 931031 h 1676393"/>
                <a:gd name="connsiteX61" fmla="*/ 2560821 w 4158640"/>
                <a:gd name="connsiteY61" fmla="*/ 914362 h 1676393"/>
                <a:gd name="connsiteX62" fmla="*/ 2587015 w 4158640"/>
                <a:gd name="connsiteY62" fmla="*/ 892931 h 1676393"/>
                <a:gd name="connsiteX63" fmla="*/ 2667977 w 4158640"/>
                <a:gd name="connsiteY63" fmla="*/ 857212 h 1676393"/>
                <a:gd name="connsiteX64" fmla="*/ 2698934 w 4158640"/>
                <a:gd name="connsiteY64" fmla="*/ 847687 h 1676393"/>
                <a:gd name="connsiteX65" fmla="*/ 2727508 w 4158640"/>
                <a:gd name="connsiteY65" fmla="*/ 840544 h 1676393"/>
                <a:gd name="connsiteX66" fmla="*/ 2758465 w 4158640"/>
                <a:gd name="connsiteY66" fmla="*/ 840543 h 1676393"/>
                <a:gd name="connsiteX67" fmla="*/ 2791803 w 4158640"/>
                <a:gd name="connsiteY67" fmla="*/ 823874 h 1676393"/>
                <a:gd name="connsiteX68" fmla="*/ 2827521 w 4158640"/>
                <a:gd name="connsiteY68" fmla="*/ 811968 h 1676393"/>
                <a:gd name="connsiteX69" fmla="*/ 2860859 w 4158640"/>
                <a:gd name="connsiteY69" fmla="*/ 802443 h 1676393"/>
                <a:gd name="connsiteX70" fmla="*/ 2887053 w 4158640"/>
                <a:gd name="connsiteY70" fmla="*/ 785774 h 1676393"/>
                <a:gd name="connsiteX71" fmla="*/ 2918009 w 4158640"/>
                <a:gd name="connsiteY71" fmla="*/ 771487 h 1676393"/>
                <a:gd name="connsiteX72" fmla="*/ 2939440 w 4158640"/>
                <a:gd name="connsiteY72" fmla="*/ 757199 h 1676393"/>
                <a:gd name="connsiteX73" fmla="*/ 2963253 w 4158640"/>
                <a:gd name="connsiteY73" fmla="*/ 740531 h 1676393"/>
                <a:gd name="connsiteX74" fmla="*/ 2989446 w 4158640"/>
                <a:gd name="connsiteY74" fmla="*/ 733387 h 1676393"/>
                <a:gd name="connsiteX75" fmla="*/ 3018021 w 4158640"/>
                <a:gd name="connsiteY75" fmla="*/ 714337 h 1676393"/>
                <a:gd name="connsiteX76" fmla="*/ 3046597 w 4158640"/>
                <a:gd name="connsiteY76" fmla="*/ 692906 h 1676393"/>
                <a:gd name="connsiteX77" fmla="*/ 3115653 w 4158640"/>
                <a:gd name="connsiteY77" fmla="*/ 661951 h 1676393"/>
                <a:gd name="connsiteX78" fmla="*/ 4158640 w 4158640"/>
                <a:gd name="connsiteY78" fmla="*/ 26156 h 1676393"/>
                <a:gd name="connsiteX0" fmla="*/ 4158640 w 4158640"/>
                <a:gd name="connsiteY0" fmla="*/ 25560 h 1675797"/>
                <a:gd name="connsiteX1" fmla="*/ 4158640 w 4158640"/>
                <a:gd name="connsiteY1" fmla="*/ 1663860 h 1675797"/>
                <a:gd name="connsiteX2" fmla="*/ 301015 w 4158640"/>
                <a:gd name="connsiteY2" fmla="*/ 1663860 h 1675797"/>
                <a:gd name="connsiteX3" fmla="*/ 430396 w 4158640"/>
                <a:gd name="connsiteY3" fmla="*/ 1643222 h 1675797"/>
                <a:gd name="connsiteX4" fmla="*/ 384358 w 4158640"/>
                <a:gd name="connsiteY4" fmla="*/ 1656717 h 1675797"/>
                <a:gd name="connsiteX5" fmla="*/ 472465 w 4158640"/>
                <a:gd name="connsiteY5" fmla="*/ 1630522 h 1675797"/>
                <a:gd name="connsiteX6" fmla="*/ 527234 w 4158640"/>
                <a:gd name="connsiteY6" fmla="*/ 1620998 h 1675797"/>
                <a:gd name="connsiteX7" fmla="*/ 584384 w 4158640"/>
                <a:gd name="connsiteY7" fmla="*/ 1616235 h 1675797"/>
                <a:gd name="connsiteX8" fmla="*/ 636771 w 4158640"/>
                <a:gd name="connsiteY8" fmla="*/ 1604329 h 1675797"/>
                <a:gd name="connsiteX9" fmla="*/ 708209 w 4158640"/>
                <a:gd name="connsiteY9" fmla="*/ 1587661 h 1675797"/>
                <a:gd name="connsiteX10" fmla="*/ 765359 w 4158640"/>
                <a:gd name="connsiteY10" fmla="*/ 1573373 h 1675797"/>
                <a:gd name="connsiteX11" fmla="*/ 853466 w 4158640"/>
                <a:gd name="connsiteY11" fmla="*/ 1559085 h 1675797"/>
                <a:gd name="connsiteX12" fmla="*/ 951094 w 4158640"/>
                <a:gd name="connsiteY12" fmla="*/ 1549560 h 1675797"/>
                <a:gd name="connsiteX13" fmla="*/ 1010628 w 4158640"/>
                <a:gd name="connsiteY13" fmla="*/ 1540035 h 1675797"/>
                <a:gd name="connsiteX14" fmla="*/ 1060634 w 4158640"/>
                <a:gd name="connsiteY14" fmla="*/ 1537653 h 1675797"/>
                <a:gd name="connsiteX15" fmla="*/ 1115404 w 4158640"/>
                <a:gd name="connsiteY15" fmla="*/ 1516222 h 1675797"/>
                <a:gd name="connsiteX16" fmla="*/ 1163027 w 4158640"/>
                <a:gd name="connsiteY16" fmla="*/ 1499553 h 1675797"/>
                <a:gd name="connsiteX17" fmla="*/ 1213034 w 4158640"/>
                <a:gd name="connsiteY17" fmla="*/ 1492410 h 1675797"/>
                <a:gd name="connsiteX18" fmla="*/ 1253515 w 4158640"/>
                <a:gd name="connsiteY18" fmla="*/ 1485266 h 1675797"/>
                <a:gd name="connsiteX19" fmla="*/ 1293996 w 4158640"/>
                <a:gd name="connsiteY19" fmla="*/ 1475741 h 1675797"/>
                <a:gd name="connsiteX20" fmla="*/ 1336860 w 4158640"/>
                <a:gd name="connsiteY20" fmla="*/ 1447166 h 1675797"/>
                <a:gd name="connsiteX21" fmla="*/ 1358290 w 4158640"/>
                <a:gd name="connsiteY21" fmla="*/ 1425734 h 1675797"/>
                <a:gd name="connsiteX22" fmla="*/ 1384484 w 4158640"/>
                <a:gd name="connsiteY22" fmla="*/ 1413829 h 1675797"/>
                <a:gd name="connsiteX23" fmla="*/ 1427347 w 4158640"/>
                <a:gd name="connsiteY23" fmla="*/ 1394779 h 1675797"/>
                <a:gd name="connsiteX24" fmla="*/ 1455922 w 4158640"/>
                <a:gd name="connsiteY24" fmla="*/ 1382872 h 1675797"/>
                <a:gd name="connsiteX25" fmla="*/ 1491640 w 4158640"/>
                <a:gd name="connsiteY25" fmla="*/ 1363823 h 1675797"/>
                <a:gd name="connsiteX26" fmla="*/ 1534503 w 4158640"/>
                <a:gd name="connsiteY26" fmla="*/ 1347153 h 1675797"/>
                <a:gd name="connsiteX27" fmla="*/ 1563078 w 4158640"/>
                <a:gd name="connsiteY27" fmla="*/ 1337629 h 1675797"/>
                <a:gd name="connsiteX28" fmla="*/ 1589271 w 4158640"/>
                <a:gd name="connsiteY28" fmla="*/ 1330484 h 1675797"/>
                <a:gd name="connsiteX29" fmla="*/ 1620228 w 4158640"/>
                <a:gd name="connsiteY29" fmla="*/ 1325722 h 1675797"/>
                <a:gd name="connsiteX30" fmla="*/ 1648802 w 4158640"/>
                <a:gd name="connsiteY30" fmla="*/ 1318578 h 1675797"/>
                <a:gd name="connsiteX31" fmla="*/ 1682140 w 4158640"/>
                <a:gd name="connsiteY31" fmla="*/ 1313816 h 1675797"/>
                <a:gd name="connsiteX32" fmla="*/ 1710716 w 4158640"/>
                <a:gd name="connsiteY32" fmla="*/ 1297148 h 1675797"/>
                <a:gd name="connsiteX33" fmla="*/ 1732146 w 4158640"/>
                <a:gd name="connsiteY33" fmla="*/ 1280479 h 1675797"/>
                <a:gd name="connsiteX34" fmla="*/ 1767866 w 4158640"/>
                <a:gd name="connsiteY34" fmla="*/ 1261428 h 1675797"/>
                <a:gd name="connsiteX35" fmla="*/ 1796440 w 4158640"/>
                <a:gd name="connsiteY35" fmla="*/ 1247141 h 1675797"/>
                <a:gd name="connsiteX36" fmla="*/ 1825015 w 4158640"/>
                <a:gd name="connsiteY36" fmla="*/ 1235234 h 1675797"/>
                <a:gd name="connsiteX37" fmla="*/ 1851209 w 4158640"/>
                <a:gd name="connsiteY37" fmla="*/ 1220947 h 1675797"/>
                <a:gd name="connsiteX38" fmla="*/ 1875022 w 4158640"/>
                <a:gd name="connsiteY38" fmla="*/ 1213804 h 1675797"/>
                <a:gd name="connsiteX39" fmla="*/ 1896452 w 4158640"/>
                <a:gd name="connsiteY39" fmla="*/ 1201897 h 1675797"/>
                <a:gd name="connsiteX40" fmla="*/ 1927408 w 4158640"/>
                <a:gd name="connsiteY40" fmla="*/ 1192373 h 1675797"/>
                <a:gd name="connsiteX41" fmla="*/ 1967890 w 4158640"/>
                <a:gd name="connsiteY41" fmla="*/ 1168559 h 1675797"/>
                <a:gd name="connsiteX42" fmla="*/ 2010753 w 4158640"/>
                <a:gd name="connsiteY42" fmla="*/ 1156653 h 1675797"/>
                <a:gd name="connsiteX43" fmla="*/ 2041709 w 4158640"/>
                <a:gd name="connsiteY43" fmla="*/ 1144747 h 1675797"/>
                <a:gd name="connsiteX44" fmla="*/ 2072665 w 4158640"/>
                <a:gd name="connsiteY44" fmla="*/ 1135222 h 1675797"/>
                <a:gd name="connsiteX45" fmla="*/ 2108384 w 4158640"/>
                <a:gd name="connsiteY45" fmla="*/ 1128078 h 1675797"/>
                <a:gd name="connsiteX46" fmla="*/ 2139340 w 4158640"/>
                <a:gd name="connsiteY46" fmla="*/ 1111410 h 1675797"/>
                <a:gd name="connsiteX47" fmla="*/ 2170296 w 4158640"/>
                <a:gd name="connsiteY47" fmla="*/ 1097122 h 1675797"/>
                <a:gd name="connsiteX48" fmla="*/ 2198871 w 4158640"/>
                <a:gd name="connsiteY48" fmla="*/ 1085216 h 1675797"/>
                <a:gd name="connsiteX49" fmla="*/ 2241734 w 4158640"/>
                <a:gd name="connsiteY49" fmla="*/ 1070928 h 1675797"/>
                <a:gd name="connsiteX50" fmla="*/ 2265546 w 4158640"/>
                <a:gd name="connsiteY50" fmla="*/ 1051878 h 1675797"/>
                <a:gd name="connsiteX51" fmla="*/ 2286978 w 4158640"/>
                <a:gd name="connsiteY51" fmla="*/ 1039972 h 1675797"/>
                <a:gd name="connsiteX52" fmla="*/ 2310790 w 4158640"/>
                <a:gd name="connsiteY52" fmla="*/ 1028066 h 1675797"/>
                <a:gd name="connsiteX53" fmla="*/ 2341746 w 4158640"/>
                <a:gd name="connsiteY53" fmla="*/ 1009016 h 1675797"/>
                <a:gd name="connsiteX54" fmla="*/ 2367940 w 4158640"/>
                <a:gd name="connsiteY54" fmla="*/ 992348 h 1675797"/>
                <a:gd name="connsiteX55" fmla="*/ 2384609 w 4158640"/>
                <a:gd name="connsiteY55" fmla="*/ 980441 h 1675797"/>
                <a:gd name="connsiteX56" fmla="*/ 2417946 w 4158640"/>
                <a:gd name="connsiteY56" fmla="*/ 975679 h 1675797"/>
                <a:gd name="connsiteX57" fmla="*/ 2451284 w 4158640"/>
                <a:gd name="connsiteY57" fmla="*/ 963772 h 1675797"/>
                <a:gd name="connsiteX58" fmla="*/ 2477478 w 4158640"/>
                <a:gd name="connsiteY58" fmla="*/ 951866 h 1675797"/>
                <a:gd name="connsiteX59" fmla="*/ 2506053 w 4158640"/>
                <a:gd name="connsiteY59" fmla="*/ 947103 h 1675797"/>
                <a:gd name="connsiteX60" fmla="*/ 2527484 w 4158640"/>
                <a:gd name="connsiteY60" fmla="*/ 930435 h 1675797"/>
                <a:gd name="connsiteX61" fmla="*/ 2560821 w 4158640"/>
                <a:gd name="connsiteY61" fmla="*/ 913766 h 1675797"/>
                <a:gd name="connsiteX62" fmla="*/ 2587015 w 4158640"/>
                <a:gd name="connsiteY62" fmla="*/ 892335 h 1675797"/>
                <a:gd name="connsiteX63" fmla="*/ 2667977 w 4158640"/>
                <a:gd name="connsiteY63" fmla="*/ 856616 h 1675797"/>
                <a:gd name="connsiteX64" fmla="*/ 2698934 w 4158640"/>
                <a:gd name="connsiteY64" fmla="*/ 847091 h 1675797"/>
                <a:gd name="connsiteX65" fmla="*/ 2727508 w 4158640"/>
                <a:gd name="connsiteY65" fmla="*/ 839948 h 1675797"/>
                <a:gd name="connsiteX66" fmla="*/ 2758465 w 4158640"/>
                <a:gd name="connsiteY66" fmla="*/ 839947 h 1675797"/>
                <a:gd name="connsiteX67" fmla="*/ 2791803 w 4158640"/>
                <a:gd name="connsiteY67" fmla="*/ 823278 h 1675797"/>
                <a:gd name="connsiteX68" fmla="*/ 2827521 w 4158640"/>
                <a:gd name="connsiteY68" fmla="*/ 811372 h 1675797"/>
                <a:gd name="connsiteX69" fmla="*/ 2860859 w 4158640"/>
                <a:gd name="connsiteY69" fmla="*/ 801847 h 1675797"/>
                <a:gd name="connsiteX70" fmla="*/ 2887053 w 4158640"/>
                <a:gd name="connsiteY70" fmla="*/ 785178 h 1675797"/>
                <a:gd name="connsiteX71" fmla="*/ 2918009 w 4158640"/>
                <a:gd name="connsiteY71" fmla="*/ 770891 h 1675797"/>
                <a:gd name="connsiteX72" fmla="*/ 2939440 w 4158640"/>
                <a:gd name="connsiteY72" fmla="*/ 756603 h 1675797"/>
                <a:gd name="connsiteX73" fmla="*/ 2963253 w 4158640"/>
                <a:gd name="connsiteY73" fmla="*/ 739935 h 1675797"/>
                <a:gd name="connsiteX74" fmla="*/ 2989446 w 4158640"/>
                <a:gd name="connsiteY74" fmla="*/ 732791 h 1675797"/>
                <a:gd name="connsiteX75" fmla="*/ 3018021 w 4158640"/>
                <a:gd name="connsiteY75" fmla="*/ 713741 h 1675797"/>
                <a:gd name="connsiteX76" fmla="*/ 3046597 w 4158640"/>
                <a:gd name="connsiteY76" fmla="*/ 692310 h 1675797"/>
                <a:gd name="connsiteX77" fmla="*/ 3082316 w 4158640"/>
                <a:gd name="connsiteY77" fmla="*/ 680405 h 1675797"/>
                <a:gd name="connsiteX78" fmla="*/ 4158640 w 4158640"/>
                <a:gd name="connsiteY78" fmla="*/ 25560 h 1675797"/>
                <a:gd name="connsiteX0" fmla="*/ 4158640 w 4158640"/>
                <a:gd name="connsiteY0" fmla="*/ 25488 h 1675725"/>
                <a:gd name="connsiteX1" fmla="*/ 4158640 w 4158640"/>
                <a:gd name="connsiteY1" fmla="*/ 1663788 h 1675725"/>
                <a:gd name="connsiteX2" fmla="*/ 301015 w 4158640"/>
                <a:gd name="connsiteY2" fmla="*/ 1663788 h 1675725"/>
                <a:gd name="connsiteX3" fmla="*/ 430396 w 4158640"/>
                <a:gd name="connsiteY3" fmla="*/ 1643150 h 1675725"/>
                <a:gd name="connsiteX4" fmla="*/ 384358 w 4158640"/>
                <a:gd name="connsiteY4" fmla="*/ 1656645 h 1675725"/>
                <a:gd name="connsiteX5" fmla="*/ 472465 w 4158640"/>
                <a:gd name="connsiteY5" fmla="*/ 1630450 h 1675725"/>
                <a:gd name="connsiteX6" fmla="*/ 527234 w 4158640"/>
                <a:gd name="connsiteY6" fmla="*/ 1620926 h 1675725"/>
                <a:gd name="connsiteX7" fmla="*/ 584384 w 4158640"/>
                <a:gd name="connsiteY7" fmla="*/ 1616163 h 1675725"/>
                <a:gd name="connsiteX8" fmla="*/ 636771 w 4158640"/>
                <a:gd name="connsiteY8" fmla="*/ 1604257 h 1675725"/>
                <a:gd name="connsiteX9" fmla="*/ 708209 w 4158640"/>
                <a:gd name="connsiteY9" fmla="*/ 1587589 h 1675725"/>
                <a:gd name="connsiteX10" fmla="*/ 765359 w 4158640"/>
                <a:gd name="connsiteY10" fmla="*/ 1573301 h 1675725"/>
                <a:gd name="connsiteX11" fmla="*/ 853466 w 4158640"/>
                <a:gd name="connsiteY11" fmla="*/ 1559013 h 1675725"/>
                <a:gd name="connsiteX12" fmla="*/ 951094 w 4158640"/>
                <a:gd name="connsiteY12" fmla="*/ 1549488 h 1675725"/>
                <a:gd name="connsiteX13" fmla="*/ 1010628 w 4158640"/>
                <a:gd name="connsiteY13" fmla="*/ 1539963 h 1675725"/>
                <a:gd name="connsiteX14" fmla="*/ 1060634 w 4158640"/>
                <a:gd name="connsiteY14" fmla="*/ 1537581 h 1675725"/>
                <a:gd name="connsiteX15" fmla="*/ 1115404 w 4158640"/>
                <a:gd name="connsiteY15" fmla="*/ 1516150 h 1675725"/>
                <a:gd name="connsiteX16" fmla="*/ 1163027 w 4158640"/>
                <a:gd name="connsiteY16" fmla="*/ 1499481 h 1675725"/>
                <a:gd name="connsiteX17" fmla="*/ 1213034 w 4158640"/>
                <a:gd name="connsiteY17" fmla="*/ 1492338 h 1675725"/>
                <a:gd name="connsiteX18" fmla="*/ 1253515 w 4158640"/>
                <a:gd name="connsiteY18" fmla="*/ 1485194 h 1675725"/>
                <a:gd name="connsiteX19" fmla="*/ 1293996 w 4158640"/>
                <a:gd name="connsiteY19" fmla="*/ 1475669 h 1675725"/>
                <a:gd name="connsiteX20" fmla="*/ 1336860 w 4158640"/>
                <a:gd name="connsiteY20" fmla="*/ 1447094 h 1675725"/>
                <a:gd name="connsiteX21" fmla="*/ 1358290 w 4158640"/>
                <a:gd name="connsiteY21" fmla="*/ 1425662 h 1675725"/>
                <a:gd name="connsiteX22" fmla="*/ 1384484 w 4158640"/>
                <a:gd name="connsiteY22" fmla="*/ 1413757 h 1675725"/>
                <a:gd name="connsiteX23" fmla="*/ 1427347 w 4158640"/>
                <a:gd name="connsiteY23" fmla="*/ 1394707 h 1675725"/>
                <a:gd name="connsiteX24" fmla="*/ 1455922 w 4158640"/>
                <a:gd name="connsiteY24" fmla="*/ 1382800 h 1675725"/>
                <a:gd name="connsiteX25" fmla="*/ 1491640 w 4158640"/>
                <a:gd name="connsiteY25" fmla="*/ 1363751 h 1675725"/>
                <a:gd name="connsiteX26" fmla="*/ 1534503 w 4158640"/>
                <a:gd name="connsiteY26" fmla="*/ 1347081 h 1675725"/>
                <a:gd name="connsiteX27" fmla="*/ 1563078 w 4158640"/>
                <a:gd name="connsiteY27" fmla="*/ 1337557 h 1675725"/>
                <a:gd name="connsiteX28" fmla="*/ 1589271 w 4158640"/>
                <a:gd name="connsiteY28" fmla="*/ 1330412 h 1675725"/>
                <a:gd name="connsiteX29" fmla="*/ 1620228 w 4158640"/>
                <a:gd name="connsiteY29" fmla="*/ 1325650 h 1675725"/>
                <a:gd name="connsiteX30" fmla="*/ 1648802 w 4158640"/>
                <a:gd name="connsiteY30" fmla="*/ 1318506 h 1675725"/>
                <a:gd name="connsiteX31" fmla="*/ 1682140 w 4158640"/>
                <a:gd name="connsiteY31" fmla="*/ 1313744 h 1675725"/>
                <a:gd name="connsiteX32" fmla="*/ 1710716 w 4158640"/>
                <a:gd name="connsiteY32" fmla="*/ 1297076 h 1675725"/>
                <a:gd name="connsiteX33" fmla="*/ 1732146 w 4158640"/>
                <a:gd name="connsiteY33" fmla="*/ 1280407 h 1675725"/>
                <a:gd name="connsiteX34" fmla="*/ 1767866 w 4158640"/>
                <a:gd name="connsiteY34" fmla="*/ 1261356 h 1675725"/>
                <a:gd name="connsiteX35" fmla="*/ 1796440 w 4158640"/>
                <a:gd name="connsiteY35" fmla="*/ 1247069 h 1675725"/>
                <a:gd name="connsiteX36" fmla="*/ 1825015 w 4158640"/>
                <a:gd name="connsiteY36" fmla="*/ 1235162 h 1675725"/>
                <a:gd name="connsiteX37" fmla="*/ 1851209 w 4158640"/>
                <a:gd name="connsiteY37" fmla="*/ 1220875 h 1675725"/>
                <a:gd name="connsiteX38" fmla="*/ 1875022 w 4158640"/>
                <a:gd name="connsiteY38" fmla="*/ 1213732 h 1675725"/>
                <a:gd name="connsiteX39" fmla="*/ 1896452 w 4158640"/>
                <a:gd name="connsiteY39" fmla="*/ 1201825 h 1675725"/>
                <a:gd name="connsiteX40" fmla="*/ 1927408 w 4158640"/>
                <a:gd name="connsiteY40" fmla="*/ 1192301 h 1675725"/>
                <a:gd name="connsiteX41" fmla="*/ 1967890 w 4158640"/>
                <a:gd name="connsiteY41" fmla="*/ 1168487 h 1675725"/>
                <a:gd name="connsiteX42" fmla="*/ 2010753 w 4158640"/>
                <a:gd name="connsiteY42" fmla="*/ 1156581 h 1675725"/>
                <a:gd name="connsiteX43" fmla="*/ 2041709 w 4158640"/>
                <a:gd name="connsiteY43" fmla="*/ 1144675 h 1675725"/>
                <a:gd name="connsiteX44" fmla="*/ 2072665 w 4158640"/>
                <a:gd name="connsiteY44" fmla="*/ 1135150 h 1675725"/>
                <a:gd name="connsiteX45" fmla="*/ 2108384 w 4158640"/>
                <a:gd name="connsiteY45" fmla="*/ 1128006 h 1675725"/>
                <a:gd name="connsiteX46" fmla="*/ 2139340 w 4158640"/>
                <a:gd name="connsiteY46" fmla="*/ 1111338 h 1675725"/>
                <a:gd name="connsiteX47" fmla="*/ 2170296 w 4158640"/>
                <a:gd name="connsiteY47" fmla="*/ 1097050 h 1675725"/>
                <a:gd name="connsiteX48" fmla="*/ 2198871 w 4158640"/>
                <a:gd name="connsiteY48" fmla="*/ 1085144 h 1675725"/>
                <a:gd name="connsiteX49" fmla="*/ 2241734 w 4158640"/>
                <a:gd name="connsiteY49" fmla="*/ 1070856 h 1675725"/>
                <a:gd name="connsiteX50" fmla="*/ 2265546 w 4158640"/>
                <a:gd name="connsiteY50" fmla="*/ 1051806 h 1675725"/>
                <a:gd name="connsiteX51" fmla="*/ 2286978 w 4158640"/>
                <a:gd name="connsiteY51" fmla="*/ 1039900 h 1675725"/>
                <a:gd name="connsiteX52" fmla="*/ 2310790 w 4158640"/>
                <a:gd name="connsiteY52" fmla="*/ 1027994 h 1675725"/>
                <a:gd name="connsiteX53" fmla="*/ 2341746 w 4158640"/>
                <a:gd name="connsiteY53" fmla="*/ 1008944 h 1675725"/>
                <a:gd name="connsiteX54" fmla="*/ 2367940 w 4158640"/>
                <a:gd name="connsiteY54" fmla="*/ 992276 h 1675725"/>
                <a:gd name="connsiteX55" fmla="*/ 2384609 w 4158640"/>
                <a:gd name="connsiteY55" fmla="*/ 980369 h 1675725"/>
                <a:gd name="connsiteX56" fmla="*/ 2417946 w 4158640"/>
                <a:gd name="connsiteY56" fmla="*/ 975607 h 1675725"/>
                <a:gd name="connsiteX57" fmla="*/ 2451284 w 4158640"/>
                <a:gd name="connsiteY57" fmla="*/ 963700 h 1675725"/>
                <a:gd name="connsiteX58" fmla="*/ 2477478 w 4158640"/>
                <a:gd name="connsiteY58" fmla="*/ 951794 h 1675725"/>
                <a:gd name="connsiteX59" fmla="*/ 2506053 w 4158640"/>
                <a:gd name="connsiteY59" fmla="*/ 947031 h 1675725"/>
                <a:gd name="connsiteX60" fmla="*/ 2527484 w 4158640"/>
                <a:gd name="connsiteY60" fmla="*/ 930363 h 1675725"/>
                <a:gd name="connsiteX61" fmla="*/ 2560821 w 4158640"/>
                <a:gd name="connsiteY61" fmla="*/ 913694 h 1675725"/>
                <a:gd name="connsiteX62" fmla="*/ 2587015 w 4158640"/>
                <a:gd name="connsiteY62" fmla="*/ 892263 h 1675725"/>
                <a:gd name="connsiteX63" fmla="*/ 2667977 w 4158640"/>
                <a:gd name="connsiteY63" fmla="*/ 856544 h 1675725"/>
                <a:gd name="connsiteX64" fmla="*/ 2698934 w 4158640"/>
                <a:gd name="connsiteY64" fmla="*/ 847019 h 1675725"/>
                <a:gd name="connsiteX65" fmla="*/ 2727508 w 4158640"/>
                <a:gd name="connsiteY65" fmla="*/ 839876 h 1675725"/>
                <a:gd name="connsiteX66" fmla="*/ 2758465 w 4158640"/>
                <a:gd name="connsiteY66" fmla="*/ 839875 h 1675725"/>
                <a:gd name="connsiteX67" fmla="*/ 2791803 w 4158640"/>
                <a:gd name="connsiteY67" fmla="*/ 823206 h 1675725"/>
                <a:gd name="connsiteX68" fmla="*/ 2827521 w 4158640"/>
                <a:gd name="connsiteY68" fmla="*/ 811300 h 1675725"/>
                <a:gd name="connsiteX69" fmla="*/ 2860859 w 4158640"/>
                <a:gd name="connsiteY69" fmla="*/ 801775 h 1675725"/>
                <a:gd name="connsiteX70" fmla="*/ 2887053 w 4158640"/>
                <a:gd name="connsiteY70" fmla="*/ 785106 h 1675725"/>
                <a:gd name="connsiteX71" fmla="*/ 2918009 w 4158640"/>
                <a:gd name="connsiteY71" fmla="*/ 770819 h 1675725"/>
                <a:gd name="connsiteX72" fmla="*/ 2939440 w 4158640"/>
                <a:gd name="connsiteY72" fmla="*/ 756531 h 1675725"/>
                <a:gd name="connsiteX73" fmla="*/ 2963253 w 4158640"/>
                <a:gd name="connsiteY73" fmla="*/ 739863 h 1675725"/>
                <a:gd name="connsiteX74" fmla="*/ 2989446 w 4158640"/>
                <a:gd name="connsiteY74" fmla="*/ 732719 h 1675725"/>
                <a:gd name="connsiteX75" fmla="*/ 3018021 w 4158640"/>
                <a:gd name="connsiteY75" fmla="*/ 713669 h 1675725"/>
                <a:gd name="connsiteX76" fmla="*/ 3046597 w 4158640"/>
                <a:gd name="connsiteY76" fmla="*/ 692238 h 1675725"/>
                <a:gd name="connsiteX77" fmla="*/ 3082316 w 4158640"/>
                <a:gd name="connsiteY77" fmla="*/ 680333 h 1675725"/>
                <a:gd name="connsiteX78" fmla="*/ 3106128 w 4158640"/>
                <a:gd name="connsiteY78" fmla="*/ 666045 h 1675725"/>
                <a:gd name="connsiteX79" fmla="*/ 4158640 w 4158640"/>
                <a:gd name="connsiteY79" fmla="*/ 25488 h 1675725"/>
                <a:gd name="connsiteX0" fmla="*/ 4158640 w 4158640"/>
                <a:gd name="connsiteY0" fmla="*/ 26478 h 1676715"/>
                <a:gd name="connsiteX1" fmla="*/ 4158640 w 4158640"/>
                <a:gd name="connsiteY1" fmla="*/ 1664778 h 1676715"/>
                <a:gd name="connsiteX2" fmla="*/ 301015 w 4158640"/>
                <a:gd name="connsiteY2" fmla="*/ 1664778 h 1676715"/>
                <a:gd name="connsiteX3" fmla="*/ 430396 w 4158640"/>
                <a:gd name="connsiteY3" fmla="*/ 1644140 h 1676715"/>
                <a:gd name="connsiteX4" fmla="*/ 384358 w 4158640"/>
                <a:gd name="connsiteY4" fmla="*/ 1657635 h 1676715"/>
                <a:gd name="connsiteX5" fmla="*/ 472465 w 4158640"/>
                <a:gd name="connsiteY5" fmla="*/ 1631440 h 1676715"/>
                <a:gd name="connsiteX6" fmla="*/ 527234 w 4158640"/>
                <a:gd name="connsiteY6" fmla="*/ 1621916 h 1676715"/>
                <a:gd name="connsiteX7" fmla="*/ 584384 w 4158640"/>
                <a:gd name="connsiteY7" fmla="*/ 1617153 h 1676715"/>
                <a:gd name="connsiteX8" fmla="*/ 636771 w 4158640"/>
                <a:gd name="connsiteY8" fmla="*/ 1605247 h 1676715"/>
                <a:gd name="connsiteX9" fmla="*/ 708209 w 4158640"/>
                <a:gd name="connsiteY9" fmla="*/ 1588579 h 1676715"/>
                <a:gd name="connsiteX10" fmla="*/ 765359 w 4158640"/>
                <a:gd name="connsiteY10" fmla="*/ 1574291 h 1676715"/>
                <a:gd name="connsiteX11" fmla="*/ 853466 w 4158640"/>
                <a:gd name="connsiteY11" fmla="*/ 1560003 h 1676715"/>
                <a:gd name="connsiteX12" fmla="*/ 951094 w 4158640"/>
                <a:gd name="connsiteY12" fmla="*/ 1550478 h 1676715"/>
                <a:gd name="connsiteX13" fmla="*/ 1010628 w 4158640"/>
                <a:gd name="connsiteY13" fmla="*/ 1540953 h 1676715"/>
                <a:gd name="connsiteX14" fmla="*/ 1060634 w 4158640"/>
                <a:gd name="connsiteY14" fmla="*/ 1538571 h 1676715"/>
                <a:gd name="connsiteX15" fmla="*/ 1115404 w 4158640"/>
                <a:gd name="connsiteY15" fmla="*/ 1517140 h 1676715"/>
                <a:gd name="connsiteX16" fmla="*/ 1163027 w 4158640"/>
                <a:gd name="connsiteY16" fmla="*/ 1500471 h 1676715"/>
                <a:gd name="connsiteX17" fmla="*/ 1213034 w 4158640"/>
                <a:gd name="connsiteY17" fmla="*/ 1493328 h 1676715"/>
                <a:gd name="connsiteX18" fmla="*/ 1253515 w 4158640"/>
                <a:gd name="connsiteY18" fmla="*/ 1486184 h 1676715"/>
                <a:gd name="connsiteX19" fmla="*/ 1293996 w 4158640"/>
                <a:gd name="connsiteY19" fmla="*/ 1476659 h 1676715"/>
                <a:gd name="connsiteX20" fmla="*/ 1336860 w 4158640"/>
                <a:gd name="connsiteY20" fmla="*/ 1448084 h 1676715"/>
                <a:gd name="connsiteX21" fmla="*/ 1358290 w 4158640"/>
                <a:gd name="connsiteY21" fmla="*/ 1426652 h 1676715"/>
                <a:gd name="connsiteX22" fmla="*/ 1384484 w 4158640"/>
                <a:gd name="connsiteY22" fmla="*/ 1414747 h 1676715"/>
                <a:gd name="connsiteX23" fmla="*/ 1427347 w 4158640"/>
                <a:gd name="connsiteY23" fmla="*/ 1395697 h 1676715"/>
                <a:gd name="connsiteX24" fmla="*/ 1455922 w 4158640"/>
                <a:gd name="connsiteY24" fmla="*/ 1383790 h 1676715"/>
                <a:gd name="connsiteX25" fmla="*/ 1491640 w 4158640"/>
                <a:gd name="connsiteY25" fmla="*/ 1364741 h 1676715"/>
                <a:gd name="connsiteX26" fmla="*/ 1534503 w 4158640"/>
                <a:gd name="connsiteY26" fmla="*/ 1348071 h 1676715"/>
                <a:gd name="connsiteX27" fmla="*/ 1563078 w 4158640"/>
                <a:gd name="connsiteY27" fmla="*/ 1338547 h 1676715"/>
                <a:gd name="connsiteX28" fmla="*/ 1589271 w 4158640"/>
                <a:gd name="connsiteY28" fmla="*/ 1331402 h 1676715"/>
                <a:gd name="connsiteX29" fmla="*/ 1620228 w 4158640"/>
                <a:gd name="connsiteY29" fmla="*/ 1326640 h 1676715"/>
                <a:gd name="connsiteX30" fmla="*/ 1648802 w 4158640"/>
                <a:gd name="connsiteY30" fmla="*/ 1319496 h 1676715"/>
                <a:gd name="connsiteX31" fmla="*/ 1682140 w 4158640"/>
                <a:gd name="connsiteY31" fmla="*/ 1314734 h 1676715"/>
                <a:gd name="connsiteX32" fmla="*/ 1710716 w 4158640"/>
                <a:gd name="connsiteY32" fmla="*/ 1298066 h 1676715"/>
                <a:gd name="connsiteX33" fmla="*/ 1732146 w 4158640"/>
                <a:gd name="connsiteY33" fmla="*/ 1281397 h 1676715"/>
                <a:gd name="connsiteX34" fmla="*/ 1767866 w 4158640"/>
                <a:gd name="connsiteY34" fmla="*/ 1262346 h 1676715"/>
                <a:gd name="connsiteX35" fmla="*/ 1796440 w 4158640"/>
                <a:gd name="connsiteY35" fmla="*/ 1248059 h 1676715"/>
                <a:gd name="connsiteX36" fmla="*/ 1825015 w 4158640"/>
                <a:gd name="connsiteY36" fmla="*/ 1236152 h 1676715"/>
                <a:gd name="connsiteX37" fmla="*/ 1851209 w 4158640"/>
                <a:gd name="connsiteY37" fmla="*/ 1221865 h 1676715"/>
                <a:gd name="connsiteX38" fmla="*/ 1875022 w 4158640"/>
                <a:gd name="connsiteY38" fmla="*/ 1214722 h 1676715"/>
                <a:gd name="connsiteX39" fmla="*/ 1896452 w 4158640"/>
                <a:gd name="connsiteY39" fmla="*/ 1202815 h 1676715"/>
                <a:gd name="connsiteX40" fmla="*/ 1927408 w 4158640"/>
                <a:gd name="connsiteY40" fmla="*/ 1193291 h 1676715"/>
                <a:gd name="connsiteX41" fmla="*/ 1967890 w 4158640"/>
                <a:gd name="connsiteY41" fmla="*/ 1169477 h 1676715"/>
                <a:gd name="connsiteX42" fmla="*/ 2010753 w 4158640"/>
                <a:gd name="connsiteY42" fmla="*/ 1157571 h 1676715"/>
                <a:gd name="connsiteX43" fmla="*/ 2041709 w 4158640"/>
                <a:gd name="connsiteY43" fmla="*/ 1145665 h 1676715"/>
                <a:gd name="connsiteX44" fmla="*/ 2072665 w 4158640"/>
                <a:gd name="connsiteY44" fmla="*/ 1136140 h 1676715"/>
                <a:gd name="connsiteX45" fmla="*/ 2108384 w 4158640"/>
                <a:gd name="connsiteY45" fmla="*/ 1128996 h 1676715"/>
                <a:gd name="connsiteX46" fmla="*/ 2139340 w 4158640"/>
                <a:gd name="connsiteY46" fmla="*/ 1112328 h 1676715"/>
                <a:gd name="connsiteX47" fmla="*/ 2170296 w 4158640"/>
                <a:gd name="connsiteY47" fmla="*/ 1098040 h 1676715"/>
                <a:gd name="connsiteX48" fmla="*/ 2198871 w 4158640"/>
                <a:gd name="connsiteY48" fmla="*/ 1086134 h 1676715"/>
                <a:gd name="connsiteX49" fmla="*/ 2241734 w 4158640"/>
                <a:gd name="connsiteY49" fmla="*/ 1071846 h 1676715"/>
                <a:gd name="connsiteX50" fmla="*/ 2265546 w 4158640"/>
                <a:gd name="connsiteY50" fmla="*/ 1052796 h 1676715"/>
                <a:gd name="connsiteX51" fmla="*/ 2286978 w 4158640"/>
                <a:gd name="connsiteY51" fmla="*/ 1040890 h 1676715"/>
                <a:gd name="connsiteX52" fmla="*/ 2310790 w 4158640"/>
                <a:gd name="connsiteY52" fmla="*/ 1028984 h 1676715"/>
                <a:gd name="connsiteX53" fmla="*/ 2341746 w 4158640"/>
                <a:gd name="connsiteY53" fmla="*/ 1009934 h 1676715"/>
                <a:gd name="connsiteX54" fmla="*/ 2367940 w 4158640"/>
                <a:gd name="connsiteY54" fmla="*/ 993266 h 1676715"/>
                <a:gd name="connsiteX55" fmla="*/ 2384609 w 4158640"/>
                <a:gd name="connsiteY55" fmla="*/ 981359 h 1676715"/>
                <a:gd name="connsiteX56" fmla="*/ 2417946 w 4158640"/>
                <a:gd name="connsiteY56" fmla="*/ 976597 h 1676715"/>
                <a:gd name="connsiteX57" fmla="*/ 2451284 w 4158640"/>
                <a:gd name="connsiteY57" fmla="*/ 964690 h 1676715"/>
                <a:gd name="connsiteX58" fmla="*/ 2477478 w 4158640"/>
                <a:gd name="connsiteY58" fmla="*/ 952784 h 1676715"/>
                <a:gd name="connsiteX59" fmla="*/ 2506053 w 4158640"/>
                <a:gd name="connsiteY59" fmla="*/ 948021 h 1676715"/>
                <a:gd name="connsiteX60" fmla="*/ 2527484 w 4158640"/>
                <a:gd name="connsiteY60" fmla="*/ 931353 h 1676715"/>
                <a:gd name="connsiteX61" fmla="*/ 2560821 w 4158640"/>
                <a:gd name="connsiteY61" fmla="*/ 914684 h 1676715"/>
                <a:gd name="connsiteX62" fmla="*/ 2587015 w 4158640"/>
                <a:gd name="connsiteY62" fmla="*/ 893253 h 1676715"/>
                <a:gd name="connsiteX63" fmla="*/ 2667977 w 4158640"/>
                <a:gd name="connsiteY63" fmla="*/ 857534 h 1676715"/>
                <a:gd name="connsiteX64" fmla="*/ 2698934 w 4158640"/>
                <a:gd name="connsiteY64" fmla="*/ 848009 h 1676715"/>
                <a:gd name="connsiteX65" fmla="*/ 2727508 w 4158640"/>
                <a:gd name="connsiteY65" fmla="*/ 840866 h 1676715"/>
                <a:gd name="connsiteX66" fmla="*/ 2758465 w 4158640"/>
                <a:gd name="connsiteY66" fmla="*/ 840865 h 1676715"/>
                <a:gd name="connsiteX67" fmla="*/ 2791803 w 4158640"/>
                <a:gd name="connsiteY67" fmla="*/ 824196 h 1676715"/>
                <a:gd name="connsiteX68" fmla="*/ 2827521 w 4158640"/>
                <a:gd name="connsiteY68" fmla="*/ 812290 h 1676715"/>
                <a:gd name="connsiteX69" fmla="*/ 2860859 w 4158640"/>
                <a:gd name="connsiteY69" fmla="*/ 802765 h 1676715"/>
                <a:gd name="connsiteX70" fmla="*/ 2887053 w 4158640"/>
                <a:gd name="connsiteY70" fmla="*/ 786096 h 1676715"/>
                <a:gd name="connsiteX71" fmla="*/ 2918009 w 4158640"/>
                <a:gd name="connsiteY71" fmla="*/ 771809 h 1676715"/>
                <a:gd name="connsiteX72" fmla="*/ 2939440 w 4158640"/>
                <a:gd name="connsiteY72" fmla="*/ 757521 h 1676715"/>
                <a:gd name="connsiteX73" fmla="*/ 2963253 w 4158640"/>
                <a:gd name="connsiteY73" fmla="*/ 740853 h 1676715"/>
                <a:gd name="connsiteX74" fmla="*/ 2989446 w 4158640"/>
                <a:gd name="connsiteY74" fmla="*/ 733709 h 1676715"/>
                <a:gd name="connsiteX75" fmla="*/ 3018021 w 4158640"/>
                <a:gd name="connsiteY75" fmla="*/ 714659 h 1676715"/>
                <a:gd name="connsiteX76" fmla="*/ 3046597 w 4158640"/>
                <a:gd name="connsiteY76" fmla="*/ 693228 h 1676715"/>
                <a:gd name="connsiteX77" fmla="*/ 3082316 w 4158640"/>
                <a:gd name="connsiteY77" fmla="*/ 681323 h 1676715"/>
                <a:gd name="connsiteX78" fmla="*/ 3106128 w 4158640"/>
                <a:gd name="connsiteY78" fmla="*/ 667035 h 1676715"/>
                <a:gd name="connsiteX79" fmla="*/ 3122796 w 4158640"/>
                <a:gd name="connsiteY79" fmla="*/ 652747 h 1676715"/>
                <a:gd name="connsiteX80" fmla="*/ 4158640 w 4158640"/>
                <a:gd name="connsiteY80" fmla="*/ 26478 h 1676715"/>
                <a:gd name="connsiteX0" fmla="*/ 4158640 w 4158640"/>
                <a:gd name="connsiteY0" fmla="*/ 28062 h 1678299"/>
                <a:gd name="connsiteX1" fmla="*/ 4158640 w 4158640"/>
                <a:gd name="connsiteY1" fmla="*/ 1666362 h 1678299"/>
                <a:gd name="connsiteX2" fmla="*/ 301015 w 4158640"/>
                <a:gd name="connsiteY2" fmla="*/ 1666362 h 1678299"/>
                <a:gd name="connsiteX3" fmla="*/ 430396 w 4158640"/>
                <a:gd name="connsiteY3" fmla="*/ 1645724 h 1678299"/>
                <a:gd name="connsiteX4" fmla="*/ 384358 w 4158640"/>
                <a:gd name="connsiteY4" fmla="*/ 1659219 h 1678299"/>
                <a:gd name="connsiteX5" fmla="*/ 472465 w 4158640"/>
                <a:gd name="connsiteY5" fmla="*/ 1633024 h 1678299"/>
                <a:gd name="connsiteX6" fmla="*/ 527234 w 4158640"/>
                <a:gd name="connsiteY6" fmla="*/ 1623500 h 1678299"/>
                <a:gd name="connsiteX7" fmla="*/ 584384 w 4158640"/>
                <a:gd name="connsiteY7" fmla="*/ 1618737 h 1678299"/>
                <a:gd name="connsiteX8" fmla="*/ 636771 w 4158640"/>
                <a:gd name="connsiteY8" fmla="*/ 1606831 h 1678299"/>
                <a:gd name="connsiteX9" fmla="*/ 708209 w 4158640"/>
                <a:gd name="connsiteY9" fmla="*/ 1590163 h 1678299"/>
                <a:gd name="connsiteX10" fmla="*/ 765359 w 4158640"/>
                <a:gd name="connsiteY10" fmla="*/ 1575875 h 1678299"/>
                <a:gd name="connsiteX11" fmla="*/ 853466 w 4158640"/>
                <a:gd name="connsiteY11" fmla="*/ 1561587 h 1678299"/>
                <a:gd name="connsiteX12" fmla="*/ 951094 w 4158640"/>
                <a:gd name="connsiteY12" fmla="*/ 1552062 h 1678299"/>
                <a:gd name="connsiteX13" fmla="*/ 1010628 w 4158640"/>
                <a:gd name="connsiteY13" fmla="*/ 1542537 h 1678299"/>
                <a:gd name="connsiteX14" fmla="*/ 1060634 w 4158640"/>
                <a:gd name="connsiteY14" fmla="*/ 1540155 h 1678299"/>
                <a:gd name="connsiteX15" fmla="*/ 1115404 w 4158640"/>
                <a:gd name="connsiteY15" fmla="*/ 1518724 h 1678299"/>
                <a:gd name="connsiteX16" fmla="*/ 1163027 w 4158640"/>
                <a:gd name="connsiteY16" fmla="*/ 1502055 h 1678299"/>
                <a:gd name="connsiteX17" fmla="*/ 1213034 w 4158640"/>
                <a:gd name="connsiteY17" fmla="*/ 1494912 h 1678299"/>
                <a:gd name="connsiteX18" fmla="*/ 1253515 w 4158640"/>
                <a:gd name="connsiteY18" fmla="*/ 1487768 h 1678299"/>
                <a:gd name="connsiteX19" fmla="*/ 1293996 w 4158640"/>
                <a:gd name="connsiteY19" fmla="*/ 1478243 h 1678299"/>
                <a:gd name="connsiteX20" fmla="*/ 1336860 w 4158640"/>
                <a:gd name="connsiteY20" fmla="*/ 1449668 h 1678299"/>
                <a:gd name="connsiteX21" fmla="*/ 1358290 w 4158640"/>
                <a:gd name="connsiteY21" fmla="*/ 1428236 h 1678299"/>
                <a:gd name="connsiteX22" fmla="*/ 1384484 w 4158640"/>
                <a:gd name="connsiteY22" fmla="*/ 1416331 h 1678299"/>
                <a:gd name="connsiteX23" fmla="*/ 1427347 w 4158640"/>
                <a:gd name="connsiteY23" fmla="*/ 1397281 h 1678299"/>
                <a:gd name="connsiteX24" fmla="*/ 1455922 w 4158640"/>
                <a:gd name="connsiteY24" fmla="*/ 1385374 h 1678299"/>
                <a:gd name="connsiteX25" fmla="*/ 1491640 w 4158640"/>
                <a:gd name="connsiteY25" fmla="*/ 1366325 h 1678299"/>
                <a:gd name="connsiteX26" fmla="*/ 1534503 w 4158640"/>
                <a:gd name="connsiteY26" fmla="*/ 1349655 h 1678299"/>
                <a:gd name="connsiteX27" fmla="*/ 1563078 w 4158640"/>
                <a:gd name="connsiteY27" fmla="*/ 1340131 h 1678299"/>
                <a:gd name="connsiteX28" fmla="*/ 1589271 w 4158640"/>
                <a:gd name="connsiteY28" fmla="*/ 1332986 h 1678299"/>
                <a:gd name="connsiteX29" fmla="*/ 1620228 w 4158640"/>
                <a:gd name="connsiteY29" fmla="*/ 1328224 h 1678299"/>
                <a:gd name="connsiteX30" fmla="*/ 1648802 w 4158640"/>
                <a:gd name="connsiteY30" fmla="*/ 1321080 h 1678299"/>
                <a:gd name="connsiteX31" fmla="*/ 1682140 w 4158640"/>
                <a:gd name="connsiteY31" fmla="*/ 1316318 h 1678299"/>
                <a:gd name="connsiteX32" fmla="*/ 1710716 w 4158640"/>
                <a:gd name="connsiteY32" fmla="*/ 1299650 h 1678299"/>
                <a:gd name="connsiteX33" fmla="*/ 1732146 w 4158640"/>
                <a:gd name="connsiteY33" fmla="*/ 1282981 h 1678299"/>
                <a:gd name="connsiteX34" fmla="*/ 1767866 w 4158640"/>
                <a:gd name="connsiteY34" fmla="*/ 1263930 h 1678299"/>
                <a:gd name="connsiteX35" fmla="*/ 1796440 w 4158640"/>
                <a:gd name="connsiteY35" fmla="*/ 1249643 h 1678299"/>
                <a:gd name="connsiteX36" fmla="*/ 1825015 w 4158640"/>
                <a:gd name="connsiteY36" fmla="*/ 1237736 h 1678299"/>
                <a:gd name="connsiteX37" fmla="*/ 1851209 w 4158640"/>
                <a:gd name="connsiteY37" fmla="*/ 1223449 h 1678299"/>
                <a:gd name="connsiteX38" fmla="*/ 1875022 w 4158640"/>
                <a:gd name="connsiteY38" fmla="*/ 1216306 h 1678299"/>
                <a:gd name="connsiteX39" fmla="*/ 1896452 w 4158640"/>
                <a:gd name="connsiteY39" fmla="*/ 1204399 h 1678299"/>
                <a:gd name="connsiteX40" fmla="*/ 1927408 w 4158640"/>
                <a:gd name="connsiteY40" fmla="*/ 1194875 h 1678299"/>
                <a:gd name="connsiteX41" fmla="*/ 1967890 w 4158640"/>
                <a:gd name="connsiteY41" fmla="*/ 1171061 h 1678299"/>
                <a:gd name="connsiteX42" fmla="*/ 2010753 w 4158640"/>
                <a:gd name="connsiteY42" fmla="*/ 1159155 h 1678299"/>
                <a:gd name="connsiteX43" fmla="*/ 2041709 w 4158640"/>
                <a:gd name="connsiteY43" fmla="*/ 1147249 h 1678299"/>
                <a:gd name="connsiteX44" fmla="*/ 2072665 w 4158640"/>
                <a:gd name="connsiteY44" fmla="*/ 1137724 h 1678299"/>
                <a:gd name="connsiteX45" fmla="*/ 2108384 w 4158640"/>
                <a:gd name="connsiteY45" fmla="*/ 1130580 h 1678299"/>
                <a:gd name="connsiteX46" fmla="*/ 2139340 w 4158640"/>
                <a:gd name="connsiteY46" fmla="*/ 1113912 h 1678299"/>
                <a:gd name="connsiteX47" fmla="*/ 2170296 w 4158640"/>
                <a:gd name="connsiteY47" fmla="*/ 1099624 h 1678299"/>
                <a:gd name="connsiteX48" fmla="*/ 2198871 w 4158640"/>
                <a:gd name="connsiteY48" fmla="*/ 1087718 h 1678299"/>
                <a:gd name="connsiteX49" fmla="*/ 2241734 w 4158640"/>
                <a:gd name="connsiteY49" fmla="*/ 1073430 h 1678299"/>
                <a:gd name="connsiteX50" fmla="*/ 2265546 w 4158640"/>
                <a:gd name="connsiteY50" fmla="*/ 1054380 h 1678299"/>
                <a:gd name="connsiteX51" fmla="*/ 2286978 w 4158640"/>
                <a:gd name="connsiteY51" fmla="*/ 1042474 h 1678299"/>
                <a:gd name="connsiteX52" fmla="*/ 2310790 w 4158640"/>
                <a:gd name="connsiteY52" fmla="*/ 1030568 h 1678299"/>
                <a:gd name="connsiteX53" fmla="*/ 2341746 w 4158640"/>
                <a:gd name="connsiteY53" fmla="*/ 1011518 h 1678299"/>
                <a:gd name="connsiteX54" fmla="*/ 2367940 w 4158640"/>
                <a:gd name="connsiteY54" fmla="*/ 994850 h 1678299"/>
                <a:gd name="connsiteX55" fmla="*/ 2384609 w 4158640"/>
                <a:gd name="connsiteY55" fmla="*/ 982943 h 1678299"/>
                <a:gd name="connsiteX56" fmla="*/ 2417946 w 4158640"/>
                <a:gd name="connsiteY56" fmla="*/ 978181 h 1678299"/>
                <a:gd name="connsiteX57" fmla="*/ 2451284 w 4158640"/>
                <a:gd name="connsiteY57" fmla="*/ 966274 h 1678299"/>
                <a:gd name="connsiteX58" fmla="*/ 2477478 w 4158640"/>
                <a:gd name="connsiteY58" fmla="*/ 954368 h 1678299"/>
                <a:gd name="connsiteX59" fmla="*/ 2506053 w 4158640"/>
                <a:gd name="connsiteY59" fmla="*/ 949605 h 1678299"/>
                <a:gd name="connsiteX60" fmla="*/ 2527484 w 4158640"/>
                <a:gd name="connsiteY60" fmla="*/ 932937 h 1678299"/>
                <a:gd name="connsiteX61" fmla="*/ 2560821 w 4158640"/>
                <a:gd name="connsiteY61" fmla="*/ 916268 h 1678299"/>
                <a:gd name="connsiteX62" fmla="*/ 2587015 w 4158640"/>
                <a:gd name="connsiteY62" fmla="*/ 894837 h 1678299"/>
                <a:gd name="connsiteX63" fmla="*/ 2667977 w 4158640"/>
                <a:gd name="connsiteY63" fmla="*/ 859118 h 1678299"/>
                <a:gd name="connsiteX64" fmla="*/ 2698934 w 4158640"/>
                <a:gd name="connsiteY64" fmla="*/ 849593 h 1678299"/>
                <a:gd name="connsiteX65" fmla="*/ 2727508 w 4158640"/>
                <a:gd name="connsiteY65" fmla="*/ 842450 h 1678299"/>
                <a:gd name="connsiteX66" fmla="*/ 2758465 w 4158640"/>
                <a:gd name="connsiteY66" fmla="*/ 842449 h 1678299"/>
                <a:gd name="connsiteX67" fmla="*/ 2791803 w 4158640"/>
                <a:gd name="connsiteY67" fmla="*/ 825780 h 1678299"/>
                <a:gd name="connsiteX68" fmla="*/ 2827521 w 4158640"/>
                <a:gd name="connsiteY68" fmla="*/ 813874 h 1678299"/>
                <a:gd name="connsiteX69" fmla="*/ 2860859 w 4158640"/>
                <a:gd name="connsiteY69" fmla="*/ 804349 h 1678299"/>
                <a:gd name="connsiteX70" fmla="*/ 2887053 w 4158640"/>
                <a:gd name="connsiteY70" fmla="*/ 787680 h 1678299"/>
                <a:gd name="connsiteX71" fmla="*/ 2918009 w 4158640"/>
                <a:gd name="connsiteY71" fmla="*/ 773393 h 1678299"/>
                <a:gd name="connsiteX72" fmla="*/ 2939440 w 4158640"/>
                <a:gd name="connsiteY72" fmla="*/ 759105 h 1678299"/>
                <a:gd name="connsiteX73" fmla="*/ 2963253 w 4158640"/>
                <a:gd name="connsiteY73" fmla="*/ 742437 h 1678299"/>
                <a:gd name="connsiteX74" fmla="*/ 2989446 w 4158640"/>
                <a:gd name="connsiteY74" fmla="*/ 735293 h 1678299"/>
                <a:gd name="connsiteX75" fmla="*/ 3018021 w 4158640"/>
                <a:gd name="connsiteY75" fmla="*/ 716243 h 1678299"/>
                <a:gd name="connsiteX76" fmla="*/ 3046597 w 4158640"/>
                <a:gd name="connsiteY76" fmla="*/ 694812 h 1678299"/>
                <a:gd name="connsiteX77" fmla="*/ 3082316 w 4158640"/>
                <a:gd name="connsiteY77" fmla="*/ 682907 h 1678299"/>
                <a:gd name="connsiteX78" fmla="*/ 3106128 w 4158640"/>
                <a:gd name="connsiteY78" fmla="*/ 668619 h 1678299"/>
                <a:gd name="connsiteX79" fmla="*/ 3122796 w 4158640"/>
                <a:gd name="connsiteY79" fmla="*/ 654331 h 1678299"/>
                <a:gd name="connsiteX80" fmla="*/ 3153753 w 4158640"/>
                <a:gd name="connsiteY80" fmla="*/ 632900 h 1678299"/>
                <a:gd name="connsiteX81" fmla="*/ 4158640 w 4158640"/>
                <a:gd name="connsiteY81" fmla="*/ 28062 h 1678299"/>
                <a:gd name="connsiteX0" fmla="*/ 4158640 w 4158640"/>
                <a:gd name="connsiteY0" fmla="*/ 28316 h 1678553"/>
                <a:gd name="connsiteX1" fmla="*/ 4158640 w 4158640"/>
                <a:gd name="connsiteY1" fmla="*/ 1666616 h 1678553"/>
                <a:gd name="connsiteX2" fmla="*/ 301015 w 4158640"/>
                <a:gd name="connsiteY2" fmla="*/ 1666616 h 1678553"/>
                <a:gd name="connsiteX3" fmla="*/ 430396 w 4158640"/>
                <a:gd name="connsiteY3" fmla="*/ 1645978 h 1678553"/>
                <a:gd name="connsiteX4" fmla="*/ 384358 w 4158640"/>
                <a:gd name="connsiteY4" fmla="*/ 1659473 h 1678553"/>
                <a:gd name="connsiteX5" fmla="*/ 472465 w 4158640"/>
                <a:gd name="connsiteY5" fmla="*/ 1633278 h 1678553"/>
                <a:gd name="connsiteX6" fmla="*/ 527234 w 4158640"/>
                <a:gd name="connsiteY6" fmla="*/ 1623754 h 1678553"/>
                <a:gd name="connsiteX7" fmla="*/ 584384 w 4158640"/>
                <a:gd name="connsiteY7" fmla="*/ 1618991 h 1678553"/>
                <a:gd name="connsiteX8" fmla="*/ 636771 w 4158640"/>
                <a:gd name="connsiteY8" fmla="*/ 1607085 h 1678553"/>
                <a:gd name="connsiteX9" fmla="*/ 708209 w 4158640"/>
                <a:gd name="connsiteY9" fmla="*/ 1590417 h 1678553"/>
                <a:gd name="connsiteX10" fmla="*/ 765359 w 4158640"/>
                <a:gd name="connsiteY10" fmla="*/ 1576129 h 1678553"/>
                <a:gd name="connsiteX11" fmla="*/ 853466 w 4158640"/>
                <a:gd name="connsiteY11" fmla="*/ 1561841 h 1678553"/>
                <a:gd name="connsiteX12" fmla="*/ 951094 w 4158640"/>
                <a:gd name="connsiteY12" fmla="*/ 1552316 h 1678553"/>
                <a:gd name="connsiteX13" fmla="*/ 1010628 w 4158640"/>
                <a:gd name="connsiteY13" fmla="*/ 1542791 h 1678553"/>
                <a:gd name="connsiteX14" fmla="*/ 1060634 w 4158640"/>
                <a:gd name="connsiteY14" fmla="*/ 1540409 h 1678553"/>
                <a:gd name="connsiteX15" fmla="*/ 1115404 w 4158640"/>
                <a:gd name="connsiteY15" fmla="*/ 1518978 h 1678553"/>
                <a:gd name="connsiteX16" fmla="*/ 1163027 w 4158640"/>
                <a:gd name="connsiteY16" fmla="*/ 1502309 h 1678553"/>
                <a:gd name="connsiteX17" fmla="*/ 1213034 w 4158640"/>
                <a:gd name="connsiteY17" fmla="*/ 1495166 h 1678553"/>
                <a:gd name="connsiteX18" fmla="*/ 1253515 w 4158640"/>
                <a:gd name="connsiteY18" fmla="*/ 1488022 h 1678553"/>
                <a:gd name="connsiteX19" fmla="*/ 1293996 w 4158640"/>
                <a:gd name="connsiteY19" fmla="*/ 1478497 h 1678553"/>
                <a:gd name="connsiteX20" fmla="*/ 1336860 w 4158640"/>
                <a:gd name="connsiteY20" fmla="*/ 1449922 h 1678553"/>
                <a:gd name="connsiteX21" fmla="*/ 1358290 w 4158640"/>
                <a:gd name="connsiteY21" fmla="*/ 1428490 h 1678553"/>
                <a:gd name="connsiteX22" fmla="*/ 1384484 w 4158640"/>
                <a:gd name="connsiteY22" fmla="*/ 1416585 h 1678553"/>
                <a:gd name="connsiteX23" fmla="*/ 1427347 w 4158640"/>
                <a:gd name="connsiteY23" fmla="*/ 1397535 h 1678553"/>
                <a:gd name="connsiteX24" fmla="*/ 1455922 w 4158640"/>
                <a:gd name="connsiteY24" fmla="*/ 1385628 h 1678553"/>
                <a:gd name="connsiteX25" fmla="*/ 1491640 w 4158640"/>
                <a:gd name="connsiteY25" fmla="*/ 1366579 h 1678553"/>
                <a:gd name="connsiteX26" fmla="*/ 1534503 w 4158640"/>
                <a:gd name="connsiteY26" fmla="*/ 1349909 h 1678553"/>
                <a:gd name="connsiteX27" fmla="*/ 1563078 w 4158640"/>
                <a:gd name="connsiteY27" fmla="*/ 1340385 h 1678553"/>
                <a:gd name="connsiteX28" fmla="*/ 1589271 w 4158640"/>
                <a:gd name="connsiteY28" fmla="*/ 1333240 h 1678553"/>
                <a:gd name="connsiteX29" fmla="*/ 1620228 w 4158640"/>
                <a:gd name="connsiteY29" fmla="*/ 1328478 h 1678553"/>
                <a:gd name="connsiteX30" fmla="*/ 1648802 w 4158640"/>
                <a:gd name="connsiteY30" fmla="*/ 1321334 h 1678553"/>
                <a:gd name="connsiteX31" fmla="*/ 1682140 w 4158640"/>
                <a:gd name="connsiteY31" fmla="*/ 1316572 h 1678553"/>
                <a:gd name="connsiteX32" fmla="*/ 1710716 w 4158640"/>
                <a:gd name="connsiteY32" fmla="*/ 1299904 h 1678553"/>
                <a:gd name="connsiteX33" fmla="*/ 1732146 w 4158640"/>
                <a:gd name="connsiteY33" fmla="*/ 1283235 h 1678553"/>
                <a:gd name="connsiteX34" fmla="*/ 1767866 w 4158640"/>
                <a:gd name="connsiteY34" fmla="*/ 1264184 h 1678553"/>
                <a:gd name="connsiteX35" fmla="*/ 1796440 w 4158640"/>
                <a:gd name="connsiteY35" fmla="*/ 1249897 h 1678553"/>
                <a:gd name="connsiteX36" fmla="*/ 1825015 w 4158640"/>
                <a:gd name="connsiteY36" fmla="*/ 1237990 h 1678553"/>
                <a:gd name="connsiteX37" fmla="*/ 1851209 w 4158640"/>
                <a:gd name="connsiteY37" fmla="*/ 1223703 h 1678553"/>
                <a:gd name="connsiteX38" fmla="*/ 1875022 w 4158640"/>
                <a:gd name="connsiteY38" fmla="*/ 1216560 h 1678553"/>
                <a:gd name="connsiteX39" fmla="*/ 1896452 w 4158640"/>
                <a:gd name="connsiteY39" fmla="*/ 1204653 h 1678553"/>
                <a:gd name="connsiteX40" fmla="*/ 1927408 w 4158640"/>
                <a:gd name="connsiteY40" fmla="*/ 1195129 h 1678553"/>
                <a:gd name="connsiteX41" fmla="*/ 1967890 w 4158640"/>
                <a:gd name="connsiteY41" fmla="*/ 1171315 h 1678553"/>
                <a:gd name="connsiteX42" fmla="*/ 2010753 w 4158640"/>
                <a:gd name="connsiteY42" fmla="*/ 1159409 h 1678553"/>
                <a:gd name="connsiteX43" fmla="*/ 2041709 w 4158640"/>
                <a:gd name="connsiteY43" fmla="*/ 1147503 h 1678553"/>
                <a:gd name="connsiteX44" fmla="*/ 2072665 w 4158640"/>
                <a:gd name="connsiteY44" fmla="*/ 1137978 h 1678553"/>
                <a:gd name="connsiteX45" fmla="*/ 2108384 w 4158640"/>
                <a:gd name="connsiteY45" fmla="*/ 1130834 h 1678553"/>
                <a:gd name="connsiteX46" fmla="*/ 2139340 w 4158640"/>
                <a:gd name="connsiteY46" fmla="*/ 1114166 h 1678553"/>
                <a:gd name="connsiteX47" fmla="*/ 2170296 w 4158640"/>
                <a:gd name="connsiteY47" fmla="*/ 1099878 h 1678553"/>
                <a:gd name="connsiteX48" fmla="*/ 2198871 w 4158640"/>
                <a:gd name="connsiteY48" fmla="*/ 1087972 h 1678553"/>
                <a:gd name="connsiteX49" fmla="*/ 2241734 w 4158640"/>
                <a:gd name="connsiteY49" fmla="*/ 1073684 h 1678553"/>
                <a:gd name="connsiteX50" fmla="*/ 2265546 w 4158640"/>
                <a:gd name="connsiteY50" fmla="*/ 1054634 h 1678553"/>
                <a:gd name="connsiteX51" fmla="*/ 2286978 w 4158640"/>
                <a:gd name="connsiteY51" fmla="*/ 1042728 h 1678553"/>
                <a:gd name="connsiteX52" fmla="*/ 2310790 w 4158640"/>
                <a:gd name="connsiteY52" fmla="*/ 1030822 h 1678553"/>
                <a:gd name="connsiteX53" fmla="*/ 2341746 w 4158640"/>
                <a:gd name="connsiteY53" fmla="*/ 1011772 h 1678553"/>
                <a:gd name="connsiteX54" fmla="*/ 2367940 w 4158640"/>
                <a:gd name="connsiteY54" fmla="*/ 995104 h 1678553"/>
                <a:gd name="connsiteX55" fmla="*/ 2384609 w 4158640"/>
                <a:gd name="connsiteY55" fmla="*/ 983197 h 1678553"/>
                <a:gd name="connsiteX56" fmla="*/ 2417946 w 4158640"/>
                <a:gd name="connsiteY56" fmla="*/ 978435 h 1678553"/>
                <a:gd name="connsiteX57" fmla="*/ 2451284 w 4158640"/>
                <a:gd name="connsiteY57" fmla="*/ 966528 h 1678553"/>
                <a:gd name="connsiteX58" fmla="*/ 2477478 w 4158640"/>
                <a:gd name="connsiteY58" fmla="*/ 954622 h 1678553"/>
                <a:gd name="connsiteX59" fmla="*/ 2506053 w 4158640"/>
                <a:gd name="connsiteY59" fmla="*/ 949859 h 1678553"/>
                <a:gd name="connsiteX60" fmla="*/ 2527484 w 4158640"/>
                <a:gd name="connsiteY60" fmla="*/ 933191 h 1678553"/>
                <a:gd name="connsiteX61" fmla="*/ 2560821 w 4158640"/>
                <a:gd name="connsiteY61" fmla="*/ 916522 h 1678553"/>
                <a:gd name="connsiteX62" fmla="*/ 2587015 w 4158640"/>
                <a:gd name="connsiteY62" fmla="*/ 895091 h 1678553"/>
                <a:gd name="connsiteX63" fmla="*/ 2667977 w 4158640"/>
                <a:gd name="connsiteY63" fmla="*/ 859372 h 1678553"/>
                <a:gd name="connsiteX64" fmla="*/ 2698934 w 4158640"/>
                <a:gd name="connsiteY64" fmla="*/ 849847 h 1678553"/>
                <a:gd name="connsiteX65" fmla="*/ 2727508 w 4158640"/>
                <a:gd name="connsiteY65" fmla="*/ 842704 h 1678553"/>
                <a:gd name="connsiteX66" fmla="*/ 2758465 w 4158640"/>
                <a:gd name="connsiteY66" fmla="*/ 842703 h 1678553"/>
                <a:gd name="connsiteX67" fmla="*/ 2791803 w 4158640"/>
                <a:gd name="connsiteY67" fmla="*/ 826034 h 1678553"/>
                <a:gd name="connsiteX68" fmla="*/ 2827521 w 4158640"/>
                <a:gd name="connsiteY68" fmla="*/ 814128 h 1678553"/>
                <a:gd name="connsiteX69" fmla="*/ 2860859 w 4158640"/>
                <a:gd name="connsiteY69" fmla="*/ 804603 h 1678553"/>
                <a:gd name="connsiteX70" fmla="*/ 2887053 w 4158640"/>
                <a:gd name="connsiteY70" fmla="*/ 787934 h 1678553"/>
                <a:gd name="connsiteX71" fmla="*/ 2918009 w 4158640"/>
                <a:gd name="connsiteY71" fmla="*/ 773647 h 1678553"/>
                <a:gd name="connsiteX72" fmla="*/ 2939440 w 4158640"/>
                <a:gd name="connsiteY72" fmla="*/ 759359 h 1678553"/>
                <a:gd name="connsiteX73" fmla="*/ 2963253 w 4158640"/>
                <a:gd name="connsiteY73" fmla="*/ 742691 h 1678553"/>
                <a:gd name="connsiteX74" fmla="*/ 2989446 w 4158640"/>
                <a:gd name="connsiteY74" fmla="*/ 735547 h 1678553"/>
                <a:gd name="connsiteX75" fmla="*/ 3018021 w 4158640"/>
                <a:gd name="connsiteY75" fmla="*/ 716497 h 1678553"/>
                <a:gd name="connsiteX76" fmla="*/ 3046597 w 4158640"/>
                <a:gd name="connsiteY76" fmla="*/ 695066 h 1678553"/>
                <a:gd name="connsiteX77" fmla="*/ 3082316 w 4158640"/>
                <a:gd name="connsiteY77" fmla="*/ 683161 h 1678553"/>
                <a:gd name="connsiteX78" fmla="*/ 3106128 w 4158640"/>
                <a:gd name="connsiteY78" fmla="*/ 668873 h 1678553"/>
                <a:gd name="connsiteX79" fmla="*/ 3122796 w 4158640"/>
                <a:gd name="connsiteY79" fmla="*/ 654585 h 1678553"/>
                <a:gd name="connsiteX80" fmla="*/ 3144228 w 4158640"/>
                <a:gd name="connsiteY80" fmla="*/ 626010 h 1678553"/>
                <a:gd name="connsiteX81" fmla="*/ 4158640 w 4158640"/>
                <a:gd name="connsiteY81" fmla="*/ 28316 h 1678553"/>
                <a:gd name="connsiteX0" fmla="*/ 4158640 w 4158640"/>
                <a:gd name="connsiteY0" fmla="*/ 30438 h 1680675"/>
                <a:gd name="connsiteX1" fmla="*/ 4158640 w 4158640"/>
                <a:gd name="connsiteY1" fmla="*/ 1668738 h 1680675"/>
                <a:gd name="connsiteX2" fmla="*/ 301015 w 4158640"/>
                <a:gd name="connsiteY2" fmla="*/ 1668738 h 1680675"/>
                <a:gd name="connsiteX3" fmla="*/ 430396 w 4158640"/>
                <a:gd name="connsiteY3" fmla="*/ 1648100 h 1680675"/>
                <a:gd name="connsiteX4" fmla="*/ 384358 w 4158640"/>
                <a:gd name="connsiteY4" fmla="*/ 1661595 h 1680675"/>
                <a:gd name="connsiteX5" fmla="*/ 472465 w 4158640"/>
                <a:gd name="connsiteY5" fmla="*/ 1635400 h 1680675"/>
                <a:gd name="connsiteX6" fmla="*/ 527234 w 4158640"/>
                <a:gd name="connsiteY6" fmla="*/ 1625876 h 1680675"/>
                <a:gd name="connsiteX7" fmla="*/ 584384 w 4158640"/>
                <a:gd name="connsiteY7" fmla="*/ 1621113 h 1680675"/>
                <a:gd name="connsiteX8" fmla="*/ 636771 w 4158640"/>
                <a:gd name="connsiteY8" fmla="*/ 1609207 h 1680675"/>
                <a:gd name="connsiteX9" fmla="*/ 708209 w 4158640"/>
                <a:gd name="connsiteY9" fmla="*/ 1592539 h 1680675"/>
                <a:gd name="connsiteX10" fmla="*/ 765359 w 4158640"/>
                <a:gd name="connsiteY10" fmla="*/ 1578251 h 1680675"/>
                <a:gd name="connsiteX11" fmla="*/ 853466 w 4158640"/>
                <a:gd name="connsiteY11" fmla="*/ 1563963 h 1680675"/>
                <a:gd name="connsiteX12" fmla="*/ 951094 w 4158640"/>
                <a:gd name="connsiteY12" fmla="*/ 1554438 h 1680675"/>
                <a:gd name="connsiteX13" fmla="*/ 1010628 w 4158640"/>
                <a:gd name="connsiteY13" fmla="*/ 1544913 h 1680675"/>
                <a:gd name="connsiteX14" fmla="*/ 1060634 w 4158640"/>
                <a:gd name="connsiteY14" fmla="*/ 1542531 h 1680675"/>
                <a:gd name="connsiteX15" fmla="*/ 1115404 w 4158640"/>
                <a:gd name="connsiteY15" fmla="*/ 1521100 h 1680675"/>
                <a:gd name="connsiteX16" fmla="*/ 1163027 w 4158640"/>
                <a:gd name="connsiteY16" fmla="*/ 1504431 h 1680675"/>
                <a:gd name="connsiteX17" fmla="*/ 1213034 w 4158640"/>
                <a:gd name="connsiteY17" fmla="*/ 1497288 h 1680675"/>
                <a:gd name="connsiteX18" fmla="*/ 1253515 w 4158640"/>
                <a:gd name="connsiteY18" fmla="*/ 1490144 h 1680675"/>
                <a:gd name="connsiteX19" fmla="*/ 1293996 w 4158640"/>
                <a:gd name="connsiteY19" fmla="*/ 1480619 h 1680675"/>
                <a:gd name="connsiteX20" fmla="*/ 1336860 w 4158640"/>
                <a:gd name="connsiteY20" fmla="*/ 1452044 h 1680675"/>
                <a:gd name="connsiteX21" fmla="*/ 1358290 w 4158640"/>
                <a:gd name="connsiteY21" fmla="*/ 1430612 h 1680675"/>
                <a:gd name="connsiteX22" fmla="*/ 1384484 w 4158640"/>
                <a:gd name="connsiteY22" fmla="*/ 1418707 h 1680675"/>
                <a:gd name="connsiteX23" fmla="*/ 1427347 w 4158640"/>
                <a:gd name="connsiteY23" fmla="*/ 1399657 h 1680675"/>
                <a:gd name="connsiteX24" fmla="*/ 1455922 w 4158640"/>
                <a:gd name="connsiteY24" fmla="*/ 1387750 h 1680675"/>
                <a:gd name="connsiteX25" fmla="*/ 1491640 w 4158640"/>
                <a:gd name="connsiteY25" fmla="*/ 1368701 h 1680675"/>
                <a:gd name="connsiteX26" fmla="*/ 1534503 w 4158640"/>
                <a:gd name="connsiteY26" fmla="*/ 1352031 h 1680675"/>
                <a:gd name="connsiteX27" fmla="*/ 1563078 w 4158640"/>
                <a:gd name="connsiteY27" fmla="*/ 1342507 h 1680675"/>
                <a:gd name="connsiteX28" fmla="*/ 1589271 w 4158640"/>
                <a:gd name="connsiteY28" fmla="*/ 1335362 h 1680675"/>
                <a:gd name="connsiteX29" fmla="*/ 1620228 w 4158640"/>
                <a:gd name="connsiteY29" fmla="*/ 1330600 h 1680675"/>
                <a:gd name="connsiteX30" fmla="*/ 1648802 w 4158640"/>
                <a:gd name="connsiteY30" fmla="*/ 1323456 h 1680675"/>
                <a:gd name="connsiteX31" fmla="*/ 1682140 w 4158640"/>
                <a:gd name="connsiteY31" fmla="*/ 1318694 h 1680675"/>
                <a:gd name="connsiteX32" fmla="*/ 1710716 w 4158640"/>
                <a:gd name="connsiteY32" fmla="*/ 1302026 h 1680675"/>
                <a:gd name="connsiteX33" fmla="*/ 1732146 w 4158640"/>
                <a:gd name="connsiteY33" fmla="*/ 1285357 h 1680675"/>
                <a:gd name="connsiteX34" fmla="*/ 1767866 w 4158640"/>
                <a:gd name="connsiteY34" fmla="*/ 1266306 h 1680675"/>
                <a:gd name="connsiteX35" fmla="*/ 1796440 w 4158640"/>
                <a:gd name="connsiteY35" fmla="*/ 1252019 h 1680675"/>
                <a:gd name="connsiteX36" fmla="*/ 1825015 w 4158640"/>
                <a:gd name="connsiteY36" fmla="*/ 1240112 h 1680675"/>
                <a:gd name="connsiteX37" fmla="*/ 1851209 w 4158640"/>
                <a:gd name="connsiteY37" fmla="*/ 1225825 h 1680675"/>
                <a:gd name="connsiteX38" fmla="*/ 1875022 w 4158640"/>
                <a:gd name="connsiteY38" fmla="*/ 1218682 h 1680675"/>
                <a:gd name="connsiteX39" fmla="*/ 1896452 w 4158640"/>
                <a:gd name="connsiteY39" fmla="*/ 1206775 h 1680675"/>
                <a:gd name="connsiteX40" fmla="*/ 1927408 w 4158640"/>
                <a:gd name="connsiteY40" fmla="*/ 1197251 h 1680675"/>
                <a:gd name="connsiteX41" fmla="*/ 1967890 w 4158640"/>
                <a:gd name="connsiteY41" fmla="*/ 1173437 h 1680675"/>
                <a:gd name="connsiteX42" fmla="*/ 2010753 w 4158640"/>
                <a:gd name="connsiteY42" fmla="*/ 1161531 h 1680675"/>
                <a:gd name="connsiteX43" fmla="*/ 2041709 w 4158640"/>
                <a:gd name="connsiteY43" fmla="*/ 1149625 h 1680675"/>
                <a:gd name="connsiteX44" fmla="*/ 2072665 w 4158640"/>
                <a:gd name="connsiteY44" fmla="*/ 1140100 h 1680675"/>
                <a:gd name="connsiteX45" fmla="*/ 2108384 w 4158640"/>
                <a:gd name="connsiteY45" fmla="*/ 1132956 h 1680675"/>
                <a:gd name="connsiteX46" fmla="*/ 2139340 w 4158640"/>
                <a:gd name="connsiteY46" fmla="*/ 1116288 h 1680675"/>
                <a:gd name="connsiteX47" fmla="*/ 2170296 w 4158640"/>
                <a:gd name="connsiteY47" fmla="*/ 1102000 h 1680675"/>
                <a:gd name="connsiteX48" fmla="*/ 2198871 w 4158640"/>
                <a:gd name="connsiteY48" fmla="*/ 1090094 h 1680675"/>
                <a:gd name="connsiteX49" fmla="*/ 2241734 w 4158640"/>
                <a:gd name="connsiteY49" fmla="*/ 1075806 h 1680675"/>
                <a:gd name="connsiteX50" fmla="*/ 2265546 w 4158640"/>
                <a:gd name="connsiteY50" fmla="*/ 1056756 h 1680675"/>
                <a:gd name="connsiteX51" fmla="*/ 2286978 w 4158640"/>
                <a:gd name="connsiteY51" fmla="*/ 1044850 h 1680675"/>
                <a:gd name="connsiteX52" fmla="*/ 2310790 w 4158640"/>
                <a:gd name="connsiteY52" fmla="*/ 1032944 h 1680675"/>
                <a:gd name="connsiteX53" fmla="*/ 2341746 w 4158640"/>
                <a:gd name="connsiteY53" fmla="*/ 1013894 h 1680675"/>
                <a:gd name="connsiteX54" fmla="*/ 2367940 w 4158640"/>
                <a:gd name="connsiteY54" fmla="*/ 997226 h 1680675"/>
                <a:gd name="connsiteX55" fmla="*/ 2384609 w 4158640"/>
                <a:gd name="connsiteY55" fmla="*/ 985319 h 1680675"/>
                <a:gd name="connsiteX56" fmla="*/ 2417946 w 4158640"/>
                <a:gd name="connsiteY56" fmla="*/ 980557 h 1680675"/>
                <a:gd name="connsiteX57" fmla="*/ 2451284 w 4158640"/>
                <a:gd name="connsiteY57" fmla="*/ 968650 h 1680675"/>
                <a:gd name="connsiteX58" fmla="*/ 2477478 w 4158640"/>
                <a:gd name="connsiteY58" fmla="*/ 956744 h 1680675"/>
                <a:gd name="connsiteX59" fmla="*/ 2506053 w 4158640"/>
                <a:gd name="connsiteY59" fmla="*/ 951981 h 1680675"/>
                <a:gd name="connsiteX60" fmla="*/ 2527484 w 4158640"/>
                <a:gd name="connsiteY60" fmla="*/ 935313 h 1680675"/>
                <a:gd name="connsiteX61" fmla="*/ 2560821 w 4158640"/>
                <a:gd name="connsiteY61" fmla="*/ 918644 h 1680675"/>
                <a:gd name="connsiteX62" fmla="*/ 2587015 w 4158640"/>
                <a:gd name="connsiteY62" fmla="*/ 897213 h 1680675"/>
                <a:gd name="connsiteX63" fmla="*/ 2667977 w 4158640"/>
                <a:gd name="connsiteY63" fmla="*/ 861494 h 1680675"/>
                <a:gd name="connsiteX64" fmla="*/ 2698934 w 4158640"/>
                <a:gd name="connsiteY64" fmla="*/ 851969 h 1680675"/>
                <a:gd name="connsiteX65" fmla="*/ 2727508 w 4158640"/>
                <a:gd name="connsiteY65" fmla="*/ 844826 h 1680675"/>
                <a:gd name="connsiteX66" fmla="*/ 2758465 w 4158640"/>
                <a:gd name="connsiteY66" fmla="*/ 844825 h 1680675"/>
                <a:gd name="connsiteX67" fmla="*/ 2791803 w 4158640"/>
                <a:gd name="connsiteY67" fmla="*/ 828156 h 1680675"/>
                <a:gd name="connsiteX68" fmla="*/ 2827521 w 4158640"/>
                <a:gd name="connsiteY68" fmla="*/ 816250 h 1680675"/>
                <a:gd name="connsiteX69" fmla="*/ 2860859 w 4158640"/>
                <a:gd name="connsiteY69" fmla="*/ 806725 h 1680675"/>
                <a:gd name="connsiteX70" fmla="*/ 2887053 w 4158640"/>
                <a:gd name="connsiteY70" fmla="*/ 790056 h 1680675"/>
                <a:gd name="connsiteX71" fmla="*/ 2918009 w 4158640"/>
                <a:gd name="connsiteY71" fmla="*/ 775769 h 1680675"/>
                <a:gd name="connsiteX72" fmla="*/ 2939440 w 4158640"/>
                <a:gd name="connsiteY72" fmla="*/ 761481 h 1680675"/>
                <a:gd name="connsiteX73" fmla="*/ 2963253 w 4158640"/>
                <a:gd name="connsiteY73" fmla="*/ 744813 h 1680675"/>
                <a:gd name="connsiteX74" fmla="*/ 2989446 w 4158640"/>
                <a:gd name="connsiteY74" fmla="*/ 737669 h 1680675"/>
                <a:gd name="connsiteX75" fmla="*/ 3018021 w 4158640"/>
                <a:gd name="connsiteY75" fmla="*/ 718619 h 1680675"/>
                <a:gd name="connsiteX76" fmla="*/ 3046597 w 4158640"/>
                <a:gd name="connsiteY76" fmla="*/ 697188 h 1680675"/>
                <a:gd name="connsiteX77" fmla="*/ 3082316 w 4158640"/>
                <a:gd name="connsiteY77" fmla="*/ 685283 h 1680675"/>
                <a:gd name="connsiteX78" fmla="*/ 3106128 w 4158640"/>
                <a:gd name="connsiteY78" fmla="*/ 670995 h 1680675"/>
                <a:gd name="connsiteX79" fmla="*/ 3122796 w 4158640"/>
                <a:gd name="connsiteY79" fmla="*/ 656707 h 1680675"/>
                <a:gd name="connsiteX80" fmla="*/ 3144228 w 4158640"/>
                <a:gd name="connsiteY80" fmla="*/ 628132 h 1680675"/>
                <a:gd name="connsiteX81" fmla="*/ 3177565 w 4158640"/>
                <a:gd name="connsiteY81" fmla="*/ 604320 h 1680675"/>
                <a:gd name="connsiteX82" fmla="*/ 4158640 w 4158640"/>
                <a:gd name="connsiteY82" fmla="*/ 30438 h 1680675"/>
                <a:gd name="connsiteX0" fmla="*/ 4158640 w 4158640"/>
                <a:gd name="connsiteY0" fmla="*/ 30438 h 1680675"/>
                <a:gd name="connsiteX1" fmla="*/ 4158640 w 4158640"/>
                <a:gd name="connsiteY1" fmla="*/ 1668738 h 1680675"/>
                <a:gd name="connsiteX2" fmla="*/ 301015 w 4158640"/>
                <a:gd name="connsiteY2" fmla="*/ 1668738 h 1680675"/>
                <a:gd name="connsiteX3" fmla="*/ 430396 w 4158640"/>
                <a:gd name="connsiteY3" fmla="*/ 1648100 h 1680675"/>
                <a:gd name="connsiteX4" fmla="*/ 384358 w 4158640"/>
                <a:gd name="connsiteY4" fmla="*/ 1661595 h 1680675"/>
                <a:gd name="connsiteX5" fmla="*/ 472465 w 4158640"/>
                <a:gd name="connsiteY5" fmla="*/ 1635400 h 1680675"/>
                <a:gd name="connsiteX6" fmla="*/ 527234 w 4158640"/>
                <a:gd name="connsiteY6" fmla="*/ 1625876 h 1680675"/>
                <a:gd name="connsiteX7" fmla="*/ 584384 w 4158640"/>
                <a:gd name="connsiteY7" fmla="*/ 1621113 h 1680675"/>
                <a:gd name="connsiteX8" fmla="*/ 636771 w 4158640"/>
                <a:gd name="connsiteY8" fmla="*/ 1609207 h 1680675"/>
                <a:gd name="connsiteX9" fmla="*/ 708209 w 4158640"/>
                <a:gd name="connsiteY9" fmla="*/ 1592539 h 1680675"/>
                <a:gd name="connsiteX10" fmla="*/ 765359 w 4158640"/>
                <a:gd name="connsiteY10" fmla="*/ 1578251 h 1680675"/>
                <a:gd name="connsiteX11" fmla="*/ 853466 w 4158640"/>
                <a:gd name="connsiteY11" fmla="*/ 1563963 h 1680675"/>
                <a:gd name="connsiteX12" fmla="*/ 951094 w 4158640"/>
                <a:gd name="connsiteY12" fmla="*/ 1554438 h 1680675"/>
                <a:gd name="connsiteX13" fmla="*/ 1010628 w 4158640"/>
                <a:gd name="connsiteY13" fmla="*/ 1544913 h 1680675"/>
                <a:gd name="connsiteX14" fmla="*/ 1060634 w 4158640"/>
                <a:gd name="connsiteY14" fmla="*/ 1542531 h 1680675"/>
                <a:gd name="connsiteX15" fmla="*/ 1115404 w 4158640"/>
                <a:gd name="connsiteY15" fmla="*/ 1521100 h 1680675"/>
                <a:gd name="connsiteX16" fmla="*/ 1163027 w 4158640"/>
                <a:gd name="connsiteY16" fmla="*/ 1504431 h 1680675"/>
                <a:gd name="connsiteX17" fmla="*/ 1213034 w 4158640"/>
                <a:gd name="connsiteY17" fmla="*/ 1497288 h 1680675"/>
                <a:gd name="connsiteX18" fmla="*/ 1253515 w 4158640"/>
                <a:gd name="connsiteY18" fmla="*/ 1490144 h 1680675"/>
                <a:gd name="connsiteX19" fmla="*/ 1293996 w 4158640"/>
                <a:gd name="connsiteY19" fmla="*/ 1480619 h 1680675"/>
                <a:gd name="connsiteX20" fmla="*/ 1336860 w 4158640"/>
                <a:gd name="connsiteY20" fmla="*/ 1452044 h 1680675"/>
                <a:gd name="connsiteX21" fmla="*/ 1358290 w 4158640"/>
                <a:gd name="connsiteY21" fmla="*/ 1430612 h 1680675"/>
                <a:gd name="connsiteX22" fmla="*/ 1384484 w 4158640"/>
                <a:gd name="connsiteY22" fmla="*/ 1418707 h 1680675"/>
                <a:gd name="connsiteX23" fmla="*/ 1427347 w 4158640"/>
                <a:gd name="connsiteY23" fmla="*/ 1399657 h 1680675"/>
                <a:gd name="connsiteX24" fmla="*/ 1455922 w 4158640"/>
                <a:gd name="connsiteY24" fmla="*/ 1387750 h 1680675"/>
                <a:gd name="connsiteX25" fmla="*/ 1491640 w 4158640"/>
                <a:gd name="connsiteY25" fmla="*/ 1368701 h 1680675"/>
                <a:gd name="connsiteX26" fmla="*/ 1534503 w 4158640"/>
                <a:gd name="connsiteY26" fmla="*/ 1352031 h 1680675"/>
                <a:gd name="connsiteX27" fmla="*/ 1563078 w 4158640"/>
                <a:gd name="connsiteY27" fmla="*/ 1342507 h 1680675"/>
                <a:gd name="connsiteX28" fmla="*/ 1589271 w 4158640"/>
                <a:gd name="connsiteY28" fmla="*/ 1335362 h 1680675"/>
                <a:gd name="connsiteX29" fmla="*/ 1620228 w 4158640"/>
                <a:gd name="connsiteY29" fmla="*/ 1330600 h 1680675"/>
                <a:gd name="connsiteX30" fmla="*/ 1648802 w 4158640"/>
                <a:gd name="connsiteY30" fmla="*/ 1323456 h 1680675"/>
                <a:gd name="connsiteX31" fmla="*/ 1682140 w 4158640"/>
                <a:gd name="connsiteY31" fmla="*/ 1318694 h 1680675"/>
                <a:gd name="connsiteX32" fmla="*/ 1710716 w 4158640"/>
                <a:gd name="connsiteY32" fmla="*/ 1302026 h 1680675"/>
                <a:gd name="connsiteX33" fmla="*/ 1732146 w 4158640"/>
                <a:gd name="connsiteY33" fmla="*/ 1285357 h 1680675"/>
                <a:gd name="connsiteX34" fmla="*/ 1767866 w 4158640"/>
                <a:gd name="connsiteY34" fmla="*/ 1266306 h 1680675"/>
                <a:gd name="connsiteX35" fmla="*/ 1796440 w 4158640"/>
                <a:gd name="connsiteY35" fmla="*/ 1252019 h 1680675"/>
                <a:gd name="connsiteX36" fmla="*/ 1825015 w 4158640"/>
                <a:gd name="connsiteY36" fmla="*/ 1240112 h 1680675"/>
                <a:gd name="connsiteX37" fmla="*/ 1851209 w 4158640"/>
                <a:gd name="connsiteY37" fmla="*/ 1225825 h 1680675"/>
                <a:gd name="connsiteX38" fmla="*/ 1875022 w 4158640"/>
                <a:gd name="connsiteY38" fmla="*/ 1218682 h 1680675"/>
                <a:gd name="connsiteX39" fmla="*/ 1896452 w 4158640"/>
                <a:gd name="connsiteY39" fmla="*/ 1206775 h 1680675"/>
                <a:gd name="connsiteX40" fmla="*/ 1927408 w 4158640"/>
                <a:gd name="connsiteY40" fmla="*/ 1197251 h 1680675"/>
                <a:gd name="connsiteX41" fmla="*/ 1967890 w 4158640"/>
                <a:gd name="connsiteY41" fmla="*/ 1173437 h 1680675"/>
                <a:gd name="connsiteX42" fmla="*/ 2010753 w 4158640"/>
                <a:gd name="connsiteY42" fmla="*/ 1161531 h 1680675"/>
                <a:gd name="connsiteX43" fmla="*/ 2041709 w 4158640"/>
                <a:gd name="connsiteY43" fmla="*/ 1149625 h 1680675"/>
                <a:gd name="connsiteX44" fmla="*/ 2072665 w 4158640"/>
                <a:gd name="connsiteY44" fmla="*/ 1140100 h 1680675"/>
                <a:gd name="connsiteX45" fmla="*/ 2108384 w 4158640"/>
                <a:gd name="connsiteY45" fmla="*/ 1132956 h 1680675"/>
                <a:gd name="connsiteX46" fmla="*/ 2139340 w 4158640"/>
                <a:gd name="connsiteY46" fmla="*/ 1116288 h 1680675"/>
                <a:gd name="connsiteX47" fmla="*/ 2170296 w 4158640"/>
                <a:gd name="connsiteY47" fmla="*/ 1102000 h 1680675"/>
                <a:gd name="connsiteX48" fmla="*/ 2198871 w 4158640"/>
                <a:gd name="connsiteY48" fmla="*/ 1090094 h 1680675"/>
                <a:gd name="connsiteX49" fmla="*/ 2241734 w 4158640"/>
                <a:gd name="connsiteY49" fmla="*/ 1075806 h 1680675"/>
                <a:gd name="connsiteX50" fmla="*/ 2265546 w 4158640"/>
                <a:gd name="connsiteY50" fmla="*/ 1056756 h 1680675"/>
                <a:gd name="connsiteX51" fmla="*/ 2286978 w 4158640"/>
                <a:gd name="connsiteY51" fmla="*/ 1044850 h 1680675"/>
                <a:gd name="connsiteX52" fmla="*/ 2310790 w 4158640"/>
                <a:gd name="connsiteY52" fmla="*/ 1032944 h 1680675"/>
                <a:gd name="connsiteX53" fmla="*/ 2341746 w 4158640"/>
                <a:gd name="connsiteY53" fmla="*/ 1013894 h 1680675"/>
                <a:gd name="connsiteX54" fmla="*/ 2367940 w 4158640"/>
                <a:gd name="connsiteY54" fmla="*/ 997226 h 1680675"/>
                <a:gd name="connsiteX55" fmla="*/ 2384609 w 4158640"/>
                <a:gd name="connsiteY55" fmla="*/ 985319 h 1680675"/>
                <a:gd name="connsiteX56" fmla="*/ 2417946 w 4158640"/>
                <a:gd name="connsiteY56" fmla="*/ 980557 h 1680675"/>
                <a:gd name="connsiteX57" fmla="*/ 2451284 w 4158640"/>
                <a:gd name="connsiteY57" fmla="*/ 968650 h 1680675"/>
                <a:gd name="connsiteX58" fmla="*/ 2477478 w 4158640"/>
                <a:gd name="connsiteY58" fmla="*/ 956744 h 1680675"/>
                <a:gd name="connsiteX59" fmla="*/ 2506053 w 4158640"/>
                <a:gd name="connsiteY59" fmla="*/ 951981 h 1680675"/>
                <a:gd name="connsiteX60" fmla="*/ 2527484 w 4158640"/>
                <a:gd name="connsiteY60" fmla="*/ 935313 h 1680675"/>
                <a:gd name="connsiteX61" fmla="*/ 2560821 w 4158640"/>
                <a:gd name="connsiteY61" fmla="*/ 918644 h 1680675"/>
                <a:gd name="connsiteX62" fmla="*/ 2587015 w 4158640"/>
                <a:gd name="connsiteY62" fmla="*/ 897213 h 1680675"/>
                <a:gd name="connsiteX63" fmla="*/ 2667977 w 4158640"/>
                <a:gd name="connsiteY63" fmla="*/ 861494 h 1680675"/>
                <a:gd name="connsiteX64" fmla="*/ 2698934 w 4158640"/>
                <a:gd name="connsiteY64" fmla="*/ 851969 h 1680675"/>
                <a:gd name="connsiteX65" fmla="*/ 2727508 w 4158640"/>
                <a:gd name="connsiteY65" fmla="*/ 844826 h 1680675"/>
                <a:gd name="connsiteX66" fmla="*/ 2758465 w 4158640"/>
                <a:gd name="connsiteY66" fmla="*/ 844825 h 1680675"/>
                <a:gd name="connsiteX67" fmla="*/ 2791803 w 4158640"/>
                <a:gd name="connsiteY67" fmla="*/ 828156 h 1680675"/>
                <a:gd name="connsiteX68" fmla="*/ 2827521 w 4158640"/>
                <a:gd name="connsiteY68" fmla="*/ 816250 h 1680675"/>
                <a:gd name="connsiteX69" fmla="*/ 2860859 w 4158640"/>
                <a:gd name="connsiteY69" fmla="*/ 806725 h 1680675"/>
                <a:gd name="connsiteX70" fmla="*/ 2887053 w 4158640"/>
                <a:gd name="connsiteY70" fmla="*/ 790056 h 1680675"/>
                <a:gd name="connsiteX71" fmla="*/ 2918009 w 4158640"/>
                <a:gd name="connsiteY71" fmla="*/ 775769 h 1680675"/>
                <a:gd name="connsiteX72" fmla="*/ 2939440 w 4158640"/>
                <a:gd name="connsiteY72" fmla="*/ 761481 h 1680675"/>
                <a:gd name="connsiteX73" fmla="*/ 2963253 w 4158640"/>
                <a:gd name="connsiteY73" fmla="*/ 744813 h 1680675"/>
                <a:gd name="connsiteX74" fmla="*/ 2989446 w 4158640"/>
                <a:gd name="connsiteY74" fmla="*/ 737669 h 1680675"/>
                <a:gd name="connsiteX75" fmla="*/ 3018021 w 4158640"/>
                <a:gd name="connsiteY75" fmla="*/ 718619 h 1680675"/>
                <a:gd name="connsiteX76" fmla="*/ 3046597 w 4158640"/>
                <a:gd name="connsiteY76" fmla="*/ 697188 h 1680675"/>
                <a:gd name="connsiteX77" fmla="*/ 3082316 w 4158640"/>
                <a:gd name="connsiteY77" fmla="*/ 685283 h 1680675"/>
                <a:gd name="connsiteX78" fmla="*/ 3106128 w 4158640"/>
                <a:gd name="connsiteY78" fmla="*/ 670995 h 1680675"/>
                <a:gd name="connsiteX79" fmla="*/ 3122796 w 4158640"/>
                <a:gd name="connsiteY79" fmla="*/ 656707 h 1680675"/>
                <a:gd name="connsiteX80" fmla="*/ 3144228 w 4158640"/>
                <a:gd name="connsiteY80" fmla="*/ 628132 h 1680675"/>
                <a:gd name="connsiteX81" fmla="*/ 3170421 w 4158640"/>
                <a:gd name="connsiteY81" fmla="*/ 604320 h 1680675"/>
                <a:gd name="connsiteX82" fmla="*/ 4158640 w 4158640"/>
                <a:gd name="connsiteY82" fmla="*/ 30438 h 1680675"/>
                <a:gd name="connsiteX0" fmla="*/ 4158640 w 4158640"/>
                <a:gd name="connsiteY0" fmla="*/ 31939 h 1682176"/>
                <a:gd name="connsiteX1" fmla="*/ 4158640 w 4158640"/>
                <a:gd name="connsiteY1" fmla="*/ 1670239 h 1682176"/>
                <a:gd name="connsiteX2" fmla="*/ 301015 w 4158640"/>
                <a:gd name="connsiteY2" fmla="*/ 1670239 h 1682176"/>
                <a:gd name="connsiteX3" fmla="*/ 430396 w 4158640"/>
                <a:gd name="connsiteY3" fmla="*/ 1649601 h 1682176"/>
                <a:gd name="connsiteX4" fmla="*/ 384358 w 4158640"/>
                <a:gd name="connsiteY4" fmla="*/ 1663096 h 1682176"/>
                <a:gd name="connsiteX5" fmla="*/ 472465 w 4158640"/>
                <a:gd name="connsiteY5" fmla="*/ 1636901 h 1682176"/>
                <a:gd name="connsiteX6" fmla="*/ 527234 w 4158640"/>
                <a:gd name="connsiteY6" fmla="*/ 1627377 h 1682176"/>
                <a:gd name="connsiteX7" fmla="*/ 584384 w 4158640"/>
                <a:gd name="connsiteY7" fmla="*/ 1622614 h 1682176"/>
                <a:gd name="connsiteX8" fmla="*/ 636771 w 4158640"/>
                <a:gd name="connsiteY8" fmla="*/ 1610708 h 1682176"/>
                <a:gd name="connsiteX9" fmla="*/ 708209 w 4158640"/>
                <a:gd name="connsiteY9" fmla="*/ 1594040 h 1682176"/>
                <a:gd name="connsiteX10" fmla="*/ 765359 w 4158640"/>
                <a:gd name="connsiteY10" fmla="*/ 1579752 h 1682176"/>
                <a:gd name="connsiteX11" fmla="*/ 853466 w 4158640"/>
                <a:gd name="connsiteY11" fmla="*/ 1565464 h 1682176"/>
                <a:gd name="connsiteX12" fmla="*/ 951094 w 4158640"/>
                <a:gd name="connsiteY12" fmla="*/ 1555939 h 1682176"/>
                <a:gd name="connsiteX13" fmla="*/ 1010628 w 4158640"/>
                <a:gd name="connsiteY13" fmla="*/ 1546414 h 1682176"/>
                <a:gd name="connsiteX14" fmla="*/ 1060634 w 4158640"/>
                <a:gd name="connsiteY14" fmla="*/ 1544032 h 1682176"/>
                <a:gd name="connsiteX15" fmla="*/ 1115404 w 4158640"/>
                <a:gd name="connsiteY15" fmla="*/ 1522601 h 1682176"/>
                <a:gd name="connsiteX16" fmla="*/ 1163027 w 4158640"/>
                <a:gd name="connsiteY16" fmla="*/ 1505932 h 1682176"/>
                <a:gd name="connsiteX17" fmla="*/ 1213034 w 4158640"/>
                <a:gd name="connsiteY17" fmla="*/ 1498789 h 1682176"/>
                <a:gd name="connsiteX18" fmla="*/ 1253515 w 4158640"/>
                <a:gd name="connsiteY18" fmla="*/ 1491645 h 1682176"/>
                <a:gd name="connsiteX19" fmla="*/ 1293996 w 4158640"/>
                <a:gd name="connsiteY19" fmla="*/ 1482120 h 1682176"/>
                <a:gd name="connsiteX20" fmla="*/ 1336860 w 4158640"/>
                <a:gd name="connsiteY20" fmla="*/ 1453545 h 1682176"/>
                <a:gd name="connsiteX21" fmla="*/ 1358290 w 4158640"/>
                <a:gd name="connsiteY21" fmla="*/ 1432113 h 1682176"/>
                <a:gd name="connsiteX22" fmla="*/ 1384484 w 4158640"/>
                <a:gd name="connsiteY22" fmla="*/ 1420208 h 1682176"/>
                <a:gd name="connsiteX23" fmla="*/ 1427347 w 4158640"/>
                <a:gd name="connsiteY23" fmla="*/ 1401158 h 1682176"/>
                <a:gd name="connsiteX24" fmla="*/ 1455922 w 4158640"/>
                <a:gd name="connsiteY24" fmla="*/ 1389251 h 1682176"/>
                <a:gd name="connsiteX25" fmla="*/ 1491640 w 4158640"/>
                <a:gd name="connsiteY25" fmla="*/ 1370202 h 1682176"/>
                <a:gd name="connsiteX26" fmla="*/ 1534503 w 4158640"/>
                <a:gd name="connsiteY26" fmla="*/ 1353532 h 1682176"/>
                <a:gd name="connsiteX27" fmla="*/ 1563078 w 4158640"/>
                <a:gd name="connsiteY27" fmla="*/ 1344008 h 1682176"/>
                <a:gd name="connsiteX28" fmla="*/ 1589271 w 4158640"/>
                <a:gd name="connsiteY28" fmla="*/ 1336863 h 1682176"/>
                <a:gd name="connsiteX29" fmla="*/ 1620228 w 4158640"/>
                <a:gd name="connsiteY29" fmla="*/ 1332101 h 1682176"/>
                <a:gd name="connsiteX30" fmla="*/ 1648802 w 4158640"/>
                <a:gd name="connsiteY30" fmla="*/ 1324957 h 1682176"/>
                <a:gd name="connsiteX31" fmla="*/ 1682140 w 4158640"/>
                <a:gd name="connsiteY31" fmla="*/ 1320195 h 1682176"/>
                <a:gd name="connsiteX32" fmla="*/ 1710716 w 4158640"/>
                <a:gd name="connsiteY32" fmla="*/ 1303527 h 1682176"/>
                <a:gd name="connsiteX33" fmla="*/ 1732146 w 4158640"/>
                <a:gd name="connsiteY33" fmla="*/ 1286858 h 1682176"/>
                <a:gd name="connsiteX34" fmla="*/ 1767866 w 4158640"/>
                <a:gd name="connsiteY34" fmla="*/ 1267807 h 1682176"/>
                <a:gd name="connsiteX35" fmla="*/ 1796440 w 4158640"/>
                <a:gd name="connsiteY35" fmla="*/ 1253520 h 1682176"/>
                <a:gd name="connsiteX36" fmla="*/ 1825015 w 4158640"/>
                <a:gd name="connsiteY36" fmla="*/ 1241613 h 1682176"/>
                <a:gd name="connsiteX37" fmla="*/ 1851209 w 4158640"/>
                <a:gd name="connsiteY37" fmla="*/ 1227326 h 1682176"/>
                <a:gd name="connsiteX38" fmla="*/ 1875022 w 4158640"/>
                <a:gd name="connsiteY38" fmla="*/ 1220183 h 1682176"/>
                <a:gd name="connsiteX39" fmla="*/ 1896452 w 4158640"/>
                <a:gd name="connsiteY39" fmla="*/ 1208276 h 1682176"/>
                <a:gd name="connsiteX40" fmla="*/ 1927408 w 4158640"/>
                <a:gd name="connsiteY40" fmla="*/ 1198752 h 1682176"/>
                <a:gd name="connsiteX41" fmla="*/ 1967890 w 4158640"/>
                <a:gd name="connsiteY41" fmla="*/ 1174938 h 1682176"/>
                <a:gd name="connsiteX42" fmla="*/ 2010753 w 4158640"/>
                <a:gd name="connsiteY42" fmla="*/ 1163032 h 1682176"/>
                <a:gd name="connsiteX43" fmla="*/ 2041709 w 4158640"/>
                <a:gd name="connsiteY43" fmla="*/ 1151126 h 1682176"/>
                <a:gd name="connsiteX44" fmla="*/ 2072665 w 4158640"/>
                <a:gd name="connsiteY44" fmla="*/ 1141601 h 1682176"/>
                <a:gd name="connsiteX45" fmla="*/ 2108384 w 4158640"/>
                <a:gd name="connsiteY45" fmla="*/ 1134457 h 1682176"/>
                <a:gd name="connsiteX46" fmla="*/ 2139340 w 4158640"/>
                <a:gd name="connsiteY46" fmla="*/ 1117789 h 1682176"/>
                <a:gd name="connsiteX47" fmla="*/ 2170296 w 4158640"/>
                <a:gd name="connsiteY47" fmla="*/ 1103501 h 1682176"/>
                <a:gd name="connsiteX48" fmla="*/ 2198871 w 4158640"/>
                <a:gd name="connsiteY48" fmla="*/ 1091595 h 1682176"/>
                <a:gd name="connsiteX49" fmla="*/ 2241734 w 4158640"/>
                <a:gd name="connsiteY49" fmla="*/ 1077307 h 1682176"/>
                <a:gd name="connsiteX50" fmla="*/ 2265546 w 4158640"/>
                <a:gd name="connsiteY50" fmla="*/ 1058257 h 1682176"/>
                <a:gd name="connsiteX51" fmla="*/ 2286978 w 4158640"/>
                <a:gd name="connsiteY51" fmla="*/ 1046351 h 1682176"/>
                <a:gd name="connsiteX52" fmla="*/ 2310790 w 4158640"/>
                <a:gd name="connsiteY52" fmla="*/ 1034445 h 1682176"/>
                <a:gd name="connsiteX53" fmla="*/ 2341746 w 4158640"/>
                <a:gd name="connsiteY53" fmla="*/ 1015395 h 1682176"/>
                <a:gd name="connsiteX54" fmla="*/ 2367940 w 4158640"/>
                <a:gd name="connsiteY54" fmla="*/ 998727 h 1682176"/>
                <a:gd name="connsiteX55" fmla="*/ 2384609 w 4158640"/>
                <a:gd name="connsiteY55" fmla="*/ 986820 h 1682176"/>
                <a:gd name="connsiteX56" fmla="*/ 2417946 w 4158640"/>
                <a:gd name="connsiteY56" fmla="*/ 982058 h 1682176"/>
                <a:gd name="connsiteX57" fmla="*/ 2451284 w 4158640"/>
                <a:gd name="connsiteY57" fmla="*/ 970151 h 1682176"/>
                <a:gd name="connsiteX58" fmla="*/ 2477478 w 4158640"/>
                <a:gd name="connsiteY58" fmla="*/ 958245 h 1682176"/>
                <a:gd name="connsiteX59" fmla="*/ 2506053 w 4158640"/>
                <a:gd name="connsiteY59" fmla="*/ 953482 h 1682176"/>
                <a:gd name="connsiteX60" fmla="*/ 2527484 w 4158640"/>
                <a:gd name="connsiteY60" fmla="*/ 936814 h 1682176"/>
                <a:gd name="connsiteX61" fmla="*/ 2560821 w 4158640"/>
                <a:gd name="connsiteY61" fmla="*/ 920145 h 1682176"/>
                <a:gd name="connsiteX62" fmla="*/ 2587015 w 4158640"/>
                <a:gd name="connsiteY62" fmla="*/ 898714 h 1682176"/>
                <a:gd name="connsiteX63" fmla="*/ 2667977 w 4158640"/>
                <a:gd name="connsiteY63" fmla="*/ 862995 h 1682176"/>
                <a:gd name="connsiteX64" fmla="*/ 2698934 w 4158640"/>
                <a:gd name="connsiteY64" fmla="*/ 853470 h 1682176"/>
                <a:gd name="connsiteX65" fmla="*/ 2727508 w 4158640"/>
                <a:gd name="connsiteY65" fmla="*/ 846327 h 1682176"/>
                <a:gd name="connsiteX66" fmla="*/ 2758465 w 4158640"/>
                <a:gd name="connsiteY66" fmla="*/ 846326 h 1682176"/>
                <a:gd name="connsiteX67" fmla="*/ 2791803 w 4158640"/>
                <a:gd name="connsiteY67" fmla="*/ 829657 h 1682176"/>
                <a:gd name="connsiteX68" fmla="*/ 2827521 w 4158640"/>
                <a:gd name="connsiteY68" fmla="*/ 817751 h 1682176"/>
                <a:gd name="connsiteX69" fmla="*/ 2860859 w 4158640"/>
                <a:gd name="connsiteY69" fmla="*/ 808226 h 1682176"/>
                <a:gd name="connsiteX70" fmla="*/ 2887053 w 4158640"/>
                <a:gd name="connsiteY70" fmla="*/ 791557 h 1682176"/>
                <a:gd name="connsiteX71" fmla="*/ 2918009 w 4158640"/>
                <a:gd name="connsiteY71" fmla="*/ 777270 h 1682176"/>
                <a:gd name="connsiteX72" fmla="*/ 2939440 w 4158640"/>
                <a:gd name="connsiteY72" fmla="*/ 762982 h 1682176"/>
                <a:gd name="connsiteX73" fmla="*/ 2963253 w 4158640"/>
                <a:gd name="connsiteY73" fmla="*/ 746314 h 1682176"/>
                <a:gd name="connsiteX74" fmla="*/ 2989446 w 4158640"/>
                <a:gd name="connsiteY74" fmla="*/ 739170 h 1682176"/>
                <a:gd name="connsiteX75" fmla="*/ 3018021 w 4158640"/>
                <a:gd name="connsiteY75" fmla="*/ 720120 h 1682176"/>
                <a:gd name="connsiteX76" fmla="*/ 3046597 w 4158640"/>
                <a:gd name="connsiteY76" fmla="*/ 698689 h 1682176"/>
                <a:gd name="connsiteX77" fmla="*/ 3082316 w 4158640"/>
                <a:gd name="connsiteY77" fmla="*/ 686784 h 1682176"/>
                <a:gd name="connsiteX78" fmla="*/ 3106128 w 4158640"/>
                <a:gd name="connsiteY78" fmla="*/ 672496 h 1682176"/>
                <a:gd name="connsiteX79" fmla="*/ 3122796 w 4158640"/>
                <a:gd name="connsiteY79" fmla="*/ 658208 h 1682176"/>
                <a:gd name="connsiteX80" fmla="*/ 3144228 w 4158640"/>
                <a:gd name="connsiteY80" fmla="*/ 629633 h 1682176"/>
                <a:gd name="connsiteX81" fmla="*/ 3170421 w 4158640"/>
                <a:gd name="connsiteY81" fmla="*/ 605821 h 1682176"/>
                <a:gd name="connsiteX82" fmla="*/ 3201378 w 4158640"/>
                <a:gd name="connsiteY82" fmla="*/ 586771 h 1682176"/>
                <a:gd name="connsiteX83" fmla="*/ 4158640 w 4158640"/>
                <a:gd name="connsiteY83" fmla="*/ 31939 h 1682176"/>
                <a:gd name="connsiteX0" fmla="*/ 4158640 w 4158640"/>
                <a:gd name="connsiteY0" fmla="*/ 31745 h 1681982"/>
                <a:gd name="connsiteX1" fmla="*/ 4158640 w 4158640"/>
                <a:gd name="connsiteY1" fmla="*/ 1670045 h 1681982"/>
                <a:gd name="connsiteX2" fmla="*/ 301015 w 4158640"/>
                <a:gd name="connsiteY2" fmla="*/ 1670045 h 1681982"/>
                <a:gd name="connsiteX3" fmla="*/ 430396 w 4158640"/>
                <a:gd name="connsiteY3" fmla="*/ 1649407 h 1681982"/>
                <a:gd name="connsiteX4" fmla="*/ 384358 w 4158640"/>
                <a:gd name="connsiteY4" fmla="*/ 1662902 h 1681982"/>
                <a:gd name="connsiteX5" fmla="*/ 472465 w 4158640"/>
                <a:gd name="connsiteY5" fmla="*/ 1636707 h 1681982"/>
                <a:gd name="connsiteX6" fmla="*/ 527234 w 4158640"/>
                <a:gd name="connsiteY6" fmla="*/ 1627183 h 1681982"/>
                <a:gd name="connsiteX7" fmla="*/ 584384 w 4158640"/>
                <a:gd name="connsiteY7" fmla="*/ 1622420 h 1681982"/>
                <a:gd name="connsiteX8" fmla="*/ 636771 w 4158640"/>
                <a:gd name="connsiteY8" fmla="*/ 1610514 h 1681982"/>
                <a:gd name="connsiteX9" fmla="*/ 708209 w 4158640"/>
                <a:gd name="connsiteY9" fmla="*/ 1593846 h 1681982"/>
                <a:gd name="connsiteX10" fmla="*/ 765359 w 4158640"/>
                <a:gd name="connsiteY10" fmla="*/ 1579558 h 1681982"/>
                <a:gd name="connsiteX11" fmla="*/ 853466 w 4158640"/>
                <a:gd name="connsiteY11" fmla="*/ 1565270 h 1681982"/>
                <a:gd name="connsiteX12" fmla="*/ 951094 w 4158640"/>
                <a:gd name="connsiteY12" fmla="*/ 1555745 h 1681982"/>
                <a:gd name="connsiteX13" fmla="*/ 1010628 w 4158640"/>
                <a:gd name="connsiteY13" fmla="*/ 1546220 h 1681982"/>
                <a:gd name="connsiteX14" fmla="*/ 1060634 w 4158640"/>
                <a:gd name="connsiteY14" fmla="*/ 1543838 h 1681982"/>
                <a:gd name="connsiteX15" fmla="*/ 1115404 w 4158640"/>
                <a:gd name="connsiteY15" fmla="*/ 1522407 h 1681982"/>
                <a:gd name="connsiteX16" fmla="*/ 1163027 w 4158640"/>
                <a:gd name="connsiteY16" fmla="*/ 1505738 h 1681982"/>
                <a:gd name="connsiteX17" fmla="*/ 1213034 w 4158640"/>
                <a:gd name="connsiteY17" fmla="*/ 1498595 h 1681982"/>
                <a:gd name="connsiteX18" fmla="*/ 1253515 w 4158640"/>
                <a:gd name="connsiteY18" fmla="*/ 1491451 h 1681982"/>
                <a:gd name="connsiteX19" fmla="*/ 1293996 w 4158640"/>
                <a:gd name="connsiteY19" fmla="*/ 1481926 h 1681982"/>
                <a:gd name="connsiteX20" fmla="*/ 1336860 w 4158640"/>
                <a:gd name="connsiteY20" fmla="*/ 1453351 h 1681982"/>
                <a:gd name="connsiteX21" fmla="*/ 1358290 w 4158640"/>
                <a:gd name="connsiteY21" fmla="*/ 1431919 h 1681982"/>
                <a:gd name="connsiteX22" fmla="*/ 1384484 w 4158640"/>
                <a:gd name="connsiteY22" fmla="*/ 1420014 h 1681982"/>
                <a:gd name="connsiteX23" fmla="*/ 1427347 w 4158640"/>
                <a:gd name="connsiteY23" fmla="*/ 1400964 h 1681982"/>
                <a:gd name="connsiteX24" fmla="*/ 1455922 w 4158640"/>
                <a:gd name="connsiteY24" fmla="*/ 1389057 h 1681982"/>
                <a:gd name="connsiteX25" fmla="*/ 1491640 w 4158640"/>
                <a:gd name="connsiteY25" fmla="*/ 1370008 h 1681982"/>
                <a:gd name="connsiteX26" fmla="*/ 1534503 w 4158640"/>
                <a:gd name="connsiteY26" fmla="*/ 1353338 h 1681982"/>
                <a:gd name="connsiteX27" fmla="*/ 1563078 w 4158640"/>
                <a:gd name="connsiteY27" fmla="*/ 1343814 h 1681982"/>
                <a:gd name="connsiteX28" fmla="*/ 1589271 w 4158640"/>
                <a:gd name="connsiteY28" fmla="*/ 1336669 h 1681982"/>
                <a:gd name="connsiteX29" fmla="*/ 1620228 w 4158640"/>
                <a:gd name="connsiteY29" fmla="*/ 1331907 h 1681982"/>
                <a:gd name="connsiteX30" fmla="*/ 1648802 w 4158640"/>
                <a:gd name="connsiteY30" fmla="*/ 1324763 h 1681982"/>
                <a:gd name="connsiteX31" fmla="*/ 1682140 w 4158640"/>
                <a:gd name="connsiteY31" fmla="*/ 1320001 h 1681982"/>
                <a:gd name="connsiteX32" fmla="*/ 1710716 w 4158640"/>
                <a:gd name="connsiteY32" fmla="*/ 1303333 h 1681982"/>
                <a:gd name="connsiteX33" fmla="*/ 1732146 w 4158640"/>
                <a:gd name="connsiteY33" fmla="*/ 1286664 h 1681982"/>
                <a:gd name="connsiteX34" fmla="*/ 1767866 w 4158640"/>
                <a:gd name="connsiteY34" fmla="*/ 1267613 h 1681982"/>
                <a:gd name="connsiteX35" fmla="*/ 1796440 w 4158640"/>
                <a:gd name="connsiteY35" fmla="*/ 1253326 h 1681982"/>
                <a:gd name="connsiteX36" fmla="*/ 1825015 w 4158640"/>
                <a:gd name="connsiteY36" fmla="*/ 1241419 h 1681982"/>
                <a:gd name="connsiteX37" fmla="*/ 1851209 w 4158640"/>
                <a:gd name="connsiteY37" fmla="*/ 1227132 h 1681982"/>
                <a:gd name="connsiteX38" fmla="*/ 1875022 w 4158640"/>
                <a:gd name="connsiteY38" fmla="*/ 1219989 h 1681982"/>
                <a:gd name="connsiteX39" fmla="*/ 1896452 w 4158640"/>
                <a:gd name="connsiteY39" fmla="*/ 1208082 h 1681982"/>
                <a:gd name="connsiteX40" fmla="*/ 1927408 w 4158640"/>
                <a:gd name="connsiteY40" fmla="*/ 1198558 h 1681982"/>
                <a:gd name="connsiteX41" fmla="*/ 1967890 w 4158640"/>
                <a:gd name="connsiteY41" fmla="*/ 1174744 h 1681982"/>
                <a:gd name="connsiteX42" fmla="*/ 2010753 w 4158640"/>
                <a:gd name="connsiteY42" fmla="*/ 1162838 h 1681982"/>
                <a:gd name="connsiteX43" fmla="*/ 2041709 w 4158640"/>
                <a:gd name="connsiteY43" fmla="*/ 1150932 h 1681982"/>
                <a:gd name="connsiteX44" fmla="*/ 2072665 w 4158640"/>
                <a:gd name="connsiteY44" fmla="*/ 1141407 h 1681982"/>
                <a:gd name="connsiteX45" fmla="*/ 2108384 w 4158640"/>
                <a:gd name="connsiteY45" fmla="*/ 1134263 h 1681982"/>
                <a:gd name="connsiteX46" fmla="*/ 2139340 w 4158640"/>
                <a:gd name="connsiteY46" fmla="*/ 1117595 h 1681982"/>
                <a:gd name="connsiteX47" fmla="*/ 2170296 w 4158640"/>
                <a:gd name="connsiteY47" fmla="*/ 1103307 h 1681982"/>
                <a:gd name="connsiteX48" fmla="*/ 2198871 w 4158640"/>
                <a:gd name="connsiteY48" fmla="*/ 1091401 h 1681982"/>
                <a:gd name="connsiteX49" fmla="*/ 2241734 w 4158640"/>
                <a:gd name="connsiteY49" fmla="*/ 1077113 h 1681982"/>
                <a:gd name="connsiteX50" fmla="*/ 2265546 w 4158640"/>
                <a:gd name="connsiteY50" fmla="*/ 1058063 h 1681982"/>
                <a:gd name="connsiteX51" fmla="*/ 2286978 w 4158640"/>
                <a:gd name="connsiteY51" fmla="*/ 1046157 h 1681982"/>
                <a:gd name="connsiteX52" fmla="*/ 2310790 w 4158640"/>
                <a:gd name="connsiteY52" fmla="*/ 1034251 h 1681982"/>
                <a:gd name="connsiteX53" fmla="*/ 2341746 w 4158640"/>
                <a:gd name="connsiteY53" fmla="*/ 1015201 h 1681982"/>
                <a:gd name="connsiteX54" fmla="*/ 2367940 w 4158640"/>
                <a:gd name="connsiteY54" fmla="*/ 998533 h 1681982"/>
                <a:gd name="connsiteX55" fmla="*/ 2384609 w 4158640"/>
                <a:gd name="connsiteY55" fmla="*/ 986626 h 1681982"/>
                <a:gd name="connsiteX56" fmla="*/ 2417946 w 4158640"/>
                <a:gd name="connsiteY56" fmla="*/ 981864 h 1681982"/>
                <a:gd name="connsiteX57" fmla="*/ 2451284 w 4158640"/>
                <a:gd name="connsiteY57" fmla="*/ 969957 h 1681982"/>
                <a:gd name="connsiteX58" fmla="*/ 2477478 w 4158640"/>
                <a:gd name="connsiteY58" fmla="*/ 958051 h 1681982"/>
                <a:gd name="connsiteX59" fmla="*/ 2506053 w 4158640"/>
                <a:gd name="connsiteY59" fmla="*/ 953288 h 1681982"/>
                <a:gd name="connsiteX60" fmla="*/ 2527484 w 4158640"/>
                <a:gd name="connsiteY60" fmla="*/ 936620 h 1681982"/>
                <a:gd name="connsiteX61" fmla="*/ 2560821 w 4158640"/>
                <a:gd name="connsiteY61" fmla="*/ 919951 h 1681982"/>
                <a:gd name="connsiteX62" fmla="*/ 2587015 w 4158640"/>
                <a:gd name="connsiteY62" fmla="*/ 898520 h 1681982"/>
                <a:gd name="connsiteX63" fmla="*/ 2667977 w 4158640"/>
                <a:gd name="connsiteY63" fmla="*/ 862801 h 1681982"/>
                <a:gd name="connsiteX64" fmla="*/ 2698934 w 4158640"/>
                <a:gd name="connsiteY64" fmla="*/ 853276 h 1681982"/>
                <a:gd name="connsiteX65" fmla="*/ 2727508 w 4158640"/>
                <a:gd name="connsiteY65" fmla="*/ 846133 h 1681982"/>
                <a:gd name="connsiteX66" fmla="*/ 2758465 w 4158640"/>
                <a:gd name="connsiteY66" fmla="*/ 846132 h 1681982"/>
                <a:gd name="connsiteX67" fmla="*/ 2791803 w 4158640"/>
                <a:gd name="connsiteY67" fmla="*/ 829463 h 1681982"/>
                <a:gd name="connsiteX68" fmla="*/ 2827521 w 4158640"/>
                <a:gd name="connsiteY68" fmla="*/ 817557 h 1681982"/>
                <a:gd name="connsiteX69" fmla="*/ 2860859 w 4158640"/>
                <a:gd name="connsiteY69" fmla="*/ 808032 h 1681982"/>
                <a:gd name="connsiteX70" fmla="*/ 2887053 w 4158640"/>
                <a:gd name="connsiteY70" fmla="*/ 791363 h 1681982"/>
                <a:gd name="connsiteX71" fmla="*/ 2918009 w 4158640"/>
                <a:gd name="connsiteY71" fmla="*/ 777076 h 1681982"/>
                <a:gd name="connsiteX72" fmla="*/ 2939440 w 4158640"/>
                <a:gd name="connsiteY72" fmla="*/ 762788 h 1681982"/>
                <a:gd name="connsiteX73" fmla="*/ 2963253 w 4158640"/>
                <a:gd name="connsiteY73" fmla="*/ 746120 h 1681982"/>
                <a:gd name="connsiteX74" fmla="*/ 2989446 w 4158640"/>
                <a:gd name="connsiteY74" fmla="*/ 738976 h 1681982"/>
                <a:gd name="connsiteX75" fmla="*/ 3018021 w 4158640"/>
                <a:gd name="connsiteY75" fmla="*/ 719926 h 1681982"/>
                <a:gd name="connsiteX76" fmla="*/ 3046597 w 4158640"/>
                <a:gd name="connsiteY76" fmla="*/ 698495 h 1681982"/>
                <a:gd name="connsiteX77" fmla="*/ 3082316 w 4158640"/>
                <a:gd name="connsiteY77" fmla="*/ 686590 h 1681982"/>
                <a:gd name="connsiteX78" fmla="*/ 3106128 w 4158640"/>
                <a:gd name="connsiteY78" fmla="*/ 672302 h 1681982"/>
                <a:gd name="connsiteX79" fmla="*/ 3122796 w 4158640"/>
                <a:gd name="connsiteY79" fmla="*/ 658014 h 1681982"/>
                <a:gd name="connsiteX80" fmla="*/ 3144228 w 4158640"/>
                <a:gd name="connsiteY80" fmla="*/ 629439 h 1681982"/>
                <a:gd name="connsiteX81" fmla="*/ 3170421 w 4158640"/>
                <a:gd name="connsiteY81" fmla="*/ 605627 h 1681982"/>
                <a:gd name="connsiteX82" fmla="*/ 3191853 w 4158640"/>
                <a:gd name="connsiteY82" fmla="*/ 591339 h 1681982"/>
                <a:gd name="connsiteX83" fmla="*/ 4158640 w 4158640"/>
                <a:gd name="connsiteY83" fmla="*/ 31745 h 1681982"/>
                <a:gd name="connsiteX0" fmla="*/ 4158640 w 4158640"/>
                <a:gd name="connsiteY0" fmla="*/ 32696 h 1682933"/>
                <a:gd name="connsiteX1" fmla="*/ 4158640 w 4158640"/>
                <a:gd name="connsiteY1" fmla="*/ 1670996 h 1682933"/>
                <a:gd name="connsiteX2" fmla="*/ 301015 w 4158640"/>
                <a:gd name="connsiteY2" fmla="*/ 1670996 h 1682933"/>
                <a:gd name="connsiteX3" fmla="*/ 430396 w 4158640"/>
                <a:gd name="connsiteY3" fmla="*/ 1650358 h 1682933"/>
                <a:gd name="connsiteX4" fmla="*/ 384358 w 4158640"/>
                <a:gd name="connsiteY4" fmla="*/ 1663853 h 1682933"/>
                <a:gd name="connsiteX5" fmla="*/ 472465 w 4158640"/>
                <a:gd name="connsiteY5" fmla="*/ 1637658 h 1682933"/>
                <a:gd name="connsiteX6" fmla="*/ 527234 w 4158640"/>
                <a:gd name="connsiteY6" fmla="*/ 1628134 h 1682933"/>
                <a:gd name="connsiteX7" fmla="*/ 584384 w 4158640"/>
                <a:gd name="connsiteY7" fmla="*/ 1623371 h 1682933"/>
                <a:gd name="connsiteX8" fmla="*/ 636771 w 4158640"/>
                <a:gd name="connsiteY8" fmla="*/ 1611465 h 1682933"/>
                <a:gd name="connsiteX9" fmla="*/ 708209 w 4158640"/>
                <a:gd name="connsiteY9" fmla="*/ 1594797 h 1682933"/>
                <a:gd name="connsiteX10" fmla="*/ 765359 w 4158640"/>
                <a:gd name="connsiteY10" fmla="*/ 1580509 h 1682933"/>
                <a:gd name="connsiteX11" fmla="*/ 853466 w 4158640"/>
                <a:gd name="connsiteY11" fmla="*/ 1566221 h 1682933"/>
                <a:gd name="connsiteX12" fmla="*/ 951094 w 4158640"/>
                <a:gd name="connsiteY12" fmla="*/ 1556696 h 1682933"/>
                <a:gd name="connsiteX13" fmla="*/ 1010628 w 4158640"/>
                <a:gd name="connsiteY13" fmla="*/ 1547171 h 1682933"/>
                <a:gd name="connsiteX14" fmla="*/ 1060634 w 4158640"/>
                <a:gd name="connsiteY14" fmla="*/ 1544789 h 1682933"/>
                <a:gd name="connsiteX15" fmla="*/ 1115404 w 4158640"/>
                <a:gd name="connsiteY15" fmla="*/ 1523358 h 1682933"/>
                <a:gd name="connsiteX16" fmla="*/ 1163027 w 4158640"/>
                <a:gd name="connsiteY16" fmla="*/ 1506689 h 1682933"/>
                <a:gd name="connsiteX17" fmla="*/ 1213034 w 4158640"/>
                <a:gd name="connsiteY17" fmla="*/ 1499546 h 1682933"/>
                <a:gd name="connsiteX18" fmla="*/ 1253515 w 4158640"/>
                <a:gd name="connsiteY18" fmla="*/ 1492402 h 1682933"/>
                <a:gd name="connsiteX19" fmla="*/ 1293996 w 4158640"/>
                <a:gd name="connsiteY19" fmla="*/ 1482877 h 1682933"/>
                <a:gd name="connsiteX20" fmla="*/ 1336860 w 4158640"/>
                <a:gd name="connsiteY20" fmla="*/ 1454302 h 1682933"/>
                <a:gd name="connsiteX21" fmla="*/ 1358290 w 4158640"/>
                <a:gd name="connsiteY21" fmla="*/ 1432870 h 1682933"/>
                <a:gd name="connsiteX22" fmla="*/ 1384484 w 4158640"/>
                <a:gd name="connsiteY22" fmla="*/ 1420965 h 1682933"/>
                <a:gd name="connsiteX23" fmla="*/ 1427347 w 4158640"/>
                <a:gd name="connsiteY23" fmla="*/ 1401915 h 1682933"/>
                <a:gd name="connsiteX24" fmla="*/ 1455922 w 4158640"/>
                <a:gd name="connsiteY24" fmla="*/ 1390008 h 1682933"/>
                <a:gd name="connsiteX25" fmla="*/ 1491640 w 4158640"/>
                <a:gd name="connsiteY25" fmla="*/ 1370959 h 1682933"/>
                <a:gd name="connsiteX26" fmla="*/ 1534503 w 4158640"/>
                <a:gd name="connsiteY26" fmla="*/ 1354289 h 1682933"/>
                <a:gd name="connsiteX27" fmla="*/ 1563078 w 4158640"/>
                <a:gd name="connsiteY27" fmla="*/ 1344765 h 1682933"/>
                <a:gd name="connsiteX28" fmla="*/ 1589271 w 4158640"/>
                <a:gd name="connsiteY28" fmla="*/ 1337620 h 1682933"/>
                <a:gd name="connsiteX29" fmla="*/ 1620228 w 4158640"/>
                <a:gd name="connsiteY29" fmla="*/ 1332858 h 1682933"/>
                <a:gd name="connsiteX30" fmla="*/ 1648802 w 4158640"/>
                <a:gd name="connsiteY30" fmla="*/ 1325714 h 1682933"/>
                <a:gd name="connsiteX31" fmla="*/ 1682140 w 4158640"/>
                <a:gd name="connsiteY31" fmla="*/ 1320952 h 1682933"/>
                <a:gd name="connsiteX32" fmla="*/ 1710716 w 4158640"/>
                <a:gd name="connsiteY32" fmla="*/ 1304284 h 1682933"/>
                <a:gd name="connsiteX33" fmla="*/ 1732146 w 4158640"/>
                <a:gd name="connsiteY33" fmla="*/ 1287615 h 1682933"/>
                <a:gd name="connsiteX34" fmla="*/ 1767866 w 4158640"/>
                <a:gd name="connsiteY34" fmla="*/ 1268564 h 1682933"/>
                <a:gd name="connsiteX35" fmla="*/ 1796440 w 4158640"/>
                <a:gd name="connsiteY35" fmla="*/ 1254277 h 1682933"/>
                <a:gd name="connsiteX36" fmla="*/ 1825015 w 4158640"/>
                <a:gd name="connsiteY36" fmla="*/ 1242370 h 1682933"/>
                <a:gd name="connsiteX37" fmla="*/ 1851209 w 4158640"/>
                <a:gd name="connsiteY37" fmla="*/ 1228083 h 1682933"/>
                <a:gd name="connsiteX38" fmla="*/ 1875022 w 4158640"/>
                <a:gd name="connsiteY38" fmla="*/ 1220940 h 1682933"/>
                <a:gd name="connsiteX39" fmla="*/ 1896452 w 4158640"/>
                <a:gd name="connsiteY39" fmla="*/ 1209033 h 1682933"/>
                <a:gd name="connsiteX40" fmla="*/ 1927408 w 4158640"/>
                <a:gd name="connsiteY40" fmla="*/ 1199509 h 1682933"/>
                <a:gd name="connsiteX41" fmla="*/ 1967890 w 4158640"/>
                <a:gd name="connsiteY41" fmla="*/ 1175695 h 1682933"/>
                <a:gd name="connsiteX42" fmla="*/ 2010753 w 4158640"/>
                <a:gd name="connsiteY42" fmla="*/ 1163789 h 1682933"/>
                <a:gd name="connsiteX43" fmla="*/ 2041709 w 4158640"/>
                <a:gd name="connsiteY43" fmla="*/ 1151883 h 1682933"/>
                <a:gd name="connsiteX44" fmla="*/ 2072665 w 4158640"/>
                <a:gd name="connsiteY44" fmla="*/ 1142358 h 1682933"/>
                <a:gd name="connsiteX45" fmla="*/ 2108384 w 4158640"/>
                <a:gd name="connsiteY45" fmla="*/ 1135214 h 1682933"/>
                <a:gd name="connsiteX46" fmla="*/ 2139340 w 4158640"/>
                <a:gd name="connsiteY46" fmla="*/ 1118546 h 1682933"/>
                <a:gd name="connsiteX47" fmla="*/ 2170296 w 4158640"/>
                <a:gd name="connsiteY47" fmla="*/ 1104258 h 1682933"/>
                <a:gd name="connsiteX48" fmla="*/ 2198871 w 4158640"/>
                <a:gd name="connsiteY48" fmla="*/ 1092352 h 1682933"/>
                <a:gd name="connsiteX49" fmla="*/ 2241734 w 4158640"/>
                <a:gd name="connsiteY49" fmla="*/ 1078064 h 1682933"/>
                <a:gd name="connsiteX50" fmla="*/ 2265546 w 4158640"/>
                <a:gd name="connsiteY50" fmla="*/ 1059014 h 1682933"/>
                <a:gd name="connsiteX51" fmla="*/ 2286978 w 4158640"/>
                <a:gd name="connsiteY51" fmla="*/ 1047108 h 1682933"/>
                <a:gd name="connsiteX52" fmla="*/ 2310790 w 4158640"/>
                <a:gd name="connsiteY52" fmla="*/ 1035202 h 1682933"/>
                <a:gd name="connsiteX53" fmla="*/ 2341746 w 4158640"/>
                <a:gd name="connsiteY53" fmla="*/ 1016152 h 1682933"/>
                <a:gd name="connsiteX54" fmla="*/ 2367940 w 4158640"/>
                <a:gd name="connsiteY54" fmla="*/ 999484 h 1682933"/>
                <a:gd name="connsiteX55" fmla="*/ 2384609 w 4158640"/>
                <a:gd name="connsiteY55" fmla="*/ 987577 h 1682933"/>
                <a:gd name="connsiteX56" fmla="*/ 2417946 w 4158640"/>
                <a:gd name="connsiteY56" fmla="*/ 982815 h 1682933"/>
                <a:gd name="connsiteX57" fmla="*/ 2451284 w 4158640"/>
                <a:gd name="connsiteY57" fmla="*/ 970908 h 1682933"/>
                <a:gd name="connsiteX58" fmla="*/ 2477478 w 4158640"/>
                <a:gd name="connsiteY58" fmla="*/ 959002 h 1682933"/>
                <a:gd name="connsiteX59" fmla="*/ 2506053 w 4158640"/>
                <a:gd name="connsiteY59" fmla="*/ 954239 h 1682933"/>
                <a:gd name="connsiteX60" fmla="*/ 2527484 w 4158640"/>
                <a:gd name="connsiteY60" fmla="*/ 937571 h 1682933"/>
                <a:gd name="connsiteX61" fmla="*/ 2560821 w 4158640"/>
                <a:gd name="connsiteY61" fmla="*/ 920902 h 1682933"/>
                <a:gd name="connsiteX62" fmla="*/ 2587015 w 4158640"/>
                <a:gd name="connsiteY62" fmla="*/ 899471 h 1682933"/>
                <a:gd name="connsiteX63" fmla="*/ 2667977 w 4158640"/>
                <a:gd name="connsiteY63" fmla="*/ 863752 h 1682933"/>
                <a:gd name="connsiteX64" fmla="*/ 2698934 w 4158640"/>
                <a:gd name="connsiteY64" fmla="*/ 854227 h 1682933"/>
                <a:gd name="connsiteX65" fmla="*/ 2727508 w 4158640"/>
                <a:gd name="connsiteY65" fmla="*/ 847084 h 1682933"/>
                <a:gd name="connsiteX66" fmla="*/ 2758465 w 4158640"/>
                <a:gd name="connsiteY66" fmla="*/ 847083 h 1682933"/>
                <a:gd name="connsiteX67" fmla="*/ 2791803 w 4158640"/>
                <a:gd name="connsiteY67" fmla="*/ 830414 h 1682933"/>
                <a:gd name="connsiteX68" fmla="*/ 2827521 w 4158640"/>
                <a:gd name="connsiteY68" fmla="*/ 818508 h 1682933"/>
                <a:gd name="connsiteX69" fmla="*/ 2860859 w 4158640"/>
                <a:gd name="connsiteY69" fmla="*/ 808983 h 1682933"/>
                <a:gd name="connsiteX70" fmla="*/ 2887053 w 4158640"/>
                <a:gd name="connsiteY70" fmla="*/ 792314 h 1682933"/>
                <a:gd name="connsiteX71" fmla="*/ 2918009 w 4158640"/>
                <a:gd name="connsiteY71" fmla="*/ 778027 h 1682933"/>
                <a:gd name="connsiteX72" fmla="*/ 2939440 w 4158640"/>
                <a:gd name="connsiteY72" fmla="*/ 763739 h 1682933"/>
                <a:gd name="connsiteX73" fmla="*/ 2963253 w 4158640"/>
                <a:gd name="connsiteY73" fmla="*/ 747071 h 1682933"/>
                <a:gd name="connsiteX74" fmla="*/ 2989446 w 4158640"/>
                <a:gd name="connsiteY74" fmla="*/ 739927 h 1682933"/>
                <a:gd name="connsiteX75" fmla="*/ 3018021 w 4158640"/>
                <a:gd name="connsiteY75" fmla="*/ 720877 h 1682933"/>
                <a:gd name="connsiteX76" fmla="*/ 3046597 w 4158640"/>
                <a:gd name="connsiteY76" fmla="*/ 699446 h 1682933"/>
                <a:gd name="connsiteX77" fmla="*/ 3082316 w 4158640"/>
                <a:gd name="connsiteY77" fmla="*/ 687541 h 1682933"/>
                <a:gd name="connsiteX78" fmla="*/ 3106128 w 4158640"/>
                <a:gd name="connsiteY78" fmla="*/ 673253 h 1682933"/>
                <a:gd name="connsiteX79" fmla="*/ 3122796 w 4158640"/>
                <a:gd name="connsiteY79" fmla="*/ 658965 h 1682933"/>
                <a:gd name="connsiteX80" fmla="*/ 3144228 w 4158640"/>
                <a:gd name="connsiteY80" fmla="*/ 630390 h 1682933"/>
                <a:gd name="connsiteX81" fmla="*/ 3170421 w 4158640"/>
                <a:gd name="connsiteY81" fmla="*/ 606578 h 1682933"/>
                <a:gd name="connsiteX82" fmla="*/ 3191853 w 4158640"/>
                <a:gd name="connsiteY82" fmla="*/ 592290 h 1682933"/>
                <a:gd name="connsiteX83" fmla="*/ 3218046 w 4158640"/>
                <a:gd name="connsiteY83" fmla="*/ 578003 h 1682933"/>
                <a:gd name="connsiteX84" fmla="*/ 4158640 w 4158640"/>
                <a:gd name="connsiteY84" fmla="*/ 32696 h 1682933"/>
                <a:gd name="connsiteX0" fmla="*/ 4158640 w 4158640"/>
                <a:gd name="connsiteY0" fmla="*/ 33686 h 1683923"/>
                <a:gd name="connsiteX1" fmla="*/ 4158640 w 4158640"/>
                <a:gd name="connsiteY1" fmla="*/ 1671986 h 1683923"/>
                <a:gd name="connsiteX2" fmla="*/ 301015 w 4158640"/>
                <a:gd name="connsiteY2" fmla="*/ 1671986 h 1683923"/>
                <a:gd name="connsiteX3" fmla="*/ 430396 w 4158640"/>
                <a:gd name="connsiteY3" fmla="*/ 1651348 h 1683923"/>
                <a:gd name="connsiteX4" fmla="*/ 384358 w 4158640"/>
                <a:gd name="connsiteY4" fmla="*/ 1664843 h 1683923"/>
                <a:gd name="connsiteX5" fmla="*/ 472465 w 4158640"/>
                <a:gd name="connsiteY5" fmla="*/ 1638648 h 1683923"/>
                <a:gd name="connsiteX6" fmla="*/ 527234 w 4158640"/>
                <a:gd name="connsiteY6" fmla="*/ 1629124 h 1683923"/>
                <a:gd name="connsiteX7" fmla="*/ 584384 w 4158640"/>
                <a:gd name="connsiteY7" fmla="*/ 1624361 h 1683923"/>
                <a:gd name="connsiteX8" fmla="*/ 636771 w 4158640"/>
                <a:gd name="connsiteY8" fmla="*/ 1612455 h 1683923"/>
                <a:gd name="connsiteX9" fmla="*/ 708209 w 4158640"/>
                <a:gd name="connsiteY9" fmla="*/ 1595787 h 1683923"/>
                <a:gd name="connsiteX10" fmla="*/ 765359 w 4158640"/>
                <a:gd name="connsiteY10" fmla="*/ 1581499 h 1683923"/>
                <a:gd name="connsiteX11" fmla="*/ 853466 w 4158640"/>
                <a:gd name="connsiteY11" fmla="*/ 1567211 h 1683923"/>
                <a:gd name="connsiteX12" fmla="*/ 951094 w 4158640"/>
                <a:gd name="connsiteY12" fmla="*/ 1557686 h 1683923"/>
                <a:gd name="connsiteX13" fmla="*/ 1010628 w 4158640"/>
                <a:gd name="connsiteY13" fmla="*/ 1548161 h 1683923"/>
                <a:gd name="connsiteX14" fmla="*/ 1060634 w 4158640"/>
                <a:gd name="connsiteY14" fmla="*/ 1545779 h 1683923"/>
                <a:gd name="connsiteX15" fmla="*/ 1115404 w 4158640"/>
                <a:gd name="connsiteY15" fmla="*/ 1524348 h 1683923"/>
                <a:gd name="connsiteX16" fmla="*/ 1163027 w 4158640"/>
                <a:gd name="connsiteY16" fmla="*/ 1507679 h 1683923"/>
                <a:gd name="connsiteX17" fmla="*/ 1213034 w 4158640"/>
                <a:gd name="connsiteY17" fmla="*/ 1500536 h 1683923"/>
                <a:gd name="connsiteX18" fmla="*/ 1253515 w 4158640"/>
                <a:gd name="connsiteY18" fmla="*/ 1493392 h 1683923"/>
                <a:gd name="connsiteX19" fmla="*/ 1293996 w 4158640"/>
                <a:gd name="connsiteY19" fmla="*/ 1483867 h 1683923"/>
                <a:gd name="connsiteX20" fmla="*/ 1336860 w 4158640"/>
                <a:gd name="connsiteY20" fmla="*/ 1455292 h 1683923"/>
                <a:gd name="connsiteX21" fmla="*/ 1358290 w 4158640"/>
                <a:gd name="connsiteY21" fmla="*/ 1433860 h 1683923"/>
                <a:gd name="connsiteX22" fmla="*/ 1384484 w 4158640"/>
                <a:gd name="connsiteY22" fmla="*/ 1421955 h 1683923"/>
                <a:gd name="connsiteX23" fmla="*/ 1427347 w 4158640"/>
                <a:gd name="connsiteY23" fmla="*/ 1402905 h 1683923"/>
                <a:gd name="connsiteX24" fmla="*/ 1455922 w 4158640"/>
                <a:gd name="connsiteY24" fmla="*/ 1390998 h 1683923"/>
                <a:gd name="connsiteX25" fmla="*/ 1491640 w 4158640"/>
                <a:gd name="connsiteY25" fmla="*/ 1371949 h 1683923"/>
                <a:gd name="connsiteX26" fmla="*/ 1534503 w 4158640"/>
                <a:gd name="connsiteY26" fmla="*/ 1355279 h 1683923"/>
                <a:gd name="connsiteX27" fmla="*/ 1563078 w 4158640"/>
                <a:gd name="connsiteY27" fmla="*/ 1345755 h 1683923"/>
                <a:gd name="connsiteX28" fmla="*/ 1589271 w 4158640"/>
                <a:gd name="connsiteY28" fmla="*/ 1338610 h 1683923"/>
                <a:gd name="connsiteX29" fmla="*/ 1620228 w 4158640"/>
                <a:gd name="connsiteY29" fmla="*/ 1333848 h 1683923"/>
                <a:gd name="connsiteX30" fmla="*/ 1648802 w 4158640"/>
                <a:gd name="connsiteY30" fmla="*/ 1326704 h 1683923"/>
                <a:gd name="connsiteX31" fmla="*/ 1682140 w 4158640"/>
                <a:gd name="connsiteY31" fmla="*/ 1321942 h 1683923"/>
                <a:gd name="connsiteX32" fmla="*/ 1710716 w 4158640"/>
                <a:gd name="connsiteY32" fmla="*/ 1305274 h 1683923"/>
                <a:gd name="connsiteX33" fmla="*/ 1732146 w 4158640"/>
                <a:gd name="connsiteY33" fmla="*/ 1288605 h 1683923"/>
                <a:gd name="connsiteX34" fmla="*/ 1767866 w 4158640"/>
                <a:gd name="connsiteY34" fmla="*/ 1269554 h 1683923"/>
                <a:gd name="connsiteX35" fmla="*/ 1796440 w 4158640"/>
                <a:gd name="connsiteY35" fmla="*/ 1255267 h 1683923"/>
                <a:gd name="connsiteX36" fmla="*/ 1825015 w 4158640"/>
                <a:gd name="connsiteY36" fmla="*/ 1243360 h 1683923"/>
                <a:gd name="connsiteX37" fmla="*/ 1851209 w 4158640"/>
                <a:gd name="connsiteY37" fmla="*/ 1229073 h 1683923"/>
                <a:gd name="connsiteX38" fmla="*/ 1875022 w 4158640"/>
                <a:gd name="connsiteY38" fmla="*/ 1221930 h 1683923"/>
                <a:gd name="connsiteX39" fmla="*/ 1896452 w 4158640"/>
                <a:gd name="connsiteY39" fmla="*/ 1210023 h 1683923"/>
                <a:gd name="connsiteX40" fmla="*/ 1927408 w 4158640"/>
                <a:gd name="connsiteY40" fmla="*/ 1200499 h 1683923"/>
                <a:gd name="connsiteX41" fmla="*/ 1967890 w 4158640"/>
                <a:gd name="connsiteY41" fmla="*/ 1176685 h 1683923"/>
                <a:gd name="connsiteX42" fmla="*/ 2010753 w 4158640"/>
                <a:gd name="connsiteY42" fmla="*/ 1164779 h 1683923"/>
                <a:gd name="connsiteX43" fmla="*/ 2041709 w 4158640"/>
                <a:gd name="connsiteY43" fmla="*/ 1152873 h 1683923"/>
                <a:gd name="connsiteX44" fmla="*/ 2072665 w 4158640"/>
                <a:gd name="connsiteY44" fmla="*/ 1143348 h 1683923"/>
                <a:gd name="connsiteX45" fmla="*/ 2108384 w 4158640"/>
                <a:gd name="connsiteY45" fmla="*/ 1136204 h 1683923"/>
                <a:gd name="connsiteX46" fmla="*/ 2139340 w 4158640"/>
                <a:gd name="connsiteY46" fmla="*/ 1119536 h 1683923"/>
                <a:gd name="connsiteX47" fmla="*/ 2170296 w 4158640"/>
                <a:gd name="connsiteY47" fmla="*/ 1105248 h 1683923"/>
                <a:gd name="connsiteX48" fmla="*/ 2198871 w 4158640"/>
                <a:gd name="connsiteY48" fmla="*/ 1093342 h 1683923"/>
                <a:gd name="connsiteX49" fmla="*/ 2241734 w 4158640"/>
                <a:gd name="connsiteY49" fmla="*/ 1079054 h 1683923"/>
                <a:gd name="connsiteX50" fmla="*/ 2265546 w 4158640"/>
                <a:gd name="connsiteY50" fmla="*/ 1060004 h 1683923"/>
                <a:gd name="connsiteX51" fmla="*/ 2286978 w 4158640"/>
                <a:gd name="connsiteY51" fmla="*/ 1048098 h 1683923"/>
                <a:gd name="connsiteX52" fmla="*/ 2310790 w 4158640"/>
                <a:gd name="connsiteY52" fmla="*/ 1036192 h 1683923"/>
                <a:gd name="connsiteX53" fmla="*/ 2341746 w 4158640"/>
                <a:gd name="connsiteY53" fmla="*/ 1017142 h 1683923"/>
                <a:gd name="connsiteX54" fmla="*/ 2367940 w 4158640"/>
                <a:gd name="connsiteY54" fmla="*/ 1000474 h 1683923"/>
                <a:gd name="connsiteX55" fmla="*/ 2384609 w 4158640"/>
                <a:gd name="connsiteY55" fmla="*/ 988567 h 1683923"/>
                <a:gd name="connsiteX56" fmla="*/ 2417946 w 4158640"/>
                <a:gd name="connsiteY56" fmla="*/ 983805 h 1683923"/>
                <a:gd name="connsiteX57" fmla="*/ 2451284 w 4158640"/>
                <a:gd name="connsiteY57" fmla="*/ 971898 h 1683923"/>
                <a:gd name="connsiteX58" fmla="*/ 2477478 w 4158640"/>
                <a:gd name="connsiteY58" fmla="*/ 959992 h 1683923"/>
                <a:gd name="connsiteX59" fmla="*/ 2506053 w 4158640"/>
                <a:gd name="connsiteY59" fmla="*/ 955229 h 1683923"/>
                <a:gd name="connsiteX60" fmla="*/ 2527484 w 4158640"/>
                <a:gd name="connsiteY60" fmla="*/ 938561 h 1683923"/>
                <a:gd name="connsiteX61" fmla="*/ 2560821 w 4158640"/>
                <a:gd name="connsiteY61" fmla="*/ 921892 h 1683923"/>
                <a:gd name="connsiteX62" fmla="*/ 2587015 w 4158640"/>
                <a:gd name="connsiteY62" fmla="*/ 900461 h 1683923"/>
                <a:gd name="connsiteX63" fmla="*/ 2667977 w 4158640"/>
                <a:gd name="connsiteY63" fmla="*/ 864742 h 1683923"/>
                <a:gd name="connsiteX64" fmla="*/ 2698934 w 4158640"/>
                <a:gd name="connsiteY64" fmla="*/ 855217 h 1683923"/>
                <a:gd name="connsiteX65" fmla="*/ 2727508 w 4158640"/>
                <a:gd name="connsiteY65" fmla="*/ 848074 h 1683923"/>
                <a:gd name="connsiteX66" fmla="*/ 2758465 w 4158640"/>
                <a:gd name="connsiteY66" fmla="*/ 848073 h 1683923"/>
                <a:gd name="connsiteX67" fmla="*/ 2791803 w 4158640"/>
                <a:gd name="connsiteY67" fmla="*/ 831404 h 1683923"/>
                <a:gd name="connsiteX68" fmla="*/ 2827521 w 4158640"/>
                <a:gd name="connsiteY68" fmla="*/ 819498 h 1683923"/>
                <a:gd name="connsiteX69" fmla="*/ 2860859 w 4158640"/>
                <a:gd name="connsiteY69" fmla="*/ 809973 h 1683923"/>
                <a:gd name="connsiteX70" fmla="*/ 2887053 w 4158640"/>
                <a:gd name="connsiteY70" fmla="*/ 793304 h 1683923"/>
                <a:gd name="connsiteX71" fmla="*/ 2918009 w 4158640"/>
                <a:gd name="connsiteY71" fmla="*/ 779017 h 1683923"/>
                <a:gd name="connsiteX72" fmla="*/ 2939440 w 4158640"/>
                <a:gd name="connsiteY72" fmla="*/ 764729 h 1683923"/>
                <a:gd name="connsiteX73" fmla="*/ 2963253 w 4158640"/>
                <a:gd name="connsiteY73" fmla="*/ 748061 h 1683923"/>
                <a:gd name="connsiteX74" fmla="*/ 2989446 w 4158640"/>
                <a:gd name="connsiteY74" fmla="*/ 740917 h 1683923"/>
                <a:gd name="connsiteX75" fmla="*/ 3018021 w 4158640"/>
                <a:gd name="connsiteY75" fmla="*/ 721867 h 1683923"/>
                <a:gd name="connsiteX76" fmla="*/ 3046597 w 4158640"/>
                <a:gd name="connsiteY76" fmla="*/ 700436 h 1683923"/>
                <a:gd name="connsiteX77" fmla="*/ 3082316 w 4158640"/>
                <a:gd name="connsiteY77" fmla="*/ 688531 h 1683923"/>
                <a:gd name="connsiteX78" fmla="*/ 3106128 w 4158640"/>
                <a:gd name="connsiteY78" fmla="*/ 674243 h 1683923"/>
                <a:gd name="connsiteX79" fmla="*/ 3122796 w 4158640"/>
                <a:gd name="connsiteY79" fmla="*/ 659955 h 1683923"/>
                <a:gd name="connsiteX80" fmla="*/ 3144228 w 4158640"/>
                <a:gd name="connsiteY80" fmla="*/ 631380 h 1683923"/>
                <a:gd name="connsiteX81" fmla="*/ 3170421 w 4158640"/>
                <a:gd name="connsiteY81" fmla="*/ 607568 h 1683923"/>
                <a:gd name="connsiteX82" fmla="*/ 3191853 w 4158640"/>
                <a:gd name="connsiteY82" fmla="*/ 593280 h 1683923"/>
                <a:gd name="connsiteX83" fmla="*/ 3218046 w 4158640"/>
                <a:gd name="connsiteY83" fmla="*/ 578993 h 1683923"/>
                <a:gd name="connsiteX84" fmla="*/ 3244240 w 4158640"/>
                <a:gd name="connsiteY84" fmla="*/ 567088 h 1683923"/>
                <a:gd name="connsiteX85" fmla="*/ 4158640 w 4158640"/>
                <a:gd name="connsiteY85" fmla="*/ 33686 h 1683923"/>
                <a:gd name="connsiteX0" fmla="*/ 4158640 w 4158640"/>
                <a:gd name="connsiteY0" fmla="*/ 35403 h 1685640"/>
                <a:gd name="connsiteX1" fmla="*/ 4158640 w 4158640"/>
                <a:gd name="connsiteY1" fmla="*/ 1673703 h 1685640"/>
                <a:gd name="connsiteX2" fmla="*/ 301015 w 4158640"/>
                <a:gd name="connsiteY2" fmla="*/ 1673703 h 1685640"/>
                <a:gd name="connsiteX3" fmla="*/ 430396 w 4158640"/>
                <a:gd name="connsiteY3" fmla="*/ 1653065 h 1685640"/>
                <a:gd name="connsiteX4" fmla="*/ 384358 w 4158640"/>
                <a:gd name="connsiteY4" fmla="*/ 1666560 h 1685640"/>
                <a:gd name="connsiteX5" fmla="*/ 472465 w 4158640"/>
                <a:gd name="connsiteY5" fmla="*/ 1640365 h 1685640"/>
                <a:gd name="connsiteX6" fmla="*/ 527234 w 4158640"/>
                <a:gd name="connsiteY6" fmla="*/ 1630841 h 1685640"/>
                <a:gd name="connsiteX7" fmla="*/ 584384 w 4158640"/>
                <a:gd name="connsiteY7" fmla="*/ 1626078 h 1685640"/>
                <a:gd name="connsiteX8" fmla="*/ 636771 w 4158640"/>
                <a:gd name="connsiteY8" fmla="*/ 1614172 h 1685640"/>
                <a:gd name="connsiteX9" fmla="*/ 708209 w 4158640"/>
                <a:gd name="connsiteY9" fmla="*/ 1597504 h 1685640"/>
                <a:gd name="connsiteX10" fmla="*/ 765359 w 4158640"/>
                <a:gd name="connsiteY10" fmla="*/ 1583216 h 1685640"/>
                <a:gd name="connsiteX11" fmla="*/ 853466 w 4158640"/>
                <a:gd name="connsiteY11" fmla="*/ 1568928 h 1685640"/>
                <a:gd name="connsiteX12" fmla="*/ 951094 w 4158640"/>
                <a:gd name="connsiteY12" fmla="*/ 1559403 h 1685640"/>
                <a:gd name="connsiteX13" fmla="*/ 1010628 w 4158640"/>
                <a:gd name="connsiteY13" fmla="*/ 1549878 h 1685640"/>
                <a:gd name="connsiteX14" fmla="*/ 1060634 w 4158640"/>
                <a:gd name="connsiteY14" fmla="*/ 1547496 h 1685640"/>
                <a:gd name="connsiteX15" fmla="*/ 1115404 w 4158640"/>
                <a:gd name="connsiteY15" fmla="*/ 1526065 h 1685640"/>
                <a:gd name="connsiteX16" fmla="*/ 1163027 w 4158640"/>
                <a:gd name="connsiteY16" fmla="*/ 1509396 h 1685640"/>
                <a:gd name="connsiteX17" fmla="*/ 1213034 w 4158640"/>
                <a:gd name="connsiteY17" fmla="*/ 1502253 h 1685640"/>
                <a:gd name="connsiteX18" fmla="*/ 1253515 w 4158640"/>
                <a:gd name="connsiteY18" fmla="*/ 1495109 h 1685640"/>
                <a:gd name="connsiteX19" fmla="*/ 1293996 w 4158640"/>
                <a:gd name="connsiteY19" fmla="*/ 1485584 h 1685640"/>
                <a:gd name="connsiteX20" fmla="*/ 1336860 w 4158640"/>
                <a:gd name="connsiteY20" fmla="*/ 1457009 h 1685640"/>
                <a:gd name="connsiteX21" fmla="*/ 1358290 w 4158640"/>
                <a:gd name="connsiteY21" fmla="*/ 1435577 h 1685640"/>
                <a:gd name="connsiteX22" fmla="*/ 1384484 w 4158640"/>
                <a:gd name="connsiteY22" fmla="*/ 1423672 h 1685640"/>
                <a:gd name="connsiteX23" fmla="*/ 1427347 w 4158640"/>
                <a:gd name="connsiteY23" fmla="*/ 1404622 h 1685640"/>
                <a:gd name="connsiteX24" fmla="*/ 1455922 w 4158640"/>
                <a:gd name="connsiteY24" fmla="*/ 1392715 h 1685640"/>
                <a:gd name="connsiteX25" fmla="*/ 1491640 w 4158640"/>
                <a:gd name="connsiteY25" fmla="*/ 1373666 h 1685640"/>
                <a:gd name="connsiteX26" fmla="*/ 1534503 w 4158640"/>
                <a:gd name="connsiteY26" fmla="*/ 1356996 h 1685640"/>
                <a:gd name="connsiteX27" fmla="*/ 1563078 w 4158640"/>
                <a:gd name="connsiteY27" fmla="*/ 1347472 h 1685640"/>
                <a:gd name="connsiteX28" fmla="*/ 1589271 w 4158640"/>
                <a:gd name="connsiteY28" fmla="*/ 1340327 h 1685640"/>
                <a:gd name="connsiteX29" fmla="*/ 1620228 w 4158640"/>
                <a:gd name="connsiteY29" fmla="*/ 1335565 h 1685640"/>
                <a:gd name="connsiteX30" fmla="*/ 1648802 w 4158640"/>
                <a:gd name="connsiteY30" fmla="*/ 1328421 h 1685640"/>
                <a:gd name="connsiteX31" fmla="*/ 1682140 w 4158640"/>
                <a:gd name="connsiteY31" fmla="*/ 1323659 h 1685640"/>
                <a:gd name="connsiteX32" fmla="*/ 1710716 w 4158640"/>
                <a:gd name="connsiteY32" fmla="*/ 1306991 h 1685640"/>
                <a:gd name="connsiteX33" fmla="*/ 1732146 w 4158640"/>
                <a:gd name="connsiteY33" fmla="*/ 1290322 h 1685640"/>
                <a:gd name="connsiteX34" fmla="*/ 1767866 w 4158640"/>
                <a:gd name="connsiteY34" fmla="*/ 1271271 h 1685640"/>
                <a:gd name="connsiteX35" fmla="*/ 1796440 w 4158640"/>
                <a:gd name="connsiteY35" fmla="*/ 1256984 h 1685640"/>
                <a:gd name="connsiteX36" fmla="*/ 1825015 w 4158640"/>
                <a:gd name="connsiteY36" fmla="*/ 1245077 h 1685640"/>
                <a:gd name="connsiteX37" fmla="*/ 1851209 w 4158640"/>
                <a:gd name="connsiteY37" fmla="*/ 1230790 h 1685640"/>
                <a:gd name="connsiteX38" fmla="*/ 1875022 w 4158640"/>
                <a:gd name="connsiteY38" fmla="*/ 1223647 h 1685640"/>
                <a:gd name="connsiteX39" fmla="*/ 1896452 w 4158640"/>
                <a:gd name="connsiteY39" fmla="*/ 1211740 h 1685640"/>
                <a:gd name="connsiteX40" fmla="*/ 1927408 w 4158640"/>
                <a:gd name="connsiteY40" fmla="*/ 1202216 h 1685640"/>
                <a:gd name="connsiteX41" fmla="*/ 1967890 w 4158640"/>
                <a:gd name="connsiteY41" fmla="*/ 1178402 h 1685640"/>
                <a:gd name="connsiteX42" fmla="*/ 2010753 w 4158640"/>
                <a:gd name="connsiteY42" fmla="*/ 1166496 h 1685640"/>
                <a:gd name="connsiteX43" fmla="*/ 2041709 w 4158640"/>
                <a:gd name="connsiteY43" fmla="*/ 1154590 h 1685640"/>
                <a:gd name="connsiteX44" fmla="*/ 2072665 w 4158640"/>
                <a:gd name="connsiteY44" fmla="*/ 1145065 h 1685640"/>
                <a:gd name="connsiteX45" fmla="*/ 2108384 w 4158640"/>
                <a:gd name="connsiteY45" fmla="*/ 1137921 h 1685640"/>
                <a:gd name="connsiteX46" fmla="*/ 2139340 w 4158640"/>
                <a:gd name="connsiteY46" fmla="*/ 1121253 h 1685640"/>
                <a:gd name="connsiteX47" fmla="*/ 2170296 w 4158640"/>
                <a:gd name="connsiteY47" fmla="*/ 1106965 h 1685640"/>
                <a:gd name="connsiteX48" fmla="*/ 2198871 w 4158640"/>
                <a:gd name="connsiteY48" fmla="*/ 1095059 h 1685640"/>
                <a:gd name="connsiteX49" fmla="*/ 2241734 w 4158640"/>
                <a:gd name="connsiteY49" fmla="*/ 1080771 h 1685640"/>
                <a:gd name="connsiteX50" fmla="*/ 2265546 w 4158640"/>
                <a:gd name="connsiteY50" fmla="*/ 1061721 h 1685640"/>
                <a:gd name="connsiteX51" fmla="*/ 2286978 w 4158640"/>
                <a:gd name="connsiteY51" fmla="*/ 1049815 h 1685640"/>
                <a:gd name="connsiteX52" fmla="*/ 2310790 w 4158640"/>
                <a:gd name="connsiteY52" fmla="*/ 1037909 h 1685640"/>
                <a:gd name="connsiteX53" fmla="*/ 2341746 w 4158640"/>
                <a:gd name="connsiteY53" fmla="*/ 1018859 h 1685640"/>
                <a:gd name="connsiteX54" fmla="*/ 2367940 w 4158640"/>
                <a:gd name="connsiteY54" fmla="*/ 1002191 h 1685640"/>
                <a:gd name="connsiteX55" fmla="*/ 2384609 w 4158640"/>
                <a:gd name="connsiteY55" fmla="*/ 990284 h 1685640"/>
                <a:gd name="connsiteX56" fmla="*/ 2417946 w 4158640"/>
                <a:gd name="connsiteY56" fmla="*/ 985522 h 1685640"/>
                <a:gd name="connsiteX57" fmla="*/ 2451284 w 4158640"/>
                <a:gd name="connsiteY57" fmla="*/ 973615 h 1685640"/>
                <a:gd name="connsiteX58" fmla="*/ 2477478 w 4158640"/>
                <a:gd name="connsiteY58" fmla="*/ 961709 h 1685640"/>
                <a:gd name="connsiteX59" fmla="*/ 2506053 w 4158640"/>
                <a:gd name="connsiteY59" fmla="*/ 956946 h 1685640"/>
                <a:gd name="connsiteX60" fmla="*/ 2527484 w 4158640"/>
                <a:gd name="connsiteY60" fmla="*/ 940278 h 1685640"/>
                <a:gd name="connsiteX61" fmla="*/ 2560821 w 4158640"/>
                <a:gd name="connsiteY61" fmla="*/ 923609 h 1685640"/>
                <a:gd name="connsiteX62" fmla="*/ 2587015 w 4158640"/>
                <a:gd name="connsiteY62" fmla="*/ 902178 h 1685640"/>
                <a:gd name="connsiteX63" fmla="*/ 2667977 w 4158640"/>
                <a:gd name="connsiteY63" fmla="*/ 866459 h 1685640"/>
                <a:gd name="connsiteX64" fmla="*/ 2698934 w 4158640"/>
                <a:gd name="connsiteY64" fmla="*/ 856934 h 1685640"/>
                <a:gd name="connsiteX65" fmla="*/ 2727508 w 4158640"/>
                <a:gd name="connsiteY65" fmla="*/ 849791 h 1685640"/>
                <a:gd name="connsiteX66" fmla="*/ 2758465 w 4158640"/>
                <a:gd name="connsiteY66" fmla="*/ 849790 h 1685640"/>
                <a:gd name="connsiteX67" fmla="*/ 2791803 w 4158640"/>
                <a:gd name="connsiteY67" fmla="*/ 833121 h 1685640"/>
                <a:gd name="connsiteX68" fmla="*/ 2827521 w 4158640"/>
                <a:gd name="connsiteY68" fmla="*/ 821215 h 1685640"/>
                <a:gd name="connsiteX69" fmla="*/ 2860859 w 4158640"/>
                <a:gd name="connsiteY69" fmla="*/ 811690 h 1685640"/>
                <a:gd name="connsiteX70" fmla="*/ 2887053 w 4158640"/>
                <a:gd name="connsiteY70" fmla="*/ 795021 h 1685640"/>
                <a:gd name="connsiteX71" fmla="*/ 2918009 w 4158640"/>
                <a:gd name="connsiteY71" fmla="*/ 780734 h 1685640"/>
                <a:gd name="connsiteX72" fmla="*/ 2939440 w 4158640"/>
                <a:gd name="connsiteY72" fmla="*/ 766446 h 1685640"/>
                <a:gd name="connsiteX73" fmla="*/ 2963253 w 4158640"/>
                <a:gd name="connsiteY73" fmla="*/ 749778 h 1685640"/>
                <a:gd name="connsiteX74" fmla="*/ 2989446 w 4158640"/>
                <a:gd name="connsiteY74" fmla="*/ 742634 h 1685640"/>
                <a:gd name="connsiteX75" fmla="*/ 3018021 w 4158640"/>
                <a:gd name="connsiteY75" fmla="*/ 723584 h 1685640"/>
                <a:gd name="connsiteX76" fmla="*/ 3046597 w 4158640"/>
                <a:gd name="connsiteY76" fmla="*/ 702153 h 1685640"/>
                <a:gd name="connsiteX77" fmla="*/ 3082316 w 4158640"/>
                <a:gd name="connsiteY77" fmla="*/ 690248 h 1685640"/>
                <a:gd name="connsiteX78" fmla="*/ 3106128 w 4158640"/>
                <a:gd name="connsiteY78" fmla="*/ 675960 h 1685640"/>
                <a:gd name="connsiteX79" fmla="*/ 3122796 w 4158640"/>
                <a:gd name="connsiteY79" fmla="*/ 661672 h 1685640"/>
                <a:gd name="connsiteX80" fmla="*/ 3144228 w 4158640"/>
                <a:gd name="connsiteY80" fmla="*/ 633097 h 1685640"/>
                <a:gd name="connsiteX81" fmla="*/ 3170421 w 4158640"/>
                <a:gd name="connsiteY81" fmla="*/ 609285 h 1685640"/>
                <a:gd name="connsiteX82" fmla="*/ 3191853 w 4158640"/>
                <a:gd name="connsiteY82" fmla="*/ 594997 h 1685640"/>
                <a:gd name="connsiteX83" fmla="*/ 3218046 w 4158640"/>
                <a:gd name="connsiteY83" fmla="*/ 580710 h 1685640"/>
                <a:gd name="connsiteX84" fmla="*/ 3244240 w 4158640"/>
                <a:gd name="connsiteY84" fmla="*/ 568805 h 1685640"/>
                <a:gd name="connsiteX85" fmla="*/ 3275196 w 4158640"/>
                <a:gd name="connsiteY85" fmla="*/ 549755 h 1685640"/>
                <a:gd name="connsiteX86" fmla="*/ 4158640 w 4158640"/>
                <a:gd name="connsiteY86" fmla="*/ 35403 h 1685640"/>
                <a:gd name="connsiteX0" fmla="*/ 4158640 w 4158640"/>
                <a:gd name="connsiteY0" fmla="*/ 36424 h 1686661"/>
                <a:gd name="connsiteX1" fmla="*/ 4158640 w 4158640"/>
                <a:gd name="connsiteY1" fmla="*/ 1674724 h 1686661"/>
                <a:gd name="connsiteX2" fmla="*/ 301015 w 4158640"/>
                <a:gd name="connsiteY2" fmla="*/ 1674724 h 1686661"/>
                <a:gd name="connsiteX3" fmla="*/ 430396 w 4158640"/>
                <a:gd name="connsiteY3" fmla="*/ 1654086 h 1686661"/>
                <a:gd name="connsiteX4" fmla="*/ 384358 w 4158640"/>
                <a:gd name="connsiteY4" fmla="*/ 1667581 h 1686661"/>
                <a:gd name="connsiteX5" fmla="*/ 472465 w 4158640"/>
                <a:gd name="connsiteY5" fmla="*/ 1641386 h 1686661"/>
                <a:gd name="connsiteX6" fmla="*/ 527234 w 4158640"/>
                <a:gd name="connsiteY6" fmla="*/ 1631862 h 1686661"/>
                <a:gd name="connsiteX7" fmla="*/ 584384 w 4158640"/>
                <a:gd name="connsiteY7" fmla="*/ 1627099 h 1686661"/>
                <a:gd name="connsiteX8" fmla="*/ 636771 w 4158640"/>
                <a:gd name="connsiteY8" fmla="*/ 1615193 h 1686661"/>
                <a:gd name="connsiteX9" fmla="*/ 708209 w 4158640"/>
                <a:gd name="connsiteY9" fmla="*/ 1598525 h 1686661"/>
                <a:gd name="connsiteX10" fmla="*/ 765359 w 4158640"/>
                <a:gd name="connsiteY10" fmla="*/ 1584237 h 1686661"/>
                <a:gd name="connsiteX11" fmla="*/ 853466 w 4158640"/>
                <a:gd name="connsiteY11" fmla="*/ 1569949 h 1686661"/>
                <a:gd name="connsiteX12" fmla="*/ 951094 w 4158640"/>
                <a:gd name="connsiteY12" fmla="*/ 1560424 h 1686661"/>
                <a:gd name="connsiteX13" fmla="*/ 1010628 w 4158640"/>
                <a:gd name="connsiteY13" fmla="*/ 1550899 h 1686661"/>
                <a:gd name="connsiteX14" fmla="*/ 1060634 w 4158640"/>
                <a:gd name="connsiteY14" fmla="*/ 1548517 h 1686661"/>
                <a:gd name="connsiteX15" fmla="*/ 1115404 w 4158640"/>
                <a:gd name="connsiteY15" fmla="*/ 1527086 h 1686661"/>
                <a:gd name="connsiteX16" fmla="*/ 1163027 w 4158640"/>
                <a:gd name="connsiteY16" fmla="*/ 1510417 h 1686661"/>
                <a:gd name="connsiteX17" fmla="*/ 1213034 w 4158640"/>
                <a:gd name="connsiteY17" fmla="*/ 1503274 h 1686661"/>
                <a:gd name="connsiteX18" fmla="*/ 1253515 w 4158640"/>
                <a:gd name="connsiteY18" fmla="*/ 1496130 h 1686661"/>
                <a:gd name="connsiteX19" fmla="*/ 1293996 w 4158640"/>
                <a:gd name="connsiteY19" fmla="*/ 1486605 h 1686661"/>
                <a:gd name="connsiteX20" fmla="*/ 1336860 w 4158640"/>
                <a:gd name="connsiteY20" fmla="*/ 1458030 h 1686661"/>
                <a:gd name="connsiteX21" fmla="*/ 1358290 w 4158640"/>
                <a:gd name="connsiteY21" fmla="*/ 1436598 h 1686661"/>
                <a:gd name="connsiteX22" fmla="*/ 1384484 w 4158640"/>
                <a:gd name="connsiteY22" fmla="*/ 1424693 h 1686661"/>
                <a:gd name="connsiteX23" fmla="*/ 1427347 w 4158640"/>
                <a:gd name="connsiteY23" fmla="*/ 1405643 h 1686661"/>
                <a:gd name="connsiteX24" fmla="*/ 1455922 w 4158640"/>
                <a:gd name="connsiteY24" fmla="*/ 1393736 h 1686661"/>
                <a:gd name="connsiteX25" fmla="*/ 1491640 w 4158640"/>
                <a:gd name="connsiteY25" fmla="*/ 1374687 h 1686661"/>
                <a:gd name="connsiteX26" fmla="*/ 1534503 w 4158640"/>
                <a:gd name="connsiteY26" fmla="*/ 1358017 h 1686661"/>
                <a:gd name="connsiteX27" fmla="*/ 1563078 w 4158640"/>
                <a:gd name="connsiteY27" fmla="*/ 1348493 h 1686661"/>
                <a:gd name="connsiteX28" fmla="*/ 1589271 w 4158640"/>
                <a:gd name="connsiteY28" fmla="*/ 1341348 h 1686661"/>
                <a:gd name="connsiteX29" fmla="*/ 1620228 w 4158640"/>
                <a:gd name="connsiteY29" fmla="*/ 1336586 h 1686661"/>
                <a:gd name="connsiteX30" fmla="*/ 1648802 w 4158640"/>
                <a:gd name="connsiteY30" fmla="*/ 1329442 h 1686661"/>
                <a:gd name="connsiteX31" fmla="*/ 1682140 w 4158640"/>
                <a:gd name="connsiteY31" fmla="*/ 1324680 h 1686661"/>
                <a:gd name="connsiteX32" fmla="*/ 1710716 w 4158640"/>
                <a:gd name="connsiteY32" fmla="*/ 1308012 h 1686661"/>
                <a:gd name="connsiteX33" fmla="*/ 1732146 w 4158640"/>
                <a:gd name="connsiteY33" fmla="*/ 1291343 h 1686661"/>
                <a:gd name="connsiteX34" fmla="*/ 1767866 w 4158640"/>
                <a:gd name="connsiteY34" fmla="*/ 1272292 h 1686661"/>
                <a:gd name="connsiteX35" fmla="*/ 1796440 w 4158640"/>
                <a:gd name="connsiteY35" fmla="*/ 1258005 h 1686661"/>
                <a:gd name="connsiteX36" fmla="*/ 1825015 w 4158640"/>
                <a:gd name="connsiteY36" fmla="*/ 1246098 h 1686661"/>
                <a:gd name="connsiteX37" fmla="*/ 1851209 w 4158640"/>
                <a:gd name="connsiteY37" fmla="*/ 1231811 h 1686661"/>
                <a:gd name="connsiteX38" fmla="*/ 1875022 w 4158640"/>
                <a:gd name="connsiteY38" fmla="*/ 1224668 h 1686661"/>
                <a:gd name="connsiteX39" fmla="*/ 1896452 w 4158640"/>
                <a:gd name="connsiteY39" fmla="*/ 1212761 h 1686661"/>
                <a:gd name="connsiteX40" fmla="*/ 1927408 w 4158640"/>
                <a:gd name="connsiteY40" fmla="*/ 1203237 h 1686661"/>
                <a:gd name="connsiteX41" fmla="*/ 1967890 w 4158640"/>
                <a:gd name="connsiteY41" fmla="*/ 1179423 h 1686661"/>
                <a:gd name="connsiteX42" fmla="*/ 2010753 w 4158640"/>
                <a:gd name="connsiteY42" fmla="*/ 1167517 h 1686661"/>
                <a:gd name="connsiteX43" fmla="*/ 2041709 w 4158640"/>
                <a:gd name="connsiteY43" fmla="*/ 1155611 h 1686661"/>
                <a:gd name="connsiteX44" fmla="*/ 2072665 w 4158640"/>
                <a:gd name="connsiteY44" fmla="*/ 1146086 h 1686661"/>
                <a:gd name="connsiteX45" fmla="*/ 2108384 w 4158640"/>
                <a:gd name="connsiteY45" fmla="*/ 1138942 h 1686661"/>
                <a:gd name="connsiteX46" fmla="*/ 2139340 w 4158640"/>
                <a:gd name="connsiteY46" fmla="*/ 1122274 h 1686661"/>
                <a:gd name="connsiteX47" fmla="*/ 2170296 w 4158640"/>
                <a:gd name="connsiteY47" fmla="*/ 1107986 h 1686661"/>
                <a:gd name="connsiteX48" fmla="*/ 2198871 w 4158640"/>
                <a:gd name="connsiteY48" fmla="*/ 1096080 h 1686661"/>
                <a:gd name="connsiteX49" fmla="*/ 2241734 w 4158640"/>
                <a:gd name="connsiteY49" fmla="*/ 1081792 h 1686661"/>
                <a:gd name="connsiteX50" fmla="*/ 2265546 w 4158640"/>
                <a:gd name="connsiteY50" fmla="*/ 1062742 h 1686661"/>
                <a:gd name="connsiteX51" fmla="*/ 2286978 w 4158640"/>
                <a:gd name="connsiteY51" fmla="*/ 1050836 h 1686661"/>
                <a:gd name="connsiteX52" fmla="*/ 2310790 w 4158640"/>
                <a:gd name="connsiteY52" fmla="*/ 1038930 h 1686661"/>
                <a:gd name="connsiteX53" fmla="*/ 2341746 w 4158640"/>
                <a:gd name="connsiteY53" fmla="*/ 1019880 h 1686661"/>
                <a:gd name="connsiteX54" fmla="*/ 2367940 w 4158640"/>
                <a:gd name="connsiteY54" fmla="*/ 1003212 h 1686661"/>
                <a:gd name="connsiteX55" fmla="*/ 2384609 w 4158640"/>
                <a:gd name="connsiteY55" fmla="*/ 991305 h 1686661"/>
                <a:gd name="connsiteX56" fmla="*/ 2417946 w 4158640"/>
                <a:gd name="connsiteY56" fmla="*/ 986543 h 1686661"/>
                <a:gd name="connsiteX57" fmla="*/ 2451284 w 4158640"/>
                <a:gd name="connsiteY57" fmla="*/ 974636 h 1686661"/>
                <a:gd name="connsiteX58" fmla="*/ 2477478 w 4158640"/>
                <a:gd name="connsiteY58" fmla="*/ 962730 h 1686661"/>
                <a:gd name="connsiteX59" fmla="*/ 2506053 w 4158640"/>
                <a:gd name="connsiteY59" fmla="*/ 957967 h 1686661"/>
                <a:gd name="connsiteX60" fmla="*/ 2527484 w 4158640"/>
                <a:gd name="connsiteY60" fmla="*/ 941299 h 1686661"/>
                <a:gd name="connsiteX61" fmla="*/ 2560821 w 4158640"/>
                <a:gd name="connsiteY61" fmla="*/ 924630 h 1686661"/>
                <a:gd name="connsiteX62" fmla="*/ 2587015 w 4158640"/>
                <a:gd name="connsiteY62" fmla="*/ 903199 h 1686661"/>
                <a:gd name="connsiteX63" fmla="*/ 2667977 w 4158640"/>
                <a:gd name="connsiteY63" fmla="*/ 867480 h 1686661"/>
                <a:gd name="connsiteX64" fmla="*/ 2698934 w 4158640"/>
                <a:gd name="connsiteY64" fmla="*/ 857955 h 1686661"/>
                <a:gd name="connsiteX65" fmla="*/ 2727508 w 4158640"/>
                <a:gd name="connsiteY65" fmla="*/ 850812 h 1686661"/>
                <a:gd name="connsiteX66" fmla="*/ 2758465 w 4158640"/>
                <a:gd name="connsiteY66" fmla="*/ 850811 h 1686661"/>
                <a:gd name="connsiteX67" fmla="*/ 2791803 w 4158640"/>
                <a:gd name="connsiteY67" fmla="*/ 834142 h 1686661"/>
                <a:gd name="connsiteX68" fmla="*/ 2827521 w 4158640"/>
                <a:gd name="connsiteY68" fmla="*/ 822236 h 1686661"/>
                <a:gd name="connsiteX69" fmla="*/ 2860859 w 4158640"/>
                <a:gd name="connsiteY69" fmla="*/ 812711 h 1686661"/>
                <a:gd name="connsiteX70" fmla="*/ 2887053 w 4158640"/>
                <a:gd name="connsiteY70" fmla="*/ 796042 h 1686661"/>
                <a:gd name="connsiteX71" fmla="*/ 2918009 w 4158640"/>
                <a:gd name="connsiteY71" fmla="*/ 781755 h 1686661"/>
                <a:gd name="connsiteX72" fmla="*/ 2939440 w 4158640"/>
                <a:gd name="connsiteY72" fmla="*/ 767467 h 1686661"/>
                <a:gd name="connsiteX73" fmla="*/ 2963253 w 4158640"/>
                <a:gd name="connsiteY73" fmla="*/ 750799 h 1686661"/>
                <a:gd name="connsiteX74" fmla="*/ 2989446 w 4158640"/>
                <a:gd name="connsiteY74" fmla="*/ 743655 h 1686661"/>
                <a:gd name="connsiteX75" fmla="*/ 3018021 w 4158640"/>
                <a:gd name="connsiteY75" fmla="*/ 724605 h 1686661"/>
                <a:gd name="connsiteX76" fmla="*/ 3046597 w 4158640"/>
                <a:gd name="connsiteY76" fmla="*/ 703174 h 1686661"/>
                <a:gd name="connsiteX77" fmla="*/ 3082316 w 4158640"/>
                <a:gd name="connsiteY77" fmla="*/ 691269 h 1686661"/>
                <a:gd name="connsiteX78" fmla="*/ 3106128 w 4158640"/>
                <a:gd name="connsiteY78" fmla="*/ 676981 h 1686661"/>
                <a:gd name="connsiteX79" fmla="*/ 3122796 w 4158640"/>
                <a:gd name="connsiteY79" fmla="*/ 662693 h 1686661"/>
                <a:gd name="connsiteX80" fmla="*/ 3144228 w 4158640"/>
                <a:gd name="connsiteY80" fmla="*/ 634118 h 1686661"/>
                <a:gd name="connsiteX81" fmla="*/ 3170421 w 4158640"/>
                <a:gd name="connsiteY81" fmla="*/ 610306 h 1686661"/>
                <a:gd name="connsiteX82" fmla="*/ 3191853 w 4158640"/>
                <a:gd name="connsiteY82" fmla="*/ 596018 h 1686661"/>
                <a:gd name="connsiteX83" fmla="*/ 3218046 w 4158640"/>
                <a:gd name="connsiteY83" fmla="*/ 581731 h 1686661"/>
                <a:gd name="connsiteX84" fmla="*/ 3244240 w 4158640"/>
                <a:gd name="connsiteY84" fmla="*/ 569826 h 1686661"/>
                <a:gd name="connsiteX85" fmla="*/ 3275196 w 4158640"/>
                <a:gd name="connsiteY85" fmla="*/ 550776 h 1686661"/>
                <a:gd name="connsiteX86" fmla="*/ 3299009 w 4158640"/>
                <a:gd name="connsiteY86" fmla="*/ 538869 h 1686661"/>
                <a:gd name="connsiteX87" fmla="*/ 4158640 w 4158640"/>
                <a:gd name="connsiteY87" fmla="*/ 36424 h 1686661"/>
                <a:gd name="connsiteX0" fmla="*/ 4158640 w 4158640"/>
                <a:gd name="connsiteY0" fmla="*/ 38259 h 1688496"/>
                <a:gd name="connsiteX1" fmla="*/ 4158640 w 4158640"/>
                <a:gd name="connsiteY1" fmla="*/ 1676559 h 1688496"/>
                <a:gd name="connsiteX2" fmla="*/ 301015 w 4158640"/>
                <a:gd name="connsiteY2" fmla="*/ 1676559 h 1688496"/>
                <a:gd name="connsiteX3" fmla="*/ 430396 w 4158640"/>
                <a:gd name="connsiteY3" fmla="*/ 1655921 h 1688496"/>
                <a:gd name="connsiteX4" fmla="*/ 384358 w 4158640"/>
                <a:gd name="connsiteY4" fmla="*/ 1669416 h 1688496"/>
                <a:gd name="connsiteX5" fmla="*/ 472465 w 4158640"/>
                <a:gd name="connsiteY5" fmla="*/ 1643221 h 1688496"/>
                <a:gd name="connsiteX6" fmla="*/ 527234 w 4158640"/>
                <a:gd name="connsiteY6" fmla="*/ 1633697 h 1688496"/>
                <a:gd name="connsiteX7" fmla="*/ 584384 w 4158640"/>
                <a:gd name="connsiteY7" fmla="*/ 1628934 h 1688496"/>
                <a:gd name="connsiteX8" fmla="*/ 636771 w 4158640"/>
                <a:gd name="connsiteY8" fmla="*/ 1617028 h 1688496"/>
                <a:gd name="connsiteX9" fmla="*/ 708209 w 4158640"/>
                <a:gd name="connsiteY9" fmla="*/ 1600360 h 1688496"/>
                <a:gd name="connsiteX10" fmla="*/ 765359 w 4158640"/>
                <a:gd name="connsiteY10" fmla="*/ 1586072 h 1688496"/>
                <a:gd name="connsiteX11" fmla="*/ 853466 w 4158640"/>
                <a:gd name="connsiteY11" fmla="*/ 1571784 h 1688496"/>
                <a:gd name="connsiteX12" fmla="*/ 951094 w 4158640"/>
                <a:gd name="connsiteY12" fmla="*/ 1562259 h 1688496"/>
                <a:gd name="connsiteX13" fmla="*/ 1010628 w 4158640"/>
                <a:gd name="connsiteY13" fmla="*/ 1552734 h 1688496"/>
                <a:gd name="connsiteX14" fmla="*/ 1060634 w 4158640"/>
                <a:gd name="connsiteY14" fmla="*/ 1550352 h 1688496"/>
                <a:gd name="connsiteX15" fmla="*/ 1115404 w 4158640"/>
                <a:gd name="connsiteY15" fmla="*/ 1528921 h 1688496"/>
                <a:gd name="connsiteX16" fmla="*/ 1163027 w 4158640"/>
                <a:gd name="connsiteY16" fmla="*/ 1512252 h 1688496"/>
                <a:gd name="connsiteX17" fmla="*/ 1213034 w 4158640"/>
                <a:gd name="connsiteY17" fmla="*/ 1505109 h 1688496"/>
                <a:gd name="connsiteX18" fmla="*/ 1253515 w 4158640"/>
                <a:gd name="connsiteY18" fmla="*/ 1497965 h 1688496"/>
                <a:gd name="connsiteX19" fmla="*/ 1293996 w 4158640"/>
                <a:gd name="connsiteY19" fmla="*/ 1488440 h 1688496"/>
                <a:gd name="connsiteX20" fmla="*/ 1336860 w 4158640"/>
                <a:gd name="connsiteY20" fmla="*/ 1459865 h 1688496"/>
                <a:gd name="connsiteX21" fmla="*/ 1358290 w 4158640"/>
                <a:gd name="connsiteY21" fmla="*/ 1438433 h 1688496"/>
                <a:gd name="connsiteX22" fmla="*/ 1384484 w 4158640"/>
                <a:gd name="connsiteY22" fmla="*/ 1426528 h 1688496"/>
                <a:gd name="connsiteX23" fmla="*/ 1427347 w 4158640"/>
                <a:gd name="connsiteY23" fmla="*/ 1407478 h 1688496"/>
                <a:gd name="connsiteX24" fmla="*/ 1455922 w 4158640"/>
                <a:gd name="connsiteY24" fmla="*/ 1395571 h 1688496"/>
                <a:gd name="connsiteX25" fmla="*/ 1491640 w 4158640"/>
                <a:gd name="connsiteY25" fmla="*/ 1376522 h 1688496"/>
                <a:gd name="connsiteX26" fmla="*/ 1534503 w 4158640"/>
                <a:gd name="connsiteY26" fmla="*/ 1359852 h 1688496"/>
                <a:gd name="connsiteX27" fmla="*/ 1563078 w 4158640"/>
                <a:gd name="connsiteY27" fmla="*/ 1350328 h 1688496"/>
                <a:gd name="connsiteX28" fmla="*/ 1589271 w 4158640"/>
                <a:gd name="connsiteY28" fmla="*/ 1343183 h 1688496"/>
                <a:gd name="connsiteX29" fmla="*/ 1620228 w 4158640"/>
                <a:gd name="connsiteY29" fmla="*/ 1338421 h 1688496"/>
                <a:gd name="connsiteX30" fmla="*/ 1648802 w 4158640"/>
                <a:gd name="connsiteY30" fmla="*/ 1331277 h 1688496"/>
                <a:gd name="connsiteX31" fmla="*/ 1682140 w 4158640"/>
                <a:gd name="connsiteY31" fmla="*/ 1326515 h 1688496"/>
                <a:gd name="connsiteX32" fmla="*/ 1710716 w 4158640"/>
                <a:gd name="connsiteY32" fmla="*/ 1309847 h 1688496"/>
                <a:gd name="connsiteX33" fmla="*/ 1732146 w 4158640"/>
                <a:gd name="connsiteY33" fmla="*/ 1293178 h 1688496"/>
                <a:gd name="connsiteX34" fmla="*/ 1767866 w 4158640"/>
                <a:gd name="connsiteY34" fmla="*/ 1274127 h 1688496"/>
                <a:gd name="connsiteX35" fmla="*/ 1796440 w 4158640"/>
                <a:gd name="connsiteY35" fmla="*/ 1259840 h 1688496"/>
                <a:gd name="connsiteX36" fmla="*/ 1825015 w 4158640"/>
                <a:gd name="connsiteY36" fmla="*/ 1247933 h 1688496"/>
                <a:gd name="connsiteX37" fmla="*/ 1851209 w 4158640"/>
                <a:gd name="connsiteY37" fmla="*/ 1233646 h 1688496"/>
                <a:gd name="connsiteX38" fmla="*/ 1875022 w 4158640"/>
                <a:gd name="connsiteY38" fmla="*/ 1226503 h 1688496"/>
                <a:gd name="connsiteX39" fmla="*/ 1896452 w 4158640"/>
                <a:gd name="connsiteY39" fmla="*/ 1214596 h 1688496"/>
                <a:gd name="connsiteX40" fmla="*/ 1927408 w 4158640"/>
                <a:gd name="connsiteY40" fmla="*/ 1205072 h 1688496"/>
                <a:gd name="connsiteX41" fmla="*/ 1967890 w 4158640"/>
                <a:gd name="connsiteY41" fmla="*/ 1181258 h 1688496"/>
                <a:gd name="connsiteX42" fmla="*/ 2010753 w 4158640"/>
                <a:gd name="connsiteY42" fmla="*/ 1169352 h 1688496"/>
                <a:gd name="connsiteX43" fmla="*/ 2041709 w 4158640"/>
                <a:gd name="connsiteY43" fmla="*/ 1157446 h 1688496"/>
                <a:gd name="connsiteX44" fmla="*/ 2072665 w 4158640"/>
                <a:gd name="connsiteY44" fmla="*/ 1147921 h 1688496"/>
                <a:gd name="connsiteX45" fmla="*/ 2108384 w 4158640"/>
                <a:gd name="connsiteY45" fmla="*/ 1140777 h 1688496"/>
                <a:gd name="connsiteX46" fmla="*/ 2139340 w 4158640"/>
                <a:gd name="connsiteY46" fmla="*/ 1124109 h 1688496"/>
                <a:gd name="connsiteX47" fmla="*/ 2170296 w 4158640"/>
                <a:gd name="connsiteY47" fmla="*/ 1109821 h 1688496"/>
                <a:gd name="connsiteX48" fmla="*/ 2198871 w 4158640"/>
                <a:gd name="connsiteY48" fmla="*/ 1097915 h 1688496"/>
                <a:gd name="connsiteX49" fmla="*/ 2241734 w 4158640"/>
                <a:gd name="connsiteY49" fmla="*/ 1083627 h 1688496"/>
                <a:gd name="connsiteX50" fmla="*/ 2265546 w 4158640"/>
                <a:gd name="connsiteY50" fmla="*/ 1064577 h 1688496"/>
                <a:gd name="connsiteX51" fmla="*/ 2286978 w 4158640"/>
                <a:gd name="connsiteY51" fmla="*/ 1052671 h 1688496"/>
                <a:gd name="connsiteX52" fmla="*/ 2310790 w 4158640"/>
                <a:gd name="connsiteY52" fmla="*/ 1040765 h 1688496"/>
                <a:gd name="connsiteX53" fmla="*/ 2341746 w 4158640"/>
                <a:gd name="connsiteY53" fmla="*/ 1021715 h 1688496"/>
                <a:gd name="connsiteX54" fmla="*/ 2367940 w 4158640"/>
                <a:gd name="connsiteY54" fmla="*/ 1005047 h 1688496"/>
                <a:gd name="connsiteX55" fmla="*/ 2384609 w 4158640"/>
                <a:gd name="connsiteY55" fmla="*/ 993140 h 1688496"/>
                <a:gd name="connsiteX56" fmla="*/ 2417946 w 4158640"/>
                <a:gd name="connsiteY56" fmla="*/ 988378 h 1688496"/>
                <a:gd name="connsiteX57" fmla="*/ 2451284 w 4158640"/>
                <a:gd name="connsiteY57" fmla="*/ 976471 h 1688496"/>
                <a:gd name="connsiteX58" fmla="*/ 2477478 w 4158640"/>
                <a:gd name="connsiteY58" fmla="*/ 964565 h 1688496"/>
                <a:gd name="connsiteX59" fmla="*/ 2506053 w 4158640"/>
                <a:gd name="connsiteY59" fmla="*/ 959802 h 1688496"/>
                <a:gd name="connsiteX60" fmla="*/ 2527484 w 4158640"/>
                <a:gd name="connsiteY60" fmla="*/ 943134 h 1688496"/>
                <a:gd name="connsiteX61" fmla="*/ 2560821 w 4158640"/>
                <a:gd name="connsiteY61" fmla="*/ 926465 h 1688496"/>
                <a:gd name="connsiteX62" fmla="*/ 2587015 w 4158640"/>
                <a:gd name="connsiteY62" fmla="*/ 905034 h 1688496"/>
                <a:gd name="connsiteX63" fmla="*/ 2667977 w 4158640"/>
                <a:gd name="connsiteY63" fmla="*/ 869315 h 1688496"/>
                <a:gd name="connsiteX64" fmla="*/ 2698934 w 4158640"/>
                <a:gd name="connsiteY64" fmla="*/ 859790 h 1688496"/>
                <a:gd name="connsiteX65" fmla="*/ 2727508 w 4158640"/>
                <a:gd name="connsiteY65" fmla="*/ 852647 h 1688496"/>
                <a:gd name="connsiteX66" fmla="*/ 2758465 w 4158640"/>
                <a:gd name="connsiteY66" fmla="*/ 852646 h 1688496"/>
                <a:gd name="connsiteX67" fmla="*/ 2791803 w 4158640"/>
                <a:gd name="connsiteY67" fmla="*/ 835977 h 1688496"/>
                <a:gd name="connsiteX68" fmla="*/ 2827521 w 4158640"/>
                <a:gd name="connsiteY68" fmla="*/ 824071 h 1688496"/>
                <a:gd name="connsiteX69" fmla="*/ 2860859 w 4158640"/>
                <a:gd name="connsiteY69" fmla="*/ 814546 h 1688496"/>
                <a:gd name="connsiteX70" fmla="*/ 2887053 w 4158640"/>
                <a:gd name="connsiteY70" fmla="*/ 797877 h 1688496"/>
                <a:gd name="connsiteX71" fmla="*/ 2918009 w 4158640"/>
                <a:gd name="connsiteY71" fmla="*/ 783590 h 1688496"/>
                <a:gd name="connsiteX72" fmla="*/ 2939440 w 4158640"/>
                <a:gd name="connsiteY72" fmla="*/ 769302 h 1688496"/>
                <a:gd name="connsiteX73" fmla="*/ 2963253 w 4158640"/>
                <a:gd name="connsiteY73" fmla="*/ 752634 h 1688496"/>
                <a:gd name="connsiteX74" fmla="*/ 2989446 w 4158640"/>
                <a:gd name="connsiteY74" fmla="*/ 745490 h 1688496"/>
                <a:gd name="connsiteX75" fmla="*/ 3018021 w 4158640"/>
                <a:gd name="connsiteY75" fmla="*/ 726440 h 1688496"/>
                <a:gd name="connsiteX76" fmla="*/ 3046597 w 4158640"/>
                <a:gd name="connsiteY76" fmla="*/ 705009 h 1688496"/>
                <a:gd name="connsiteX77" fmla="*/ 3082316 w 4158640"/>
                <a:gd name="connsiteY77" fmla="*/ 693104 h 1688496"/>
                <a:gd name="connsiteX78" fmla="*/ 3106128 w 4158640"/>
                <a:gd name="connsiteY78" fmla="*/ 678816 h 1688496"/>
                <a:gd name="connsiteX79" fmla="*/ 3122796 w 4158640"/>
                <a:gd name="connsiteY79" fmla="*/ 664528 h 1688496"/>
                <a:gd name="connsiteX80" fmla="*/ 3144228 w 4158640"/>
                <a:gd name="connsiteY80" fmla="*/ 635953 h 1688496"/>
                <a:gd name="connsiteX81" fmla="*/ 3170421 w 4158640"/>
                <a:gd name="connsiteY81" fmla="*/ 612141 h 1688496"/>
                <a:gd name="connsiteX82" fmla="*/ 3191853 w 4158640"/>
                <a:gd name="connsiteY82" fmla="*/ 597853 h 1688496"/>
                <a:gd name="connsiteX83" fmla="*/ 3218046 w 4158640"/>
                <a:gd name="connsiteY83" fmla="*/ 583566 h 1688496"/>
                <a:gd name="connsiteX84" fmla="*/ 3244240 w 4158640"/>
                <a:gd name="connsiteY84" fmla="*/ 571661 h 1688496"/>
                <a:gd name="connsiteX85" fmla="*/ 3275196 w 4158640"/>
                <a:gd name="connsiteY85" fmla="*/ 552611 h 1688496"/>
                <a:gd name="connsiteX86" fmla="*/ 3299009 w 4158640"/>
                <a:gd name="connsiteY86" fmla="*/ 540704 h 1688496"/>
                <a:gd name="connsiteX87" fmla="*/ 3332346 w 4158640"/>
                <a:gd name="connsiteY87" fmla="*/ 521655 h 1688496"/>
                <a:gd name="connsiteX88" fmla="*/ 4158640 w 4158640"/>
                <a:gd name="connsiteY88" fmla="*/ 38259 h 1688496"/>
                <a:gd name="connsiteX0" fmla="*/ 4158640 w 4158640"/>
                <a:gd name="connsiteY0" fmla="*/ 45002 h 1695239"/>
                <a:gd name="connsiteX1" fmla="*/ 4158640 w 4158640"/>
                <a:gd name="connsiteY1" fmla="*/ 1683302 h 1695239"/>
                <a:gd name="connsiteX2" fmla="*/ 301015 w 4158640"/>
                <a:gd name="connsiteY2" fmla="*/ 1683302 h 1695239"/>
                <a:gd name="connsiteX3" fmla="*/ 430396 w 4158640"/>
                <a:gd name="connsiteY3" fmla="*/ 1662664 h 1695239"/>
                <a:gd name="connsiteX4" fmla="*/ 384358 w 4158640"/>
                <a:gd name="connsiteY4" fmla="*/ 1676159 h 1695239"/>
                <a:gd name="connsiteX5" fmla="*/ 472465 w 4158640"/>
                <a:gd name="connsiteY5" fmla="*/ 1649964 h 1695239"/>
                <a:gd name="connsiteX6" fmla="*/ 527234 w 4158640"/>
                <a:gd name="connsiteY6" fmla="*/ 1640440 h 1695239"/>
                <a:gd name="connsiteX7" fmla="*/ 584384 w 4158640"/>
                <a:gd name="connsiteY7" fmla="*/ 1635677 h 1695239"/>
                <a:gd name="connsiteX8" fmla="*/ 636771 w 4158640"/>
                <a:gd name="connsiteY8" fmla="*/ 1623771 h 1695239"/>
                <a:gd name="connsiteX9" fmla="*/ 708209 w 4158640"/>
                <a:gd name="connsiteY9" fmla="*/ 1607103 h 1695239"/>
                <a:gd name="connsiteX10" fmla="*/ 765359 w 4158640"/>
                <a:gd name="connsiteY10" fmla="*/ 1592815 h 1695239"/>
                <a:gd name="connsiteX11" fmla="*/ 853466 w 4158640"/>
                <a:gd name="connsiteY11" fmla="*/ 1578527 h 1695239"/>
                <a:gd name="connsiteX12" fmla="*/ 951094 w 4158640"/>
                <a:gd name="connsiteY12" fmla="*/ 1569002 h 1695239"/>
                <a:gd name="connsiteX13" fmla="*/ 1010628 w 4158640"/>
                <a:gd name="connsiteY13" fmla="*/ 1559477 h 1695239"/>
                <a:gd name="connsiteX14" fmla="*/ 1060634 w 4158640"/>
                <a:gd name="connsiteY14" fmla="*/ 1557095 h 1695239"/>
                <a:gd name="connsiteX15" fmla="*/ 1115404 w 4158640"/>
                <a:gd name="connsiteY15" fmla="*/ 1535664 h 1695239"/>
                <a:gd name="connsiteX16" fmla="*/ 1163027 w 4158640"/>
                <a:gd name="connsiteY16" fmla="*/ 1518995 h 1695239"/>
                <a:gd name="connsiteX17" fmla="*/ 1213034 w 4158640"/>
                <a:gd name="connsiteY17" fmla="*/ 1511852 h 1695239"/>
                <a:gd name="connsiteX18" fmla="*/ 1253515 w 4158640"/>
                <a:gd name="connsiteY18" fmla="*/ 1504708 h 1695239"/>
                <a:gd name="connsiteX19" fmla="*/ 1293996 w 4158640"/>
                <a:gd name="connsiteY19" fmla="*/ 1495183 h 1695239"/>
                <a:gd name="connsiteX20" fmla="*/ 1336860 w 4158640"/>
                <a:gd name="connsiteY20" fmla="*/ 1466608 h 1695239"/>
                <a:gd name="connsiteX21" fmla="*/ 1358290 w 4158640"/>
                <a:gd name="connsiteY21" fmla="*/ 1445176 h 1695239"/>
                <a:gd name="connsiteX22" fmla="*/ 1384484 w 4158640"/>
                <a:gd name="connsiteY22" fmla="*/ 1433271 h 1695239"/>
                <a:gd name="connsiteX23" fmla="*/ 1427347 w 4158640"/>
                <a:gd name="connsiteY23" fmla="*/ 1414221 h 1695239"/>
                <a:gd name="connsiteX24" fmla="*/ 1455922 w 4158640"/>
                <a:gd name="connsiteY24" fmla="*/ 1402314 h 1695239"/>
                <a:gd name="connsiteX25" fmla="*/ 1491640 w 4158640"/>
                <a:gd name="connsiteY25" fmla="*/ 1383265 h 1695239"/>
                <a:gd name="connsiteX26" fmla="*/ 1534503 w 4158640"/>
                <a:gd name="connsiteY26" fmla="*/ 1366595 h 1695239"/>
                <a:gd name="connsiteX27" fmla="*/ 1563078 w 4158640"/>
                <a:gd name="connsiteY27" fmla="*/ 1357071 h 1695239"/>
                <a:gd name="connsiteX28" fmla="*/ 1589271 w 4158640"/>
                <a:gd name="connsiteY28" fmla="*/ 1349926 h 1695239"/>
                <a:gd name="connsiteX29" fmla="*/ 1620228 w 4158640"/>
                <a:gd name="connsiteY29" fmla="*/ 1345164 h 1695239"/>
                <a:gd name="connsiteX30" fmla="*/ 1648802 w 4158640"/>
                <a:gd name="connsiteY30" fmla="*/ 1338020 h 1695239"/>
                <a:gd name="connsiteX31" fmla="*/ 1682140 w 4158640"/>
                <a:gd name="connsiteY31" fmla="*/ 1333258 h 1695239"/>
                <a:gd name="connsiteX32" fmla="*/ 1710716 w 4158640"/>
                <a:gd name="connsiteY32" fmla="*/ 1316590 h 1695239"/>
                <a:gd name="connsiteX33" fmla="*/ 1732146 w 4158640"/>
                <a:gd name="connsiteY33" fmla="*/ 1299921 h 1695239"/>
                <a:gd name="connsiteX34" fmla="*/ 1767866 w 4158640"/>
                <a:gd name="connsiteY34" fmla="*/ 1280870 h 1695239"/>
                <a:gd name="connsiteX35" fmla="*/ 1796440 w 4158640"/>
                <a:gd name="connsiteY35" fmla="*/ 1266583 h 1695239"/>
                <a:gd name="connsiteX36" fmla="*/ 1825015 w 4158640"/>
                <a:gd name="connsiteY36" fmla="*/ 1254676 h 1695239"/>
                <a:gd name="connsiteX37" fmla="*/ 1851209 w 4158640"/>
                <a:gd name="connsiteY37" fmla="*/ 1240389 h 1695239"/>
                <a:gd name="connsiteX38" fmla="*/ 1875022 w 4158640"/>
                <a:gd name="connsiteY38" fmla="*/ 1233246 h 1695239"/>
                <a:gd name="connsiteX39" fmla="*/ 1896452 w 4158640"/>
                <a:gd name="connsiteY39" fmla="*/ 1221339 h 1695239"/>
                <a:gd name="connsiteX40" fmla="*/ 1927408 w 4158640"/>
                <a:gd name="connsiteY40" fmla="*/ 1211815 h 1695239"/>
                <a:gd name="connsiteX41" fmla="*/ 1967890 w 4158640"/>
                <a:gd name="connsiteY41" fmla="*/ 1188001 h 1695239"/>
                <a:gd name="connsiteX42" fmla="*/ 2010753 w 4158640"/>
                <a:gd name="connsiteY42" fmla="*/ 1176095 h 1695239"/>
                <a:gd name="connsiteX43" fmla="*/ 2041709 w 4158640"/>
                <a:gd name="connsiteY43" fmla="*/ 1164189 h 1695239"/>
                <a:gd name="connsiteX44" fmla="*/ 2072665 w 4158640"/>
                <a:gd name="connsiteY44" fmla="*/ 1154664 h 1695239"/>
                <a:gd name="connsiteX45" fmla="*/ 2108384 w 4158640"/>
                <a:gd name="connsiteY45" fmla="*/ 1147520 h 1695239"/>
                <a:gd name="connsiteX46" fmla="*/ 2139340 w 4158640"/>
                <a:gd name="connsiteY46" fmla="*/ 1130852 h 1695239"/>
                <a:gd name="connsiteX47" fmla="*/ 2170296 w 4158640"/>
                <a:gd name="connsiteY47" fmla="*/ 1116564 h 1695239"/>
                <a:gd name="connsiteX48" fmla="*/ 2198871 w 4158640"/>
                <a:gd name="connsiteY48" fmla="*/ 1104658 h 1695239"/>
                <a:gd name="connsiteX49" fmla="*/ 2241734 w 4158640"/>
                <a:gd name="connsiteY49" fmla="*/ 1090370 h 1695239"/>
                <a:gd name="connsiteX50" fmla="*/ 2265546 w 4158640"/>
                <a:gd name="connsiteY50" fmla="*/ 1071320 h 1695239"/>
                <a:gd name="connsiteX51" fmla="*/ 2286978 w 4158640"/>
                <a:gd name="connsiteY51" fmla="*/ 1059414 h 1695239"/>
                <a:gd name="connsiteX52" fmla="*/ 2310790 w 4158640"/>
                <a:gd name="connsiteY52" fmla="*/ 1047508 h 1695239"/>
                <a:gd name="connsiteX53" fmla="*/ 2341746 w 4158640"/>
                <a:gd name="connsiteY53" fmla="*/ 1028458 h 1695239"/>
                <a:gd name="connsiteX54" fmla="*/ 2367940 w 4158640"/>
                <a:gd name="connsiteY54" fmla="*/ 1011790 h 1695239"/>
                <a:gd name="connsiteX55" fmla="*/ 2384609 w 4158640"/>
                <a:gd name="connsiteY55" fmla="*/ 999883 h 1695239"/>
                <a:gd name="connsiteX56" fmla="*/ 2417946 w 4158640"/>
                <a:gd name="connsiteY56" fmla="*/ 995121 h 1695239"/>
                <a:gd name="connsiteX57" fmla="*/ 2451284 w 4158640"/>
                <a:gd name="connsiteY57" fmla="*/ 983214 h 1695239"/>
                <a:gd name="connsiteX58" fmla="*/ 2477478 w 4158640"/>
                <a:gd name="connsiteY58" fmla="*/ 971308 h 1695239"/>
                <a:gd name="connsiteX59" fmla="*/ 2506053 w 4158640"/>
                <a:gd name="connsiteY59" fmla="*/ 966545 h 1695239"/>
                <a:gd name="connsiteX60" fmla="*/ 2527484 w 4158640"/>
                <a:gd name="connsiteY60" fmla="*/ 949877 h 1695239"/>
                <a:gd name="connsiteX61" fmla="*/ 2560821 w 4158640"/>
                <a:gd name="connsiteY61" fmla="*/ 933208 h 1695239"/>
                <a:gd name="connsiteX62" fmla="*/ 2587015 w 4158640"/>
                <a:gd name="connsiteY62" fmla="*/ 911777 h 1695239"/>
                <a:gd name="connsiteX63" fmla="*/ 2667977 w 4158640"/>
                <a:gd name="connsiteY63" fmla="*/ 876058 h 1695239"/>
                <a:gd name="connsiteX64" fmla="*/ 2698934 w 4158640"/>
                <a:gd name="connsiteY64" fmla="*/ 866533 h 1695239"/>
                <a:gd name="connsiteX65" fmla="*/ 2727508 w 4158640"/>
                <a:gd name="connsiteY65" fmla="*/ 859390 h 1695239"/>
                <a:gd name="connsiteX66" fmla="*/ 2758465 w 4158640"/>
                <a:gd name="connsiteY66" fmla="*/ 859389 h 1695239"/>
                <a:gd name="connsiteX67" fmla="*/ 2791803 w 4158640"/>
                <a:gd name="connsiteY67" fmla="*/ 842720 h 1695239"/>
                <a:gd name="connsiteX68" fmla="*/ 2827521 w 4158640"/>
                <a:gd name="connsiteY68" fmla="*/ 830814 h 1695239"/>
                <a:gd name="connsiteX69" fmla="*/ 2860859 w 4158640"/>
                <a:gd name="connsiteY69" fmla="*/ 821289 h 1695239"/>
                <a:gd name="connsiteX70" fmla="*/ 2887053 w 4158640"/>
                <a:gd name="connsiteY70" fmla="*/ 804620 h 1695239"/>
                <a:gd name="connsiteX71" fmla="*/ 2918009 w 4158640"/>
                <a:gd name="connsiteY71" fmla="*/ 790333 h 1695239"/>
                <a:gd name="connsiteX72" fmla="*/ 2939440 w 4158640"/>
                <a:gd name="connsiteY72" fmla="*/ 776045 h 1695239"/>
                <a:gd name="connsiteX73" fmla="*/ 2963253 w 4158640"/>
                <a:gd name="connsiteY73" fmla="*/ 759377 h 1695239"/>
                <a:gd name="connsiteX74" fmla="*/ 2989446 w 4158640"/>
                <a:gd name="connsiteY74" fmla="*/ 752233 h 1695239"/>
                <a:gd name="connsiteX75" fmla="*/ 3018021 w 4158640"/>
                <a:gd name="connsiteY75" fmla="*/ 733183 h 1695239"/>
                <a:gd name="connsiteX76" fmla="*/ 3046597 w 4158640"/>
                <a:gd name="connsiteY76" fmla="*/ 711752 h 1695239"/>
                <a:gd name="connsiteX77" fmla="*/ 3082316 w 4158640"/>
                <a:gd name="connsiteY77" fmla="*/ 699847 h 1695239"/>
                <a:gd name="connsiteX78" fmla="*/ 3106128 w 4158640"/>
                <a:gd name="connsiteY78" fmla="*/ 685559 h 1695239"/>
                <a:gd name="connsiteX79" fmla="*/ 3122796 w 4158640"/>
                <a:gd name="connsiteY79" fmla="*/ 671271 h 1695239"/>
                <a:gd name="connsiteX80" fmla="*/ 3144228 w 4158640"/>
                <a:gd name="connsiteY80" fmla="*/ 642696 h 1695239"/>
                <a:gd name="connsiteX81" fmla="*/ 3170421 w 4158640"/>
                <a:gd name="connsiteY81" fmla="*/ 618884 h 1695239"/>
                <a:gd name="connsiteX82" fmla="*/ 3191853 w 4158640"/>
                <a:gd name="connsiteY82" fmla="*/ 604596 h 1695239"/>
                <a:gd name="connsiteX83" fmla="*/ 3218046 w 4158640"/>
                <a:gd name="connsiteY83" fmla="*/ 590309 h 1695239"/>
                <a:gd name="connsiteX84" fmla="*/ 3244240 w 4158640"/>
                <a:gd name="connsiteY84" fmla="*/ 578404 h 1695239"/>
                <a:gd name="connsiteX85" fmla="*/ 3275196 w 4158640"/>
                <a:gd name="connsiteY85" fmla="*/ 559354 h 1695239"/>
                <a:gd name="connsiteX86" fmla="*/ 3299009 w 4158640"/>
                <a:gd name="connsiteY86" fmla="*/ 547447 h 1695239"/>
                <a:gd name="connsiteX87" fmla="*/ 3332346 w 4158640"/>
                <a:gd name="connsiteY87" fmla="*/ 528398 h 1695239"/>
                <a:gd name="connsiteX88" fmla="*/ 3410928 w 4158640"/>
                <a:gd name="connsiteY88" fmla="*/ 466486 h 1695239"/>
                <a:gd name="connsiteX89" fmla="*/ 4158640 w 4158640"/>
                <a:gd name="connsiteY89" fmla="*/ 45002 h 1695239"/>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46597 w 4158640"/>
                <a:gd name="connsiteY76" fmla="*/ 709686 h 1693173"/>
                <a:gd name="connsiteX77" fmla="*/ 3082316 w 4158640"/>
                <a:gd name="connsiteY77" fmla="*/ 697781 h 1693173"/>
                <a:gd name="connsiteX78" fmla="*/ 3106128 w 4158640"/>
                <a:gd name="connsiteY78" fmla="*/ 683493 h 1693173"/>
                <a:gd name="connsiteX79" fmla="*/ 3122796 w 4158640"/>
                <a:gd name="connsiteY79" fmla="*/ 669205 h 1693173"/>
                <a:gd name="connsiteX80" fmla="*/ 3144228 w 4158640"/>
                <a:gd name="connsiteY80" fmla="*/ 640630 h 1693173"/>
                <a:gd name="connsiteX81" fmla="*/ 3170421 w 4158640"/>
                <a:gd name="connsiteY81" fmla="*/ 616818 h 1693173"/>
                <a:gd name="connsiteX82" fmla="*/ 3191853 w 4158640"/>
                <a:gd name="connsiteY82" fmla="*/ 602530 h 1693173"/>
                <a:gd name="connsiteX83" fmla="*/ 3218046 w 4158640"/>
                <a:gd name="connsiteY83" fmla="*/ 588243 h 1693173"/>
                <a:gd name="connsiteX84" fmla="*/ 3244240 w 4158640"/>
                <a:gd name="connsiteY84" fmla="*/ 576338 h 1693173"/>
                <a:gd name="connsiteX85" fmla="*/ 3275196 w 4158640"/>
                <a:gd name="connsiteY85" fmla="*/ 557288 h 1693173"/>
                <a:gd name="connsiteX86" fmla="*/ 3299009 w 4158640"/>
                <a:gd name="connsiteY86" fmla="*/ 545381 h 1693173"/>
                <a:gd name="connsiteX87" fmla="*/ 3332346 w 4158640"/>
                <a:gd name="connsiteY87" fmla="*/ 526332 h 1693173"/>
                <a:gd name="connsiteX88" fmla="*/ 3413309 w 4158640"/>
                <a:gd name="connsiteY88" fmla="*/ 497757 h 1693173"/>
                <a:gd name="connsiteX89" fmla="*/ 4158640 w 4158640"/>
                <a:gd name="connsiteY8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46597 w 4158640"/>
                <a:gd name="connsiteY76" fmla="*/ 709686 h 1693173"/>
                <a:gd name="connsiteX77" fmla="*/ 3082316 w 4158640"/>
                <a:gd name="connsiteY77" fmla="*/ 697781 h 1693173"/>
                <a:gd name="connsiteX78" fmla="*/ 3106128 w 4158640"/>
                <a:gd name="connsiteY78" fmla="*/ 683493 h 1693173"/>
                <a:gd name="connsiteX79" fmla="*/ 3122796 w 4158640"/>
                <a:gd name="connsiteY79" fmla="*/ 669205 h 1693173"/>
                <a:gd name="connsiteX80" fmla="*/ 3144228 w 4158640"/>
                <a:gd name="connsiteY80" fmla="*/ 640630 h 1693173"/>
                <a:gd name="connsiteX81" fmla="*/ 3170421 w 4158640"/>
                <a:gd name="connsiteY81" fmla="*/ 616818 h 1693173"/>
                <a:gd name="connsiteX82" fmla="*/ 3191853 w 4158640"/>
                <a:gd name="connsiteY82" fmla="*/ 602530 h 1693173"/>
                <a:gd name="connsiteX83" fmla="*/ 3218046 w 4158640"/>
                <a:gd name="connsiteY83" fmla="*/ 588243 h 1693173"/>
                <a:gd name="connsiteX84" fmla="*/ 3244240 w 4158640"/>
                <a:gd name="connsiteY84" fmla="*/ 576338 h 1693173"/>
                <a:gd name="connsiteX85" fmla="*/ 3275196 w 4158640"/>
                <a:gd name="connsiteY85" fmla="*/ 557288 h 1693173"/>
                <a:gd name="connsiteX86" fmla="*/ 3287102 w 4158640"/>
                <a:gd name="connsiteY86" fmla="*/ 545381 h 1693173"/>
                <a:gd name="connsiteX87" fmla="*/ 3332346 w 4158640"/>
                <a:gd name="connsiteY87" fmla="*/ 526332 h 1693173"/>
                <a:gd name="connsiteX88" fmla="*/ 3413309 w 4158640"/>
                <a:gd name="connsiteY88" fmla="*/ 497757 h 1693173"/>
                <a:gd name="connsiteX89" fmla="*/ 4158640 w 4158640"/>
                <a:gd name="connsiteY8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46597 w 4158640"/>
                <a:gd name="connsiteY76" fmla="*/ 709686 h 1693173"/>
                <a:gd name="connsiteX77" fmla="*/ 3082316 w 4158640"/>
                <a:gd name="connsiteY77" fmla="*/ 697781 h 1693173"/>
                <a:gd name="connsiteX78" fmla="*/ 3106128 w 4158640"/>
                <a:gd name="connsiteY78" fmla="*/ 683493 h 1693173"/>
                <a:gd name="connsiteX79" fmla="*/ 3122796 w 4158640"/>
                <a:gd name="connsiteY79" fmla="*/ 669205 h 1693173"/>
                <a:gd name="connsiteX80" fmla="*/ 3144228 w 4158640"/>
                <a:gd name="connsiteY80" fmla="*/ 640630 h 1693173"/>
                <a:gd name="connsiteX81" fmla="*/ 3170421 w 4158640"/>
                <a:gd name="connsiteY81" fmla="*/ 616818 h 1693173"/>
                <a:gd name="connsiteX82" fmla="*/ 3191853 w 4158640"/>
                <a:gd name="connsiteY82" fmla="*/ 602530 h 1693173"/>
                <a:gd name="connsiteX83" fmla="*/ 3218046 w 4158640"/>
                <a:gd name="connsiteY83" fmla="*/ 588243 h 1693173"/>
                <a:gd name="connsiteX84" fmla="*/ 3244240 w 4158640"/>
                <a:gd name="connsiteY84" fmla="*/ 576338 h 1693173"/>
                <a:gd name="connsiteX85" fmla="*/ 3263290 w 4158640"/>
                <a:gd name="connsiteY85" fmla="*/ 554907 h 1693173"/>
                <a:gd name="connsiteX86" fmla="*/ 3287102 w 4158640"/>
                <a:gd name="connsiteY86" fmla="*/ 545381 h 1693173"/>
                <a:gd name="connsiteX87" fmla="*/ 3332346 w 4158640"/>
                <a:gd name="connsiteY87" fmla="*/ 526332 h 1693173"/>
                <a:gd name="connsiteX88" fmla="*/ 3413309 w 4158640"/>
                <a:gd name="connsiteY88" fmla="*/ 497757 h 1693173"/>
                <a:gd name="connsiteX89" fmla="*/ 4158640 w 4158640"/>
                <a:gd name="connsiteY8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46597 w 4158640"/>
                <a:gd name="connsiteY76" fmla="*/ 709686 h 1693173"/>
                <a:gd name="connsiteX77" fmla="*/ 3082316 w 4158640"/>
                <a:gd name="connsiteY77" fmla="*/ 697781 h 1693173"/>
                <a:gd name="connsiteX78" fmla="*/ 3106128 w 4158640"/>
                <a:gd name="connsiteY78" fmla="*/ 683493 h 1693173"/>
                <a:gd name="connsiteX79" fmla="*/ 3122796 w 4158640"/>
                <a:gd name="connsiteY79" fmla="*/ 669205 h 1693173"/>
                <a:gd name="connsiteX80" fmla="*/ 3144228 w 4158640"/>
                <a:gd name="connsiteY80" fmla="*/ 640630 h 1693173"/>
                <a:gd name="connsiteX81" fmla="*/ 3170421 w 4158640"/>
                <a:gd name="connsiteY81" fmla="*/ 616818 h 1693173"/>
                <a:gd name="connsiteX82" fmla="*/ 3191853 w 4158640"/>
                <a:gd name="connsiteY82" fmla="*/ 602530 h 1693173"/>
                <a:gd name="connsiteX83" fmla="*/ 3218046 w 4158640"/>
                <a:gd name="connsiteY83" fmla="*/ 588243 h 1693173"/>
                <a:gd name="connsiteX84" fmla="*/ 3239477 w 4158640"/>
                <a:gd name="connsiteY84" fmla="*/ 569194 h 1693173"/>
                <a:gd name="connsiteX85" fmla="*/ 3263290 w 4158640"/>
                <a:gd name="connsiteY85" fmla="*/ 554907 h 1693173"/>
                <a:gd name="connsiteX86" fmla="*/ 3287102 w 4158640"/>
                <a:gd name="connsiteY86" fmla="*/ 545381 h 1693173"/>
                <a:gd name="connsiteX87" fmla="*/ 3332346 w 4158640"/>
                <a:gd name="connsiteY87" fmla="*/ 526332 h 1693173"/>
                <a:gd name="connsiteX88" fmla="*/ 3413309 w 4158640"/>
                <a:gd name="connsiteY88" fmla="*/ 497757 h 1693173"/>
                <a:gd name="connsiteX89" fmla="*/ 4158640 w 4158640"/>
                <a:gd name="connsiteY8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46597 w 4158640"/>
                <a:gd name="connsiteY76" fmla="*/ 709686 h 1693173"/>
                <a:gd name="connsiteX77" fmla="*/ 3082316 w 4158640"/>
                <a:gd name="connsiteY77" fmla="*/ 697781 h 1693173"/>
                <a:gd name="connsiteX78" fmla="*/ 3106128 w 4158640"/>
                <a:gd name="connsiteY78" fmla="*/ 683493 h 1693173"/>
                <a:gd name="connsiteX79" fmla="*/ 3122796 w 4158640"/>
                <a:gd name="connsiteY79" fmla="*/ 669205 h 1693173"/>
                <a:gd name="connsiteX80" fmla="*/ 3144228 w 4158640"/>
                <a:gd name="connsiteY80" fmla="*/ 640630 h 1693173"/>
                <a:gd name="connsiteX81" fmla="*/ 3170421 w 4158640"/>
                <a:gd name="connsiteY81" fmla="*/ 616818 h 1693173"/>
                <a:gd name="connsiteX82" fmla="*/ 3198997 w 4158640"/>
                <a:gd name="connsiteY82" fmla="*/ 604911 h 1693173"/>
                <a:gd name="connsiteX83" fmla="*/ 3218046 w 4158640"/>
                <a:gd name="connsiteY83" fmla="*/ 588243 h 1693173"/>
                <a:gd name="connsiteX84" fmla="*/ 3239477 w 4158640"/>
                <a:gd name="connsiteY84" fmla="*/ 569194 h 1693173"/>
                <a:gd name="connsiteX85" fmla="*/ 3263290 w 4158640"/>
                <a:gd name="connsiteY85" fmla="*/ 554907 h 1693173"/>
                <a:gd name="connsiteX86" fmla="*/ 3287102 w 4158640"/>
                <a:gd name="connsiteY86" fmla="*/ 545381 h 1693173"/>
                <a:gd name="connsiteX87" fmla="*/ 3332346 w 4158640"/>
                <a:gd name="connsiteY87" fmla="*/ 526332 h 1693173"/>
                <a:gd name="connsiteX88" fmla="*/ 3413309 w 4158640"/>
                <a:gd name="connsiteY88" fmla="*/ 497757 h 1693173"/>
                <a:gd name="connsiteX89" fmla="*/ 4158640 w 4158640"/>
                <a:gd name="connsiteY8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46597 w 4158640"/>
                <a:gd name="connsiteY76" fmla="*/ 709686 h 1693173"/>
                <a:gd name="connsiteX77" fmla="*/ 3082316 w 4158640"/>
                <a:gd name="connsiteY77" fmla="*/ 697781 h 1693173"/>
                <a:gd name="connsiteX78" fmla="*/ 3106128 w 4158640"/>
                <a:gd name="connsiteY78" fmla="*/ 683493 h 1693173"/>
                <a:gd name="connsiteX79" fmla="*/ 3122796 w 4158640"/>
                <a:gd name="connsiteY79" fmla="*/ 669205 h 1693173"/>
                <a:gd name="connsiteX80" fmla="*/ 3144228 w 4158640"/>
                <a:gd name="connsiteY80" fmla="*/ 640630 h 1693173"/>
                <a:gd name="connsiteX81" fmla="*/ 3172803 w 4158640"/>
                <a:gd name="connsiteY81" fmla="*/ 628724 h 1693173"/>
                <a:gd name="connsiteX82" fmla="*/ 3198997 w 4158640"/>
                <a:gd name="connsiteY82" fmla="*/ 604911 h 1693173"/>
                <a:gd name="connsiteX83" fmla="*/ 3218046 w 4158640"/>
                <a:gd name="connsiteY83" fmla="*/ 588243 h 1693173"/>
                <a:gd name="connsiteX84" fmla="*/ 3239477 w 4158640"/>
                <a:gd name="connsiteY84" fmla="*/ 569194 h 1693173"/>
                <a:gd name="connsiteX85" fmla="*/ 3263290 w 4158640"/>
                <a:gd name="connsiteY85" fmla="*/ 554907 h 1693173"/>
                <a:gd name="connsiteX86" fmla="*/ 3287102 w 4158640"/>
                <a:gd name="connsiteY86" fmla="*/ 545381 h 1693173"/>
                <a:gd name="connsiteX87" fmla="*/ 3332346 w 4158640"/>
                <a:gd name="connsiteY87" fmla="*/ 526332 h 1693173"/>
                <a:gd name="connsiteX88" fmla="*/ 3413309 w 4158640"/>
                <a:gd name="connsiteY88" fmla="*/ 497757 h 1693173"/>
                <a:gd name="connsiteX89" fmla="*/ 4158640 w 4158640"/>
                <a:gd name="connsiteY8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46597 w 4158640"/>
                <a:gd name="connsiteY76" fmla="*/ 709686 h 1693173"/>
                <a:gd name="connsiteX77" fmla="*/ 3082316 w 4158640"/>
                <a:gd name="connsiteY77" fmla="*/ 697781 h 1693173"/>
                <a:gd name="connsiteX78" fmla="*/ 3106128 w 4158640"/>
                <a:gd name="connsiteY78" fmla="*/ 683493 h 1693173"/>
                <a:gd name="connsiteX79" fmla="*/ 3122796 w 4158640"/>
                <a:gd name="connsiteY79" fmla="*/ 669205 h 1693173"/>
                <a:gd name="connsiteX80" fmla="*/ 3146609 w 4158640"/>
                <a:gd name="connsiteY80" fmla="*/ 647774 h 1693173"/>
                <a:gd name="connsiteX81" fmla="*/ 3172803 w 4158640"/>
                <a:gd name="connsiteY81" fmla="*/ 628724 h 1693173"/>
                <a:gd name="connsiteX82" fmla="*/ 3198997 w 4158640"/>
                <a:gd name="connsiteY82" fmla="*/ 604911 h 1693173"/>
                <a:gd name="connsiteX83" fmla="*/ 3218046 w 4158640"/>
                <a:gd name="connsiteY83" fmla="*/ 588243 h 1693173"/>
                <a:gd name="connsiteX84" fmla="*/ 3239477 w 4158640"/>
                <a:gd name="connsiteY84" fmla="*/ 569194 h 1693173"/>
                <a:gd name="connsiteX85" fmla="*/ 3263290 w 4158640"/>
                <a:gd name="connsiteY85" fmla="*/ 554907 h 1693173"/>
                <a:gd name="connsiteX86" fmla="*/ 3287102 w 4158640"/>
                <a:gd name="connsiteY86" fmla="*/ 545381 h 1693173"/>
                <a:gd name="connsiteX87" fmla="*/ 3332346 w 4158640"/>
                <a:gd name="connsiteY87" fmla="*/ 526332 h 1693173"/>
                <a:gd name="connsiteX88" fmla="*/ 3413309 w 4158640"/>
                <a:gd name="connsiteY88" fmla="*/ 497757 h 1693173"/>
                <a:gd name="connsiteX89" fmla="*/ 4158640 w 4158640"/>
                <a:gd name="connsiteY8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46597 w 4158640"/>
                <a:gd name="connsiteY76" fmla="*/ 709686 h 1693173"/>
                <a:gd name="connsiteX77" fmla="*/ 3082316 w 4158640"/>
                <a:gd name="connsiteY77" fmla="*/ 697781 h 1693173"/>
                <a:gd name="connsiteX78" fmla="*/ 3106128 w 4158640"/>
                <a:gd name="connsiteY78" fmla="*/ 683493 h 1693173"/>
                <a:gd name="connsiteX79" fmla="*/ 3125177 w 4158640"/>
                <a:gd name="connsiteY79" fmla="*/ 681111 h 1693173"/>
                <a:gd name="connsiteX80" fmla="*/ 3146609 w 4158640"/>
                <a:gd name="connsiteY80" fmla="*/ 647774 h 1693173"/>
                <a:gd name="connsiteX81" fmla="*/ 3172803 w 4158640"/>
                <a:gd name="connsiteY81" fmla="*/ 628724 h 1693173"/>
                <a:gd name="connsiteX82" fmla="*/ 3198997 w 4158640"/>
                <a:gd name="connsiteY82" fmla="*/ 604911 h 1693173"/>
                <a:gd name="connsiteX83" fmla="*/ 3218046 w 4158640"/>
                <a:gd name="connsiteY83" fmla="*/ 588243 h 1693173"/>
                <a:gd name="connsiteX84" fmla="*/ 3239477 w 4158640"/>
                <a:gd name="connsiteY84" fmla="*/ 569194 h 1693173"/>
                <a:gd name="connsiteX85" fmla="*/ 3263290 w 4158640"/>
                <a:gd name="connsiteY85" fmla="*/ 554907 h 1693173"/>
                <a:gd name="connsiteX86" fmla="*/ 3287102 w 4158640"/>
                <a:gd name="connsiteY86" fmla="*/ 545381 h 1693173"/>
                <a:gd name="connsiteX87" fmla="*/ 3332346 w 4158640"/>
                <a:gd name="connsiteY87" fmla="*/ 526332 h 1693173"/>
                <a:gd name="connsiteX88" fmla="*/ 3413309 w 4158640"/>
                <a:gd name="connsiteY88" fmla="*/ 497757 h 1693173"/>
                <a:gd name="connsiteX89" fmla="*/ 4158640 w 4158640"/>
                <a:gd name="connsiteY8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46597 w 4158640"/>
                <a:gd name="connsiteY76" fmla="*/ 709686 h 1693173"/>
                <a:gd name="connsiteX77" fmla="*/ 3082316 w 4158640"/>
                <a:gd name="connsiteY77" fmla="*/ 697781 h 1693173"/>
                <a:gd name="connsiteX78" fmla="*/ 3106128 w 4158640"/>
                <a:gd name="connsiteY78" fmla="*/ 695399 h 1693173"/>
                <a:gd name="connsiteX79" fmla="*/ 3125177 w 4158640"/>
                <a:gd name="connsiteY79" fmla="*/ 681111 h 1693173"/>
                <a:gd name="connsiteX80" fmla="*/ 3146609 w 4158640"/>
                <a:gd name="connsiteY80" fmla="*/ 647774 h 1693173"/>
                <a:gd name="connsiteX81" fmla="*/ 3172803 w 4158640"/>
                <a:gd name="connsiteY81" fmla="*/ 628724 h 1693173"/>
                <a:gd name="connsiteX82" fmla="*/ 3198997 w 4158640"/>
                <a:gd name="connsiteY82" fmla="*/ 604911 h 1693173"/>
                <a:gd name="connsiteX83" fmla="*/ 3218046 w 4158640"/>
                <a:gd name="connsiteY83" fmla="*/ 588243 h 1693173"/>
                <a:gd name="connsiteX84" fmla="*/ 3239477 w 4158640"/>
                <a:gd name="connsiteY84" fmla="*/ 569194 h 1693173"/>
                <a:gd name="connsiteX85" fmla="*/ 3263290 w 4158640"/>
                <a:gd name="connsiteY85" fmla="*/ 554907 h 1693173"/>
                <a:gd name="connsiteX86" fmla="*/ 3287102 w 4158640"/>
                <a:gd name="connsiteY86" fmla="*/ 545381 h 1693173"/>
                <a:gd name="connsiteX87" fmla="*/ 3332346 w 4158640"/>
                <a:gd name="connsiteY87" fmla="*/ 526332 h 1693173"/>
                <a:gd name="connsiteX88" fmla="*/ 3413309 w 4158640"/>
                <a:gd name="connsiteY88" fmla="*/ 497757 h 1693173"/>
                <a:gd name="connsiteX89" fmla="*/ 4158640 w 4158640"/>
                <a:gd name="connsiteY8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46597 w 4158640"/>
                <a:gd name="connsiteY76" fmla="*/ 709686 h 1693173"/>
                <a:gd name="connsiteX77" fmla="*/ 3084697 w 4158640"/>
                <a:gd name="connsiteY77" fmla="*/ 707306 h 1693173"/>
                <a:gd name="connsiteX78" fmla="*/ 3106128 w 4158640"/>
                <a:gd name="connsiteY78" fmla="*/ 695399 h 1693173"/>
                <a:gd name="connsiteX79" fmla="*/ 3125177 w 4158640"/>
                <a:gd name="connsiteY79" fmla="*/ 681111 h 1693173"/>
                <a:gd name="connsiteX80" fmla="*/ 3146609 w 4158640"/>
                <a:gd name="connsiteY80" fmla="*/ 647774 h 1693173"/>
                <a:gd name="connsiteX81" fmla="*/ 3172803 w 4158640"/>
                <a:gd name="connsiteY81" fmla="*/ 628724 h 1693173"/>
                <a:gd name="connsiteX82" fmla="*/ 3198997 w 4158640"/>
                <a:gd name="connsiteY82" fmla="*/ 604911 h 1693173"/>
                <a:gd name="connsiteX83" fmla="*/ 3218046 w 4158640"/>
                <a:gd name="connsiteY83" fmla="*/ 588243 h 1693173"/>
                <a:gd name="connsiteX84" fmla="*/ 3239477 w 4158640"/>
                <a:gd name="connsiteY84" fmla="*/ 569194 h 1693173"/>
                <a:gd name="connsiteX85" fmla="*/ 3263290 w 4158640"/>
                <a:gd name="connsiteY85" fmla="*/ 554907 h 1693173"/>
                <a:gd name="connsiteX86" fmla="*/ 3287102 w 4158640"/>
                <a:gd name="connsiteY86" fmla="*/ 545381 h 1693173"/>
                <a:gd name="connsiteX87" fmla="*/ 3332346 w 4158640"/>
                <a:gd name="connsiteY87" fmla="*/ 526332 h 1693173"/>
                <a:gd name="connsiteX88" fmla="*/ 3413309 w 4158640"/>
                <a:gd name="connsiteY88" fmla="*/ 497757 h 1693173"/>
                <a:gd name="connsiteX89" fmla="*/ 4158640 w 4158640"/>
                <a:gd name="connsiteY8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46597 w 4158640"/>
                <a:gd name="connsiteY76" fmla="*/ 709686 h 1693173"/>
                <a:gd name="connsiteX77" fmla="*/ 3106128 w 4158640"/>
                <a:gd name="connsiteY77" fmla="*/ 695399 h 1693173"/>
                <a:gd name="connsiteX78" fmla="*/ 3125177 w 4158640"/>
                <a:gd name="connsiteY78" fmla="*/ 681111 h 1693173"/>
                <a:gd name="connsiteX79" fmla="*/ 3146609 w 4158640"/>
                <a:gd name="connsiteY79" fmla="*/ 647774 h 1693173"/>
                <a:gd name="connsiteX80" fmla="*/ 3172803 w 4158640"/>
                <a:gd name="connsiteY80" fmla="*/ 628724 h 1693173"/>
                <a:gd name="connsiteX81" fmla="*/ 3198997 w 4158640"/>
                <a:gd name="connsiteY81" fmla="*/ 604911 h 1693173"/>
                <a:gd name="connsiteX82" fmla="*/ 3218046 w 4158640"/>
                <a:gd name="connsiteY82" fmla="*/ 588243 h 1693173"/>
                <a:gd name="connsiteX83" fmla="*/ 3239477 w 4158640"/>
                <a:gd name="connsiteY83" fmla="*/ 569194 h 1693173"/>
                <a:gd name="connsiteX84" fmla="*/ 3263290 w 4158640"/>
                <a:gd name="connsiteY84" fmla="*/ 554907 h 1693173"/>
                <a:gd name="connsiteX85" fmla="*/ 3287102 w 4158640"/>
                <a:gd name="connsiteY85" fmla="*/ 545381 h 1693173"/>
                <a:gd name="connsiteX86" fmla="*/ 3332346 w 4158640"/>
                <a:gd name="connsiteY86" fmla="*/ 526332 h 1693173"/>
                <a:gd name="connsiteX87" fmla="*/ 3413309 w 4158640"/>
                <a:gd name="connsiteY87" fmla="*/ 497757 h 1693173"/>
                <a:gd name="connsiteX88" fmla="*/ 4158640 w 4158640"/>
                <a:gd name="connsiteY88"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106128 w 4158640"/>
                <a:gd name="connsiteY76" fmla="*/ 695399 h 1693173"/>
                <a:gd name="connsiteX77" fmla="*/ 3125177 w 4158640"/>
                <a:gd name="connsiteY77" fmla="*/ 681111 h 1693173"/>
                <a:gd name="connsiteX78" fmla="*/ 3146609 w 4158640"/>
                <a:gd name="connsiteY78" fmla="*/ 647774 h 1693173"/>
                <a:gd name="connsiteX79" fmla="*/ 3172803 w 4158640"/>
                <a:gd name="connsiteY79" fmla="*/ 628724 h 1693173"/>
                <a:gd name="connsiteX80" fmla="*/ 3198997 w 4158640"/>
                <a:gd name="connsiteY80" fmla="*/ 604911 h 1693173"/>
                <a:gd name="connsiteX81" fmla="*/ 3218046 w 4158640"/>
                <a:gd name="connsiteY81" fmla="*/ 588243 h 1693173"/>
                <a:gd name="connsiteX82" fmla="*/ 3239477 w 4158640"/>
                <a:gd name="connsiteY82" fmla="*/ 569194 h 1693173"/>
                <a:gd name="connsiteX83" fmla="*/ 3263290 w 4158640"/>
                <a:gd name="connsiteY83" fmla="*/ 554907 h 1693173"/>
                <a:gd name="connsiteX84" fmla="*/ 3287102 w 4158640"/>
                <a:gd name="connsiteY84" fmla="*/ 545381 h 1693173"/>
                <a:gd name="connsiteX85" fmla="*/ 3332346 w 4158640"/>
                <a:gd name="connsiteY85" fmla="*/ 526332 h 1693173"/>
                <a:gd name="connsiteX86" fmla="*/ 3413309 w 4158640"/>
                <a:gd name="connsiteY86" fmla="*/ 497757 h 1693173"/>
                <a:gd name="connsiteX87" fmla="*/ 4158640 w 4158640"/>
                <a:gd name="connsiteY87"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125177 w 4158640"/>
                <a:gd name="connsiteY76" fmla="*/ 681111 h 1693173"/>
                <a:gd name="connsiteX77" fmla="*/ 3146609 w 4158640"/>
                <a:gd name="connsiteY77" fmla="*/ 647774 h 1693173"/>
                <a:gd name="connsiteX78" fmla="*/ 3172803 w 4158640"/>
                <a:gd name="connsiteY78" fmla="*/ 628724 h 1693173"/>
                <a:gd name="connsiteX79" fmla="*/ 3198997 w 4158640"/>
                <a:gd name="connsiteY79" fmla="*/ 604911 h 1693173"/>
                <a:gd name="connsiteX80" fmla="*/ 3218046 w 4158640"/>
                <a:gd name="connsiteY80" fmla="*/ 588243 h 1693173"/>
                <a:gd name="connsiteX81" fmla="*/ 3239477 w 4158640"/>
                <a:gd name="connsiteY81" fmla="*/ 569194 h 1693173"/>
                <a:gd name="connsiteX82" fmla="*/ 3263290 w 4158640"/>
                <a:gd name="connsiteY82" fmla="*/ 554907 h 1693173"/>
                <a:gd name="connsiteX83" fmla="*/ 3287102 w 4158640"/>
                <a:gd name="connsiteY83" fmla="*/ 545381 h 1693173"/>
                <a:gd name="connsiteX84" fmla="*/ 3332346 w 4158640"/>
                <a:gd name="connsiteY84" fmla="*/ 526332 h 1693173"/>
                <a:gd name="connsiteX85" fmla="*/ 3413309 w 4158640"/>
                <a:gd name="connsiteY85" fmla="*/ 497757 h 1693173"/>
                <a:gd name="connsiteX86" fmla="*/ 4158640 w 4158640"/>
                <a:gd name="connsiteY86"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146609 w 4158640"/>
                <a:gd name="connsiteY76" fmla="*/ 647774 h 1693173"/>
                <a:gd name="connsiteX77" fmla="*/ 3172803 w 4158640"/>
                <a:gd name="connsiteY77" fmla="*/ 628724 h 1693173"/>
                <a:gd name="connsiteX78" fmla="*/ 3198997 w 4158640"/>
                <a:gd name="connsiteY78" fmla="*/ 604911 h 1693173"/>
                <a:gd name="connsiteX79" fmla="*/ 3218046 w 4158640"/>
                <a:gd name="connsiteY79" fmla="*/ 588243 h 1693173"/>
                <a:gd name="connsiteX80" fmla="*/ 3239477 w 4158640"/>
                <a:gd name="connsiteY80" fmla="*/ 569194 h 1693173"/>
                <a:gd name="connsiteX81" fmla="*/ 3263290 w 4158640"/>
                <a:gd name="connsiteY81" fmla="*/ 554907 h 1693173"/>
                <a:gd name="connsiteX82" fmla="*/ 3287102 w 4158640"/>
                <a:gd name="connsiteY82" fmla="*/ 545381 h 1693173"/>
                <a:gd name="connsiteX83" fmla="*/ 3332346 w 4158640"/>
                <a:gd name="connsiteY83" fmla="*/ 526332 h 1693173"/>
                <a:gd name="connsiteX84" fmla="*/ 3413309 w 4158640"/>
                <a:gd name="connsiteY84" fmla="*/ 497757 h 1693173"/>
                <a:gd name="connsiteX85" fmla="*/ 4158640 w 4158640"/>
                <a:gd name="connsiteY85"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8027 w 4158640"/>
                <a:gd name="connsiteY76" fmla="*/ 714449 h 1693173"/>
                <a:gd name="connsiteX77" fmla="*/ 3172803 w 4158640"/>
                <a:gd name="connsiteY77" fmla="*/ 628724 h 1693173"/>
                <a:gd name="connsiteX78" fmla="*/ 3198997 w 4158640"/>
                <a:gd name="connsiteY78" fmla="*/ 604911 h 1693173"/>
                <a:gd name="connsiteX79" fmla="*/ 3218046 w 4158640"/>
                <a:gd name="connsiteY79" fmla="*/ 588243 h 1693173"/>
                <a:gd name="connsiteX80" fmla="*/ 3239477 w 4158640"/>
                <a:gd name="connsiteY80" fmla="*/ 569194 h 1693173"/>
                <a:gd name="connsiteX81" fmla="*/ 3263290 w 4158640"/>
                <a:gd name="connsiteY81" fmla="*/ 554907 h 1693173"/>
                <a:gd name="connsiteX82" fmla="*/ 3287102 w 4158640"/>
                <a:gd name="connsiteY82" fmla="*/ 545381 h 1693173"/>
                <a:gd name="connsiteX83" fmla="*/ 3332346 w 4158640"/>
                <a:gd name="connsiteY83" fmla="*/ 526332 h 1693173"/>
                <a:gd name="connsiteX84" fmla="*/ 3413309 w 4158640"/>
                <a:gd name="connsiteY84" fmla="*/ 497757 h 1693173"/>
                <a:gd name="connsiteX85" fmla="*/ 4158640 w 4158640"/>
                <a:gd name="connsiteY85"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8027 w 4158640"/>
                <a:gd name="connsiteY76" fmla="*/ 714449 h 1693173"/>
                <a:gd name="connsiteX77" fmla="*/ 3198997 w 4158640"/>
                <a:gd name="connsiteY77" fmla="*/ 604911 h 1693173"/>
                <a:gd name="connsiteX78" fmla="*/ 3218046 w 4158640"/>
                <a:gd name="connsiteY78" fmla="*/ 588243 h 1693173"/>
                <a:gd name="connsiteX79" fmla="*/ 3239477 w 4158640"/>
                <a:gd name="connsiteY79" fmla="*/ 569194 h 1693173"/>
                <a:gd name="connsiteX80" fmla="*/ 3263290 w 4158640"/>
                <a:gd name="connsiteY80" fmla="*/ 554907 h 1693173"/>
                <a:gd name="connsiteX81" fmla="*/ 3287102 w 4158640"/>
                <a:gd name="connsiteY81" fmla="*/ 545381 h 1693173"/>
                <a:gd name="connsiteX82" fmla="*/ 3332346 w 4158640"/>
                <a:gd name="connsiteY82" fmla="*/ 526332 h 1693173"/>
                <a:gd name="connsiteX83" fmla="*/ 3413309 w 4158640"/>
                <a:gd name="connsiteY83" fmla="*/ 497757 h 1693173"/>
                <a:gd name="connsiteX84" fmla="*/ 4158640 w 4158640"/>
                <a:gd name="connsiteY84"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8027 w 4158640"/>
                <a:gd name="connsiteY76" fmla="*/ 714449 h 1693173"/>
                <a:gd name="connsiteX77" fmla="*/ 3218046 w 4158640"/>
                <a:gd name="connsiteY77" fmla="*/ 588243 h 1693173"/>
                <a:gd name="connsiteX78" fmla="*/ 3239477 w 4158640"/>
                <a:gd name="connsiteY78" fmla="*/ 569194 h 1693173"/>
                <a:gd name="connsiteX79" fmla="*/ 3263290 w 4158640"/>
                <a:gd name="connsiteY79" fmla="*/ 554907 h 1693173"/>
                <a:gd name="connsiteX80" fmla="*/ 3287102 w 4158640"/>
                <a:gd name="connsiteY80" fmla="*/ 545381 h 1693173"/>
                <a:gd name="connsiteX81" fmla="*/ 3332346 w 4158640"/>
                <a:gd name="connsiteY81" fmla="*/ 526332 h 1693173"/>
                <a:gd name="connsiteX82" fmla="*/ 3413309 w 4158640"/>
                <a:gd name="connsiteY82" fmla="*/ 497757 h 1693173"/>
                <a:gd name="connsiteX83" fmla="*/ 4158640 w 4158640"/>
                <a:gd name="connsiteY83"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8027 w 4158640"/>
                <a:gd name="connsiteY76" fmla="*/ 714449 h 1693173"/>
                <a:gd name="connsiteX77" fmla="*/ 3239477 w 4158640"/>
                <a:gd name="connsiteY77" fmla="*/ 569194 h 1693173"/>
                <a:gd name="connsiteX78" fmla="*/ 3263290 w 4158640"/>
                <a:gd name="connsiteY78" fmla="*/ 554907 h 1693173"/>
                <a:gd name="connsiteX79" fmla="*/ 3287102 w 4158640"/>
                <a:gd name="connsiteY79" fmla="*/ 545381 h 1693173"/>
                <a:gd name="connsiteX80" fmla="*/ 3332346 w 4158640"/>
                <a:gd name="connsiteY80" fmla="*/ 526332 h 1693173"/>
                <a:gd name="connsiteX81" fmla="*/ 3413309 w 4158640"/>
                <a:gd name="connsiteY81" fmla="*/ 497757 h 1693173"/>
                <a:gd name="connsiteX82" fmla="*/ 4158640 w 4158640"/>
                <a:gd name="connsiteY82"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8027 w 4158640"/>
                <a:gd name="connsiteY76" fmla="*/ 714449 h 1693173"/>
                <a:gd name="connsiteX77" fmla="*/ 3263290 w 4158640"/>
                <a:gd name="connsiteY77" fmla="*/ 554907 h 1693173"/>
                <a:gd name="connsiteX78" fmla="*/ 3287102 w 4158640"/>
                <a:gd name="connsiteY78" fmla="*/ 545381 h 1693173"/>
                <a:gd name="connsiteX79" fmla="*/ 3332346 w 4158640"/>
                <a:gd name="connsiteY79" fmla="*/ 526332 h 1693173"/>
                <a:gd name="connsiteX80" fmla="*/ 3413309 w 4158640"/>
                <a:gd name="connsiteY80" fmla="*/ 497757 h 1693173"/>
                <a:gd name="connsiteX81" fmla="*/ 4158640 w 4158640"/>
                <a:gd name="connsiteY81"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8027 w 4158640"/>
                <a:gd name="connsiteY76" fmla="*/ 714449 h 1693173"/>
                <a:gd name="connsiteX77" fmla="*/ 3287102 w 4158640"/>
                <a:gd name="connsiteY77" fmla="*/ 545381 h 1693173"/>
                <a:gd name="connsiteX78" fmla="*/ 3332346 w 4158640"/>
                <a:gd name="connsiteY78" fmla="*/ 526332 h 1693173"/>
                <a:gd name="connsiteX79" fmla="*/ 3413309 w 4158640"/>
                <a:gd name="connsiteY79" fmla="*/ 497757 h 1693173"/>
                <a:gd name="connsiteX80" fmla="*/ 4158640 w 4158640"/>
                <a:gd name="connsiteY80"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8027 w 4158640"/>
                <a:gd name="connsiteY76" fmla="*/ 714449 h 1693173"/>
                <a:gd name="connsiteX77" fmla="*/ 3332346 w 4158640"/>
                <a:gd name="connsiteY77" fmla="*/ 526332 h 1693173"/>
                <a:gd name="connsiteX78" fmla="*/ 3413309 w 4158640"/>
                <a:gd name="connsiteY78" fmla="*/ 497757 h 1693173"/>
                <a:gd name="connsiteX79" fmla="*/ 4158640 w 4158640"/>
                <a:gd name="connsiteY7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8027 w 4158640"/>
                <a:gd name="connsiteY76" fmla="*/ 714449 h 1693173"/>
                <a:gd name="connsiteX77" fmla="*/ 3413309 w 4158640"/>
                <a:gd name="connsiteY77" fmla="*/ 497757 h 1693173"/>
                <a:gd name="connsiteX78" fmla="*/ 4158640 w 4158640"/>
                <a:gd name="connsiteY78"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413309 w 4158640"/>
                <a:gd name="connsiteY77" fmla="*/ 497757 h 1693173"/>
                <a:gd name="connsiteX78" fmla="*/ 4158640 w 4158640"/>
                <a:gd name="connsiteY78"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115653 w 4158640"/>
                <a:gd name="connsiteY77" fmla="*/ 671590 h 1693173"/>
                <a:gd name="connsiteX78" fmla="*/ 3413309 w 4158640"/>
                <a:gd name="connsiteY78" fmla="*/ 497757 h 1693173"/>
                <a:gd name="connsiteX79" fmla="*/ 4158640 w 4158640"/>
                <a:gd name="connsiteY7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096603 w 4158640"/>
                <a:gd name="connsiteY77" fmla="*/ 685877 h 1693173"/>
                <a:gd name="connsiteX78" fmla="*/ 3413309 w 4158640"/>
                <a:gd name="connsiteY78" fmla="*/ 497757 h 1693173"/>
                <a:gd name="connsiteX79" fmla="*/ 4158640 w 4158640"/>
                <a:gd name="connsiteY79"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096603 w 4158640"/>
                <a:gd name="connsiteY77" fmla="*/ 685877 h 1693173"/>
                <a:gd name="connsiteX78" fmla="*/ 3127559 w 4158640"/>
                <a:gd name="connsiteY78" fmla="*/ 671590 h 1693173"/>
                <a:gd name="connsiteX79" fmla="*/ 3413309 w 4158640"/>
                <a:gd name="connsiteY79" fmla="*/ 497757 h 1693173"/>
                <a:gd name="connsiteX80" fmla="*/ 4158640 w 4158640"/>
                <a:gd name="connsiteY80"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096603 w 4158640"/>
                <a:gd name="connsiteY77" fmla="*/ 685877 h 1693173"/>
                <a:gd name="connsiteX78" fmla="*/ 3125178 w 4158640"/>
                <a:gd name="connsiteY78" fmla="*/ 662065 h 1693173"/>
                <a:gd name="connsiteX79" fmla="*/ 3413309 w 4158640"/>
                <a:gd name="connsiteY79" fmla="*/ 497757 h 1693173"/>
                <a:gd name="connsiteX80" fmla="*/ 4158640 w 4158640"/>
                <a:gd name="connsiteY80"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096603 w 4158640"/>
                <a:gd name="connsiteY77" fmla="*/ 685877 h 1693173"/>
                <a:gd name="connsiteX78" fmla="*/ 3125178 w 4158640"/>
                <a:gd name="connsiteY78" fmla="*/ 662065 h 1693173"/>
                <a:gd name="connsiteX79" fmla="*/ 3146609 w 4158640"/>
                <a:gd name="connsiteY79" fmla="*/ 652540 h 1693173"/>
                <a:gd name="connsiteX80" fmla="*/ 3413309 w 4158640"/>
                <a:gd name="connsiteY80" fmla="*/ 497757 h 1693173"/>
                <a:gd name="connsiteX81" fmla="*/ 4158640 w 4158640"/>
                <a:gd name="connsiteY81"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096603 w 4158640"/>
                <a:gd name="connsiteY77" fmla="*/ 685877 h 1693173"/>
                <a:gd name="connsiteX78" fmla="*/ 3125178 w 4158640"/>
                <a:gd name="connsiteY78" fmla="*/ 662065 h 1693173"/>
                <a:gd name="connsiteX79" fmla="*/ 3151371 w 4158640"/>
                <a:gd name="connsiteY79" fmla="*/ 635872 h 1693173"/>
                <a:gd name="connsiteX80" fmla="*/ 3413309 w 4158640"/>
                <a:gd name="connsiteY80" fmla="*/ 497757 h 1693173"/>
                <a:gd name="connsiteX81" fmla="*/ 4158640 w 4158640"/>
                <a:gd name="connsiteY81"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096603 w 4158640"/>
                <a:gd name="connsiteY77" fmla="*/ 685877 h 1693173"/>
                <a:gd name="connsiteX78" fmla="*/ 3125178 w 4158640"/>
                <a:gd name="connsiteY78" fmla="*/ 662065 h 1693173"/>
                <a:gd name="connsiteX79" fmla="*/ 3151371 w 4158640"/>
                <a:gd name="connsiteY79" fmla="*/ 635872 h 1693173"/>
                <a:gd name="connsiteX80" fmla="*/ 3184709 w 4158640"/>
                <a:gd name="connsiteY80" fmla="*/ 616821 h 1693173"/>
                <a:gd name="connsiteX81" fmla="*/ 3413309 w 4158640"/>
                <a:gd name="connsiteY81" fmla="*/ 497757 h 1693173"/>
                <a:gd name="connsiteX82" fmla="*/ 4158640 w 4158640"/>
                <a:gd name="connsiteY82"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096603 w 4158640"/>
                <a:gd name="connsiteY77" fmla="*/ 685877 h 1693173"/>
                <a:gd name="connsiteX78" fmla="*/ 3125178 w 4158640"/>
                <a:gd name="connsiteY78" fmla="*/ 662065 h 1693173"/>
                <a:gd name="connsiteX79" fmla="*/ 3151371 w 4158640"/>
                <a:gd name="connsiteY79" fmla="*/ 635872 h 1693173"/>
                <a:gd name="connsiteX80" fmla="*/ 3170422 w 4158640"/>
                <a:gd name="connsiteY80" fmla="*/ 614439 h 1693173"/>
                <a:gd name="connsiteX81" fmla="*/ 3413309 w 4158640"/>
                <a:gd name="connsiteY81" fmla="*/ 497757 h 1693173"/>
                <a:gd name="connsiteX82" fmla="*/ 4158640 w 4158640"/>
                <a:gd name="connsiteY82"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096603 w 4158640"/>
                <a:gd name="connsiteY77" fmla="*/ 685877 h 1693173"/>
                <a:gd name="connsiteX78" fmla="*/ 3125178 w 4158640"/>
                <a:gd name="connsiteY78" fmla="*/ 662065 h 1693173"/>
                <a:gd name="connsiteX79" fmla="*/ 3151371 w 4158640"/>
                <a:gd name="connsiteY79" fmla="*/ 635872 h 1693173"/>
                <a:gd name="connsiteX80" fmla="*/ 3170422 w 4158640"/>
                <a:gd name="connsiteY80" fmla="*/ 614439 h 1693173"/>
                <a:gd name="connsiteX81" fmla="*/ 3191853 w 4158640"/>
                <a:gd name="connsiteY81" fmla="*/ 604915 h 1693173"/>
                <a:gd name="connsiteX82" fmla="*/ 3413309 w 4158640"/>
                <a:gd name="connsiteY82" fmla="*/ 497757 h 1693173"/>
                <a:gd name="connsiteX83" fmla="*/ 4158640 w 4158640"/>
                <a:gd name="connsiteY83"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096603 w 4158640"/>
                <a:gd name="connsiteY77" fmla="*/ 685877 h 1693173"/>
                <a:gd name="connsiteX78" fmla="*/ 3125178 w 4158640"/>
                <a:gd name="connsiteY78" fmla="*/ 662065 h 1693173"/>
                <a:gd name="connsiteX79" fmla="*/ 3151371 w 4158640"/>
                <a:gd name="connsiteY79" fmla="*/ 635872 h 1693173"/>
                <a:gd name="connsiteX80" fmla="*/ 3170422 w 4158640"/>
                <a:gd name="connsiteY80" fmla="*/ 614439 h 1693173"/>
                <a:gd name="connsiteX81" fmla="*/ 3191853 w 4158640"/>
                <a:gd name="connsiteY81" fmla="*/ 597771 h 1693173"/>
                <a:gd name="connsiteX82" fmla="*/ 3413309 w 4158640"/>
                <a:gd name="connsiteY82" fmla="*/ 497757 h 1693173"/>
                <a:gd name="connsiteX83" fmla="*/ 4158640 w 4158640"/>
                <a:gd name="connsiteY83"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3264 w 4158640"/>
                <a:gd name="connsiteY76" fmla="*/ 707305 h 1693173"/>
                <a:gd name="connsiteX77" fmla="*/ 3096603 w 4158640"/>
                <a:gd name="connsiteY77" fmla="*/ 685877 h 1693173"/>
                <a:gd name="connsiteX78" fmla="*/ 3129940 w 4158640"/>
                <a:gd name="connsiteY78" fmla="*/ 669208 h 1693173"/>
                <a:gd name="connsiteX79" fmla="*/ 3151371 w 4158640"/>
                <a:gd name="connsiteY79" fmla="*/ 635872 h 1693173"/>
                <a:gd name="connsiteX80" fmla="*/ 3170422 w 4158640"/>
                <a:gd name="connsiteY80" fmla="*/ 614439 h 1693173"/>
                <a:gd name="connsiteX81" fmla="*/ 3191853 w 4158640"/>
                <a:gd name="connsiteY81" fmla="*/ 597771 h 1693173"/>
                <a:gd name="connsiteX82" fmla="*/ 3413309 w 4158640"/>
                <a:gd name="connsiteY82" fmla="*/ 497757 h 1693173"/>
                <a:gd name="connsiteX83" fmla="*/ 4158640 w 4158640"/>
                <a:gd name="connsiteY83"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68026 w 4158640"/>
                <a:gd name="connsiteY76" fmla="*/ 716830 h 1693173"/>
                <a:gd name="connsiteX77" fmla="*/ 3096603 w 4158640"/>
                <a:gd name="connsiteY77" fmla="*/ 685877 h 1693173"/>
                <a:gd name="connsiteX78" fmla="*/ 3129940 w 4158640"/>
                <a:gd name="connsiteY78" fmla="*/ 669208 h 1693173"/>
                <a:gd name="connsiteX79" fmla="*/ 3151371 w 4158640"/>
                <a:gd name="connsiteY79" fmla="*/ 635872 h 1693173"/>
                <a:gd name="connsiteX80" fmla="*/ 3170422 w 4158640"/>
                <a:gd name="connsiteY80" fmla="*/ 614439 h 1693173"/>
                <a:gd name="connsiteX81" fmla="*/ 3191853 w 4158640"/>
                <a:gd name="connsiteY81" fmla="*/ 597771 h 1693173"/>
                <a:gd name="connsiteX82" fmla="*/ 3413309 w 4158640"/>
                <a:gd name="connsiteY82" fmla="*/ 497757 h 1693173"/>
                <a:gd name="connsiteX83" fmla="*/ 4158640 w 4158640"/>
                <a:gd name="connsiteY83"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70408 w 4158640"/>
                <a:gd name="connsiteY76" fmla="*/ 709687 h 1693173"/>
                <a:gd name="connsiteX77" fmla="*/ 3096603 w 4158640"/>
                <a:gd name="connsiteY77" fmla="*/ 685877 h 1693173"/>
                <a:gd name="connsiteX78" fmla="*/ 3129940 w 4158640"/>
                <a:gd name="connsiteY78" fmla="*/ 669208 h 1693173"/>
                <a:gd name="connsiteX79" fmla="*/ 3151371 w 4158640"/>
                <a:gd name="connsiteY79" fmla="*/ 635872 h 1693173"/>
                <a:gd name="connsiteX80" fmla="*/ 3170422 w 4158640"/>
                <a:gd name="connsiteY80" fmla="*/ 614439 h 1693173"/>
                <a:gd name="connsiteX81" fmla="*/ 3191853 w 4158640"/>
                <a:gd name="connsiteY81" fmla="*/ 597771 h 1693173"/>
                <a:gd name="connsiteX82" fmla="*/ 3413309 w 4158640"/>
                <a:gd name="connsiteY82" fmla="*/ 497757 h 1693173"/>
                <a:gd name="connsiteX83" fmla="*/ 4158640 w 4158640"/>
                <a:gd name="connsiteY83"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70408 w 4158640"/>
                <a:gd name="connsiteY76" fmla="*/ 709687 h 1693173"/>
                <a:gd name="connsiteX77" fmla="*/ 3103746 w 4158640"/>
                <a:gd name="connsiteY77" fmla="*/ 685877 h 1693173"/>
                <a:gd name="connsiteX78" fmla="*/ 3129940 w 4158640"/>
                <a:gd name="connsiteY78" fmla="*/ 669208 h 1693173"/>
                <a:gd name="connsiteX79" fmla="*/ 3151371 w 4158640"/>
                <a:gd name="connsiteY79" fmla="*/ 635872 h 1693173"/>
                <a:gd name="connsiteX80" fmla="*/ 3170422 w 4158640"/>
                <a:gd name="connsiteY80" fmla="*/ 614439 h 1693173"/>
                <a:gd name="connsiteX81" fmla="*/ 3191853 w 4158640"/>
                <a:gd name="connsiteY81" fmla="*/ 597771 h 1693173"/>
                <a:gd name="connsiteX82" fmla="*/ 3413309 w 4158640"/>
                <a:gd name="connsiteY82" fmla="*/ 497757 h 1693173"/>
                <a:gd name="connsiteX83" fmla="*/ 4158640 w 4158640"/>
                <a:gd name="connsiteY83"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70408 w 4158640"/>
                <a:gd name="connsiteY76" fmla="*/ 709687 h 1693173"/>
                <a:gd name="connsiteX77" fmla="*/ 3103746 w 4158640"/>
                <a:gd name="connsiteY77" fmla="*/ 685877 h 1693173"/>
                <a:gd name="connsiteX78" fmla="*/ 3129940 w 4158640"/>
                <a:gd name="connsiteY78" fmla="*/ 669208 h 1693173"/>
                <a:gd name="connsiteX79" fmla="*/ 3160896 w 4158640"/>
                <a:gd name="connsiteY79" fmla="*/ 643016 h 1693173"/>
                <a:gd name="connsiteX80" fmla="*/ 3170422 w 4158640"/>
                <a:gd name="connsiteY80" fmla="*/ 614439 h 1693173"/>
                <a:gd name="connsiteX81" fmla="*/ 3191853 w 4158640"/>
                <a:gd name="connsiteY81" fmla="*/ 597771 h 1693173"/>
                <a:gd name="connsiteX82" fmla="*/ 3413309 w 4158640"/>
                <a:gd name="connsiteY82" fmla="*/ 497757 h 1693173"/>
                <a:gd name="connsiteX83" fmla="*/ 4158640 w 4158640"/>
                <a:gd name="connsiteY83"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70408 w 4158640"/>
                <a:gd name="connsiteY76" fmla="*/ 709687 h 1693173"/>
                <a:gd name="connsiteX77" fmla="*/ 3103746 w 4158640"/>
                <a:gd name="connsiteY77" fmla="*/ 685877 h 1693173"/>
                <a:gd name="connsiteX78" fmla="*/ 3129940 w 4158640"/>
                <a:gd name="connsiteY78" fmla="*/ 669208 h 1693173"/>
                <a:gd name="connsiteX79" fmla="*/ 3160896 w 4158640"/>
                <a:gd name="connsiteY79" fmla="*/ 643016 h 1693173"/>
                <a:gd name="connsiteX80" fmla="*/ 3187090 w 4158640"/>
                <a:gd name="connsiteY80" fmla="*/ 623964 h 1693173"/>
                <a:gd name="connsiteX81" fmla="*/ 3191853 w 4158640"/>
                <a:gd name="connsiteY81" fmla="*/ 597771 h 1693173"/>
                <a:gd name="connsiteX82" fmla="*/ 3413309 w 4158640"/>
                <a:gd name="connsiteY82" fmla="*/ 497757 h 1693173"/>
                <a:gd name="connsiteX83" fmla="*/ 4158640 w 4158640"/>
                <a:gd name="connsiteY83"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70408 w 4158640"/>
                <a:gd name="connsiteY76" fmla="*/ 709687 h 1693173"/>
                <a:gd name="connsiteX77" fmla="*/ 3103746 w 4158640"/>
                <a:gd name="connsiteY77" fmla="*/ 685877 h 1693173"/>
                <a:gd name="connsiteX78" fmla="*/ 3129940 w 4158640"/>
                <a:gd name="connsiteY78" fmla="*/ 669208 h 1693173"/>
                <a:gd name="connsiteX79" fmla="*/ 3160896 w 4158640"/>
                <a:gd name="connsiteY79" fmla="*/ 643016 h 1693173"/>
                <a:gd name="connsiteX80" fmla="*/ 3187090 w 4158640"/>
                <a:gd name="connsiteY80" fmla="*/ 623964 h 1693173"/>
                <a:gd name="connsiteX81" fmla="*/ 3206141 w 4158640"/>
                <a:gd name="connsiteY81" fmla="*/ 609677 h 1693173"/>
                <a:gd name="connsiteX82" fmla="*/ 3413309 w 4158640"/>
                <a:gd name="connsiteY82" fmla="*/ 497757 h 1693173"/>
                <a:gd name="connsiteX83" fmla="*/ 4158640 w 4158640"/>
                <a:gd name="connsiteY83"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70408 w 4158640"/>
                <a:gd name="connsiteY76" fmla="*/ 709687 h 1693173"/>
                <a:gd name="connsiteX77" fmla="*/ 3103746 w 4158640"/>
                <a:gd name="connsiteY77" fmla="*/ 685877 h 1693173"/>
                <a:gd name="connsiteX78" fmla="*/ 3129940 w 4158640"/>
                <a:gd name="connsiteY78" fmla="*/ 669208 h 1693173"/>
                <a:gd name="connsiteX79" fmla="*/ 3151371 w 4158640"/>
                <a:gd name="connsiteY79" fmla="*/ 635872 h 1693173"/>
                <a:gd name="connsiteX80" fmla="*/ 3187090 w 4158640"/>
                <a:gd name="connsiteY80" fmla="*/ 623964 h 1693173"/>
                <a:gd name="connsiteX81" fmla="*/ 3206141 w 4158640"/>
                <a:gd name="connsiteY81" fmla="*/ 609677 h 1693173"/>
                <a:gd name="connsiteX82" fmla="*/ 3413309 w 4158640"/>
                <a:gd name="connsiteY82" fmla="*/ 497757 h 1693173"/>
                <a:gd name="connsiteX83" fmla="*/ 4158640 w 4158640"/>
                <a:gd name="connsiteY83" fmla="*/ 42936 h 1693173"/>
                <a:gd name="connsiteX0" fmla="*/ 4158640 w 4158640"/>
                <a:gd name="connsiteY0" fmla="*/ 42936 h 1693173"/>
                <a:gd name="connsiteX1" fmla="*/ 4158640 w 4158640"/>
                <a:gd name="connsiteY1" fmla="*/ 1681236 h 1693173"/>
                <a:gd name="connsiteX2" fmla="*/ 301015 w 4158640"/>
                <a:gd name="connsiteY2" fmla="*/ 1681236 h 1693173"/>
                <a:gd name="connsiteX3" fmla="*/ 430396 w 4158640"/>
                <a:gd name="connsiteY3" fmla="*/ 1660598 h 1693173"/>
                <a:gd name="connsiteX4" fmla="*/ 384358 w 4158640"/>
                <a:gd name="connsiteY4" fmla="*/ 1674093 h 1693173"/>
                <a:gd name="connsiteX5" fmla="*/ 472465 w 4158640"/>
                <a:gd name="connsiteY5" fmla="*/ 1647898 h 1693173"/>
                <a:gd name="connsiteX6" fmla="*/ 527234 w 4158640"/>
                <a:gd name="connsiteY6" fmla="*/ 1638374 h 1693173"/>
                <a:gd name="connsiteX7" fmla="*/ 584384 w 4158640"/>
                <a:gd name="connsiteY7" fmla="*/ 1633611 h 1693173"/>
                <a:gd name="connsiteX8" fmla="*/ 636771 w 4158640"/>
                <a:gd name="connsiteY8" fmla="*/ 1621705 h 1693173"/>
                <a:gd name="connsiteX9" fmla="*/ 708209 w 4158640"/>
                <a:gd name="connsiteY9" fmla="*/ 1605037 h 1693173"/>
                <a:gd name="connsiteX10" fmla="*/ 765359 w 4158640"/>
                <a:gd name="connsiteY10" fmla="*/ 1590749 h 1693173"/>
                <a:gd name="connsiteX11" fmla="*/ 853466 w 4158640"/>
                <a:gd name="connsiteY11" fmla="*/ 1576461 h 1693173"/>
                <a:gd name="connsiteX12" fmla="*/ 951094 w 4158640"/>
                <a:gd name="connsiteY12" fmla="*/ 1566936 h 1693173"/>
                <a:gd name="connsiteX13" fmla="*/ 1010628 w 4158640"/>
                <a:gd name="connsiteY13" fmla="*/ 1557411 h 1693173"/>
                <a:gd name="connsiteX14" fmla="*/ 1060634 w 4158640"/>
                <a:gd name="connsiteY14" fmla="*/ 1555029 h 1693173"/>
                <a:gd name="connsiteX15" fmla="*/ 1115404 w 4158640"/>
                <a:gd name="connsiteY15" fmla="*/ 1533598 h 1693173"/>
                <a:gd name="connsiteX16" fmla="*/ 1163027 w 4158640"/>
                <a:gd name="connsiteY16" fmla="*/ 1516929 h 1693173"/>
                <a:gd name="connsiteX17" fmla="*/ 1213034 w 4158640"/>
                <a:gd name="connsiteY17" fmla="*/ 1509786 h 1693173"/>
                <a:gd name="connsiteX18" fmla="*/ 1253515 w 4158640"/>
                <a:gd name="connsiteY18" fmla="*/ 1502642 h 1693173"/>
                <a:gd name="connsiteX19" fmla="*/ 1293996 w 4158640"/>
                <a:gd name="connsiteY19" fmla="*/ 1493117 h 1693173"/>
                <a:gd name="connsiteX20" fmla="*/ 1336860 w 4158640"/>
                <a:gd name="connsiteY20" fmla="*/ 1464542 h 1693173"/>
                <a:gd name="connsiteX21" fmla="*/ 1358290 w 4158640"/>
                <a:gd name="connsiteY21" fmla="*/ 1443110 h 1693173"/>
                <a:gd name="connsiteX22" fmla="*/ 1384484 w 4158640"/>
                <a:gd name="connsiteY22" fmla="*/ 1431205 h 1693173"/>
                <a:gd name="connsiteX23" fmla="*/ 1427347 w 4158640"/>
                <a:gd name="connsiteY23" fmla="*/ 1412155 h 1693173"/>
                <a:gd name="connsiteX24" fmla="*/ 1455922 w 4158640"/>
                <a:gd name="connsiteY24" fmla="*/ 1400248 h 1693173"/>
                <a:gd name="connsiteX25" fmla="*/ 1491640 w 4158640"/>
                <a:gd name="connsiteY25" fmla="*/ 1381199 h 1693173"/>
                <a:gd name="connsiteX26" fmla="*/ 1534503 w 4158640"/>
                <a:gd name="connsiteY26" fmla="*/ 1364529 h 1693173"/>
                <a:gd name="connsiteX27" fmla="*/ 1563078 w 4158640"/>
                <a:gd name="connsiteY27" fmla="*/ 1355005 h 1693173"/>
                <a:gd name="connsiteX28" fmla="*/ 1589271 w 4158640"/>
                <a:gd name="connsiteY28" fmla="*/ 1347860 h 1693173"/>
                <a:gd name="connsiteX29" fmla="*/ 1620228 w 4158640"/>
                <a:gd name="connsiteY29" fmla="*/ 1343098 h 1693173"/>
                <a:gd name="connsiteX30" fmla="*/ 1648802 w 4158640"/>
                <a:gd name="connsiteY30" fmla="*/ 1335954 h 1693173"/>
                <a:gd name="connsiteX31" fmla="*/ 1682140 w 4158640"/>
                <a:gd name="connsiteY31" fmla="*/ 1331192 h 1693173"/>
                <a:gd name="connsiteX32" fmla="*/ 1710716 w 4158640"/>
                <a:gd name="connsiteY32" fmla="*/ 1314524 h 1693173"/>
                <a:gd name="connsiteX33" fmla="*/ 1732146 w 4158640"/>
                <a:gd name="connsiteY33" fmla="*/ 1297855 h 1693173"/>
                <a:gd name="connsiteX34" fmla="*/ 1767866 w 4158640"/>
                <a:gd name="connsiteY34" fmla="*/ 1278804 h 1693173"/>
                <a:gd name="connsiteX35" fmla="*/ 1796440 w 4158640"/>
                <a:gd name="connsiteY35" fmla="*/ 1264517 h 1693173"/>
                <a:gd name="connsiteX36" fmla="*/ 1825015 w 4158640"/>
                <a:gd name="connsiteY36" fmla="*/ 1252610 h 1693173"/>
                <a:gd name="connsiteX37" fmla="*/ 1851209 w 4158640"/>
                <a:gd name="connsiteY37" fmla="*/ 1238323 h 1693173"/>
                <a:gd name="connsiteX38" fmla="*/ 1875022 w 4158640"/>
                <a:gd name="connsiteY38" fmla="*/ 1231180 h 1693173"/>
                <a:gd name="connsiteX39" fmla="*/ 1896452 w 4158640"/>
                <a:gd name="connsiteY39" fmla="*/ 1219273 h 1693173"/>
                <a:gd name="connsiteX40" fmla="*/ 1927408 w 4158640"/>
                <a:gd name="connsiteY40" fmla="*/ 1209749 h 1693173"/>
                <a:gd name="connsiteX41" fmla="*/ 1967890 w 4158640"/>
                <a:gd name="connsiteY41" fmla="*/ 1185935 h 1693173"/>
                <a:gd name="connsiteX42" fmla="*/ 2010753 w 4158640"/>
                <a:gd name="connsiteY42" fmla="*/ 1174029 h 1693173"/>
                <a:gd name="connsiteX43" fmla="*/ 2041709 w 4158640"/>
                <a:gd name="connsiteY43" fmla="*/ 1162123 h 1693173"/>
                <a:gd name="connsiteX44" fmla="*/ 2072665 w 4158640"/>
                <a:gd name="connsiteY44" fmla="*/ 1152598 h 1693173"/>
                <a:gd name="connsiteX45" fmla="*/ 2108384 w 4158640"/>
                <a:gd name="connsiteY45" fmla="*/ 1145454 h 1693173"/>
                <a:gd name="connsiteX46" fmla="*/ 2139340 w 4158640"/>
                <a:gd name="connsiteY46" fmla="*/ 1128786 h 1693173"/>
                <a:gd name="connsiteX47" fmla="*/ 2170296 w 4158640"/>
                <a:gd name="connsiteY47" fmla="*/ 1114498 h 1693173"/>
                <a:gd name="connsiteX48" fmla="*/ 2198871 w 4158640"/>
                <a:gd name="connsiteY48" fmla="*/ 1102592 h 1693173"/>
                <a:gd name="connsiteX49" fmla="*/ 2241734 w 4158640"/>
                <a:gd name="connsiteY49" fmla="*/ 1088304 h 1693173"/>
                <a:gd name="connsiteX50" fmla="*/ 2265546 w 4158640"/>
                <a:gd name="connsiteY50" fmla="*/ 1069254 h 1693173"/>
                <a:gd name="connsiteX51" fmla="*/ 2286978 w 4158640"/>
                <a:gd name="connsiteY51" fmla="*/ 1057348 h 1693173"/>
                <a:gd name="connsiteX52" fmla="*/ 2310790 w 4158640"/>
                <a:gd name="connsiteY52" fmla="*/ 1045442 h 1693173"/>
                <a:gd name="connsiteX53" fmla="*/ 2341746 w 4158640"/>
                <a:gd name="connsiteY53" fmla="*/ 1026392 h 1693173"/>
                <a:gd name="connsiteX54" fmla="*/ 2367940 w 4158640"/>
                <a:gd name="connsiteY54" fmla="*/ 1009724 h 1693173"/>
                <a:gd name="connsiteX55" fmla="*/ 2384609 w 4158640"/>
                <a:gd name="connsiteY55" fmla="*/ 997817 h 1693173"/>
                <a:gd name="connsiteX56" fmla="*/ 2417946 w 4158640"/>
                <a:gd name="connsiteY56" fmla="*/ 993055 h 1693173"/>
                <a:gd name="connsiteX57" fmla="*/ 2451284 w 4158640"/>
                <a:gd name="connsiteY57" fmla="*/ 981148 h 1693173"/>
                <a:gd name="connsiteX58" fmla="*/ 2477478 w 4158640"/>
                <a:gd name="connsiteY58" fmla="*/ 969242 h 1693173"/>
                <a:gd name="connsiteX59" fmla="*/ 2506053 w 4158640"/>
                <a:gd name="connsiteY59" fmla="*/ 964479 h 1693173"/>
                <a:gd name="connsiteX60" fmla="*/ 2527484 w 4158640"/>
                <a:gd name="connsiteY60" fmla="*/ 947811 h 1693173"/>
                <a:gd name="connsiteX61" fmla="*/ 2560821 w 4158640"/>
                <a:gd name="connsiteY61" fmla="*/ 931142 h 1693173"/>
                <a:gd name="connsiteX62" fmla="*/ 2587015 w 4158640"/>
                <a:gd name="connsiteY62" fmla="*/ 909711 h 1693173"/>
                <a:gd name="connsiteX63" fmla="*/ 2667977 w 4158640"/>
                <a:gd name="connsiteY63" fmla="*/ 873992 h 1693173"/>
                <a:gd name="connsiteX64" fmla="*/ 2698934 w 4158640"/>
                <a:gd name="connsiteY64" fmla="*/ 864467 h 1693173"/>
                <a:gd name="connsiteX65" fmla="*/ 2727508 w 4158640"/>
                <a:gd name="connsiteY65" fmla="*/ 857324 h 1693173"/>
                <a:gd name="connsiteX66" fmla="*/ 2758465 w 4158640"/>
                <a:gd name="connsiteY66" fmla="*/ 857323 h 1693173"/>
                <a:gd name="connsiteX67" fmla="*/ 2791803 w 4158640"/>
                <a:gd name="connsiteY67" fmla="*/ 840654 h 1693173"/>
                <a:gd name="connsiteX68" fmla="*/ 2827521 w 4158640"/>
                <a:gd name="connsiteY68" fmla="*/ 828748 h 1693173"/>
                <a:gd name="connsiteX69" fmla="*/ 2860859 w 4158640"/>
                <a:gd name="connsiteY69" fmla="*/ 819223 h 1693173"/>
                <a:gd name="connsiteX70" fmla="*/ 2887053 w 4158640"/>
                <a:gd name="connsiteY70" fmla="*/ 802554 h 1693173"/>
                <a:gd name="connsiteX71" fmla="*/ 2918009 w 4158640"/>
                <a:gd name="connsiteY71" fmla="*/ 788267 h 1693173"/>
                <a:gd name="connsiteX72" fmla="*/ 2939440 w 4158640"/>
                <a:gd name="connsiteY72" fmla="*/ 773979 h 1693173"/>
                <a:gd name="connsiteX73" fmla="*/ 2963253 w 4158640"/>
                <a:gd name="connsiteY73" fmla="*/ 757311 h 1693173"/>
                <a:gd name="connsiteX74" fmla="*/ 2989446 w 4158640"/>
                <a:gd name="connsiteY74" fmla="*/ 750167 h 1693173"/>
                <a:gd name="connsiteX75" fmla="*/ 3018021 w 4158640"/>
                <a:gd name="connsiteY75" fmla="*/ 731117 h 1693173"/>
                <a:gd name="connsiteX76" fmla="*/ 3070408 w 4158640"/>
                <a:gd name="connsiteY76" fmla="*/ 709687 h 1693173"/>
                <a:gd name="connsiteX77" fmla="*/ 3096602 w 4158640"/>
                <a:gd name="connsiteY77" fmla="*/ 685877 h 1693173"/>
                <a:gd name="connsiteX78" fmla="*/ 3129940 w 4158640"/>
                <a:gd name="connsiteY78" fmla="*/ 669208 h 1693173"/>
                <a:gd name="connsiteX79" fmla="*/ 3151371 w 4158640"/>
                <a:gd name="connsiteY79" fmla="*/ 635872 h 1693173"/>
                <a:gd name="connsiteX80" fmla="*/ 3187090 w 4158640"/>
                <a:gd name="connsiteY80" fmla="*/ 623964 h 1693173"/>
                <a:gd name="connsiteX81" fmla="*/ 3206141 w 4158640"/>
                <a:gd name="connsiteY81" fmla="*/ 609677 h 1693173"/>
                <a:gd name="connsiteX82" fmla="*/ 3413309 w 4158640"/>
                <a:gd name="connsiteY82" fmla="*/ 497757 h 1693173"/>
                <a:gd name="connsiteX83" fmla="*/ 4158640 w 4158640"/>
                <a:gd name="connsiteY83" fmla="*/ 42936 h 1693173"/>
                <a:gd name="connsiteX0" fmla="*/ 4158640 w 4158640"/>
                <a:gd name="connsiteY0" fmla="*/ 148880 h 1799117"/>
                <a:gd name="connsiteX1" fmla="*/ 4158640 w 4158640"/>
                <a:gd name="connsiteY1" fmla="*/ 1787180 h 1799117"/>
                <a:gd name="connsiteX2" fmla="*/ 301015 w 4158640"/>
                <a:gd name="connsiteY2" fmla="*/ 1787180 h 1799117"/>
                <a:gd name="connsiteX3" fmla="*/ 430396 w 4158640"/>
                <a:gd name="connsiteY3" fmla="*/ 1766542 h 1799117"/>
                <a:gd name="connsiteX4" fmla="*/ 384358 w 4158640"/>
                <a:gd name="connsiteY4" fmla="*/ 1780037 h 1799117"/>
                <a:gd name="connsiteX5" fmla="*/ 472465 w 4158640"/>
                <a:gd name="connsiteY5" fmla="*/ 1753842 h 1799117"/>
                <a:gd name="connsiteX6" fmla="*/ 527234 w 4158640"/>
                <a:gd name="connsiteY6" fmla="*/ 1744318 h 1799117"/>
                <a:gd name="connsiteX7" fmla="*/ 584384 w 4158640"/>
                <a:gd name="connsiteY7" fmla="*/ 1739555 h 1799117"/>
                <a:gd name="connsiteX8" fmla="*/ 636771 w 4158640"/>
                <a:gd name="connsiteY8" fmla="*/ 1727649 h 1799117"/>
                <a:gd name="connsiteX9" fmla="*/ 708209 w 4158640"/>
                <a:gd name="connsiteY9" fmla="*/ 1710981 h 1799117"/>
                <a:gd name="connsiteX10" fmla="*/ 765359 w 4158640"/>
                <a:gd name="connsiteY10" fmla="*/ 1696693 h 1799117"/>
                <a:gd name="connsiteX11" fmla="*/ 853466 w 4158640"/>
                <a:gd name="connsiteY11" fmla="*/ 1682405 h 1799117"/>
                <a:gd name="connsiteX12" fmla="*/ 951094 w 4158640"/>
                <a:gd name="connsiteY12" fmla="*/ 1672880 h 1799117"/>
                <a:gd name="connsiteX13" fmla="*/ 1010628 w 4158640"/>
                <a:gd name="connsiteY13" fmla="*/ 1663355 h 1799117"/>
                <a:gd name="connsiteX14" fmla="*/ 1060634 w 4158640"/>
                <a:gd name="connsiteY14" fmla="*/ 1660973 h 1799117"/>
                <a:gd name="connsiteX15" fmla="*/ 1115404 w 4158640"/>
                <a:gd name="connsiteY15" fmla="*/ 1639542 h 1799117"/>
                <a:gd name="connsiteX16" fmla="*/ 1163027 w 4158640"/>
                <a:gd name="connsiteY16" fmla="*/ 1622873 h 1799117"/>
                <a:gd name="connsiteX17" fmla="*/ 1213034 w 4158640"/>
                <a:gd name="connsiteY17" fmla="*/ 1615730 h 1799117"/>
                <a:gd name="connsiteX18" fmla="*/ 1253515 w 4158640"/>
                <a:gd name="connsiteY18" fmla="*/ 1608586 h 1799117"/>
                <a:gd name="connsiteX19" fmla="*/ 1293996 w 4158640"/>
                <a:gd name="connsiteY19" fmla="*/ 1599061 h 1799117"/>
                <a:gd name="connsiteX20" fmla="*/ 1336860 w 4158640"/>
                <a:gd name="connsiteY20" fmla="*/ 1570486 h 1799117"/>
                <a:gd name="connsiteX21" fmla="*/ 1358290 w 4158640"/>
                <a:gd name="connsiteY21" fmla="*/ 1549054 h 1799117"/>
                <a:gd name="connsiteX22" fmla="*/ 1384484 w 4158640"/>
                <a:gd name="connsiteY22" fmla="*/ 1537149 h 1799117"/>
                <a:gd name="connsiteX23" fmla="*/ 1427347 w 4158640"/>
                <a:gd name="connsiteY23" fmla="*/ 1518099 h 1799117"/>
                <a:gd name="connsiteX24" fmla="*/ 1455922 w 4158640"/>
                <a:gd name="connsiteY24" fmla="*/ 1506192 h 1799117"/>
                <a:gd name="connsiteX25" fmla="*/ 1491640 w 4158640"/>
                <a:gd name="connsiteY25" fmla="*/ 1487143 h 1799117"/>
                <a:gd name="connsiteX26" fmla="*/ 1534503 w 4158640"/>
                <a:gd name="connsiteY26" fmla="*/ 1470473 h 1799117"/>
                <a:gd name="connsiteX27" fmla="*/ 1563078 w 4158640"/>
                <a:gd name="connsiteY27" fmla="*/ 1460949 h 1799117"/>
                <a:gd name="connsiteX28" fmla="*/ 1589271 w 4158640"/>
                <a:gd name="connsiteY28" fmla="*/ 1453804 h 1799117"/>
                <a:gd name="connsiteX29" fmla="*/ 1620228 w 4158640"/>
                <a:gd name="connsiteY29" fmla="*/ 1449042 h 1799117"/>
                <a:gd name="connsiteX30" fmla="*/ 1648802 w 4158640"/>
                <a:gd name="connsiteY30" fmla="*/ 1441898 h 1799117"/>
                <a:gd name="connsiteX31" fmla="*/ 1682140 w 4158640"/>
                <a:gd name="connsiteY31" fmla="*/ 1437136 h 1799117"/>
                <a:gd name="connsiteX32" fmla="*/ 1710716 w 4158640"/>
                <a:gd name="connsiteY32" fmla="*/ 1420468 h 1799117"/>
                <a:gd name="connsiteX33" fmla="*/ 1732146 w 4158640"/>
                <a:gd name="connsiteY33" fmla="*/ 1403799 h 1799117"/>
                <a:gd name="connsiteX34" fmla="*/ 1767866 w 4158640"/>
                <a:gd name="connsiteY34" fmla="*/ 1384748 h 1799117"/>
                <a:gd name="connsiteX35" fmla="*/ 1796440 w 4158640"/>
                <a:gd name="connsiteY35" fmla="*/ 1370461 h 1799117"/>
                <a:gd name="connsiteX36" fmla="*/ 1825015 w 4158640"/>
                <a:gd name="connsiteY36" fmla="*/ 1358554 h 1799117"/>
                <a:gd name="connsiteX37" fmla="*/ 1851209 w 4158640"/>
                <a:gd name="connsiteY37" fmla="*/ 1344267 h 1799117"/>
                <a:gd name="connsiteX38" fmla="*/ 1875022 w 4158640"/>
                <a:gd name="connsiteY38" fmla="*/ 1337124 h 1799117"/>
                <a:gd name="connsiteX39" fmla="*/ 1896452 w 4158640"/>
                <a:gd name="connsiteY39" fmla="*/ 1325217 h 1799117"/>
                <a:gd name="connsiteX40" fmla="*/ 1927408 w 4158640"/>
                <a:gd name="connsiteY40" fmla="*/ 1315693 h 1799117"/>
                <a:gd name="connsiteX41" fmla="*/ 1967890 w 4158640"/>
                <a:gd name="connsiteY41" fmla="*/ 1291879 h 1799117"/>
                <a:gd name="connsiteX42" fmla="*/ 2010753 w 4158640"/>
                <a:gd name="connsiteY42" fmla="*/ 1279973 h 1799117"/>
                <a:gd name="connsiteX43" fmla="*/ 2041709 w 4158640"/>
                <a:gd name="connsiteY43" fmla="*/ 1268067 h 1799117"/>
                <a:gd name="connsiteX44" fmla="*/ 2072665 w 4158640"/>
                <a:gd name="connsiteY44" fmla="*/ 1258542 h 1799117"/>
                <a:gd name="connsiteX45" fmla="*/ 2108384 w 4158640"/>
                <a:gd name="connsiteY45" fmla="*/ 1251398 h 1799117"/>
                <a:gd name="connsiteX46" fmla="*/ 2139340 w 4158640"/>
                <a:gd name="connsiteY46" fmla="*/ 1234730 h 1799117"/>
                <a:gd name="connsiteX47" fmla="*/ 2170296 w 4158640"/>
                <a:gd name="connsiteY47" fmla="*/ 1220442 h 1799117"/>
                <a:gd name="connsiteX48" fmla="*/ 2198871 w 4158640"/>
                <a:gd name="connsiteY48" fmla="*/ 1208536 h 1799117"/>
                <a:gd name="connsiteX49" fmla="*/ 2241734 w 4158640"/>
                <a:gd name="connsiteY49" fmla="*/ 1194248 h 1799117"/>
                <a:gd name="connsiteX50" fmla="*/ 2265546 w 4158640"/>
                <a:gd name="connsiteY50" fmla="*/ 1175198 h 1799117"/>
                <a:gd name="connsiteX51" fmla="*/ 2286978 w 4158640"/>
                <a:gd name="connsiteY51" fmla="*/ 1163292 h 1799117"/>
                <a:gd name="connsiteX52" fmla="*/ 2310790 w 4158640"/>
                <a:gd name="connsiteY52" fmla="*/ 1151386 h 1799117"/>
                <a:gd name="connsiteX53" fmla="*/ 2341746 w 4158640"/>
                <a:gd name="connsiteY53" fmla="*/ 1132336 h 1799117"/>
                <a:gd name="connsiteX54" fmla="*/ 2367940 w 4158640"/>
                <a:gd name="connsiteY54" fmla="*/ 1115668 h 1799117"/>
                <a:gd name="connsiteX55" fmla="*/ 2384609 w 4158640"/>
                <a:gd name="connsiteY55" fmla="*/ 1103761 h 1799117"/>
                <a:gd name="connsiteX56" fmla="*/ 2417946 w 4158640"/>
                <a:gd name="connsiteY56" fmla="*/ 1098999 h 1799117"/>
                <a:gd name="connsiteX57" fmla="*/ 2451284 w 4158640"/>
                <a:gd name="connsiteY57" fmla="*/ 1087092 h 1799117"/>
                <a:gd name="connsiteX58" fmla="*/ 2477478 w 4158640"/>
                <a:gd name="connsiteY58" fmla="*/ 1075186 h 1799117"/>
                <a:gd name="connsiteX59" fmla="*/ 2506053 w 4158640"/>
                <a:gd name="connsiteY59" fmla="*/ 1070423 h 1799117"/>
                <a:gd name="connsiteX60" fmla="*/ 2527484 w 4158640"/>
                <a:gd name="connsiteY60" fmla="*/ 1053755 h 1799117"/>
                <a:gd name="connsiteX61" fmla="*/ 2560821 w 4158640"/>
                <a:gd name="connsiteY61" fmla="*/ 1037086 h 1799117"/>
                <a:gd name="connsiteX62" fmla="*/ 2587015 w 4158640"/>
                <a:gd name="connsiteY62" fmla="*/ 1015655 h 1799117"/>
                <a:gd name="connsiteX63" fmla="*/ 2667977 w 4158640"/>
                <a:gd name="connsiteY63" fmla="*/ 979936 h 1799117"/>
                <a:gd name="connsiteX64" fmla="*/ 2698934 w 4158640"/>
                <a:gd name="connsiteY64" fmla="*/ 970411 h 1799117"/>
                <a:gd name="connsiteX65" fmla="*/ 2727508 w 4158640"/>
                <a:gd name="connsiteY65" fmla="*/ 963268 h 1799117"/>
                <a:gd name="connsiteX66" fmla="*/ 2758465 w 4158640"/>
                <a:gd name="connsiteY66" fmla="*/ 963267 h 1799117"/>
                <a:gd name="connsiteX67" fmla="*/ 2791803 w 4158640"/>
                <a:gd name="connsiteY67" fmla="*/ 946598 h 1799117"/>
                <a:gd name="connsiteX68" fmla="*/ 2827521 w 4158640"/>
                <a:gd name="connsiteY68" fmla="*/ 934692 h 1799117"/>
                <a:gd name="connsiteX69" fmla="*/ 2860859 w 4158640"/>
                <a:gd name="connsiteY69" fmla="*/ 925167 h 1799117"/>
                <a:gd name="connsiteX70" fmla="*/ 2887053 w 4158640"/>
                <a:gd name="connsiteY70" fmla="*/ 908498 h 1799117"/>
                <a:gd name="connsiteX71" fmla="*/ 2918009 w 4158640"/>
                <a:gd name="connsiteY71" fmla="*/ 894211 h 1799117"/>
                <a:gd name="connsiteX72" fmla="*/ 2939440 w 4158640"/>
                <a:gd name="connsiteY72" fmla="*/ 879923 h 1799117"/>
                <a:gd name="connsiteX73" fmla="*/ 2963253 w 4158640"/>
                <a:gd name="connsiteY73" fmla="*/ 863255 h 1799117"/>
                <a:gd name="connsiteX74" fmla="*/ 2989446 w 4158640"/>
                <a:gd name="connsiteY74" fmla="*/ 856111 h 1799117"/>
                <a:gd name="connsiteX75" fmla="*/ 3018021 w 4158640"/>
                <a:gd name="connsiteY75" fmla="*/ 837061 h 1799117"/>
                <a:gd name="connsiteX76" fmla="*/ 3070408 w 4158640"/>
                <a:gd name="connsiteY76" fmla="*/ 815631 h 1799117"/>
                <a:gd name="connsiteX77" fmla="*/ 3096602 w 4158640"/>
                <a:gd name="connsiteY77" fmla="*/ 791821 h 1799117"/>
                <a:gd name="connsiteX78" fmla="*/ 3129940 w 4158640"/>
                <a:gd name="connsiteY78" fmla="*/ 775152 h 1799117"/>
                <a:gd name="connsiteX79" fmla="*/ 3151371 w 4158640"/>
                <a:gd name="connsiteY79" fmla="*/ 741816 h 1799117"/>
                <a:gd name="connsiteX80" fmla="*/ 3187090 w 4158640"/>
                <a:gd name="connsiteY80" fmla="*/ 729908 h 1799117"/>
                <a:gd name="connsiteX81" fmla="*/ 3206141 w 4158640"/>
                <a:gd name="connsiteY81" fmla="*/ 715621 h 1799117"/>
                <a:gd name="connsiteX82" fmla="*/ 3413309 w 4158640"/>
                <a:gd name="connsiteY82" fmla="*/ 603701 h 1799117"/>
                <a:gd name="connsiteX83" fmla="*/ 3996715 w 4158640"/>
                <a:gd name="connsiteY83" fmla="*/ 127452 h 1799117"/>
                <a:gd name="connsiteX84" fmla="*/ 4158640 w 4158640"/>
                <a:gd name="connsiteY84" fmla="*/ 148880 h 1799117"/>
                <a:gd name="connsiteX0" fmla="*/ 4158640 w 4158640"/>
                <a:gd name="connsiteY0" fmla="*/ 107335 h 1757572"/>
                <a:gd name="connsiteX1" fmla="*/ 4158640 w 4158640"/>
                <a:gd name="connsiteY1" fmla="*/ 1745635 h 1757572"/>
                <a:gd name="connsiteX2" fmla="*/ 301015 w 4158640"/>
                <a:gd name="connsiteY2" fmla="*/ 1745635 h 1757572"/>
                <a:gd name="connsiteX3" fmla="*/ 430396 w 4158640"/>
                <a:gd name="connsiteY3" fmla="*/ 1724997 h 1757572"/>
                <a:gd name="connsiteX4" fmla="*/ 384358 w 4158640"/>
                <a:gd name="connsiteY4" fmla="*/ 1738492 h 1757572"/>
                <a:gd name="connsiteX5" fmla="*/ 472465 w 4158640"/>
                <a:gd name="connsiteY5" fmla="*/ 1712297 h 1757572"/>
                <a:gd name="connsiteX6" fmla="*/ 527234 w 4158640"/>
                <a:gd name="connsiteY6" fmla="*/ 1702773 h 1757572"/>
                <a:gd name="connsiteX7" fmla="*/ 584384 w 4158640"/>
                <a:gd name="connsiteY7" fmla="*/ 1698010 h 1757572"/>
                <a:gd name="connsiteX8" fmla="*/ 636771 w 4158640"/>
                <a:gd name="connsiteY8" fmla="*/ 1686104 h 1757572"/>
                <a:gd name="connsiteX9" fmla="*/ 708209 w 4158640"/>
                <a:gd name="connsiteY9" fmla="*/ 1669436 h 1757572"/>
                <a:gd name="connsiteX10" fmla="*/ 765359 w 4158640"/>
                <a:gd name="connsiteY10" fmla="*/ 1655148 h 1757572"/>
                <a:gd name="connsiteX11" fmla="*/ 853466 w 4158640"/>
                <a:gd name="connsiteY11" fmla="*/ 1640860 h 1757572"/>
                <a:gd name="connsiteX12" fmla="*/ 951094 w 4158640"/>
                <a:gd name="connsiteY12" fmla="*/ 1631335 h 1757572"/>
                <a:gd name="connsiteX13" fmla="*/ 1010628 w 4158640"/>
                <a:gd name="connsiteY13" fmla="*/ 1621810 h 1757572"/>
                <a:gd name="connsiteX14" fmla="*/ 1060634 w 4158640"/>
                <a:gd name="connsiteY14" fmla="*/ 1619428 h 1757572"/>
                <a:gd name="connsiteX15" fmla="*/ 1115404 w 4158640"/>
                <a:gd name="connsiteY15" fmla="*/ 1597997 h 1757572"/>
                <a:gd name="connsiteX16" fmla="*/ 1163027 w 4158640"/>
                <a:gd name="connsiteY16" fmla="*/ 1581328 h 1757572"/>
                <a:gd name="connsiteX17" fmla="*/ 1213034 w 4158640"/>
                <a:gd name="connsiteY17" fmla="*/ 1574185 h 1757572"/>
                <a:gd name="connsiteX18" fmla="*/ 1253515 w 4158640"/>
                <a:gd name="connsiteY18" fmla="*/ 1567041 h 1757572"/>
                <a:gd name="connsiteX19" fmla="*/ 1293996 w 4158640"/>
                <a:gd name="connsiteY19" fmla="*/ 1557516 h 1757572"/>
                <a:gd name="connsiteX20" fmla="*/ 1336860 w 4158640"/>
                <a:gd name="connsiteY20" fmla="*/ 1528941 h 1757572"/>
                <a:gd name="connsiteX21" fmla="*/ 1358290 w 4158640"/>
                <a:gd name="connsiteY21" fmla="*/ 1507509 h 1757572"/>
                <a:gd name="connsiteX22" fmla="*/ 1384484 w 4158640"/>
                <a:gd name="connsiteY22" fmla="*/ 1495604 h 1757572"/>
                <a:gd name="connsiteX23" fmla="*/ 1427347 w 4158640"/>
                <a:gd name="connsiteY23" fmla="*/ 1476554 h 1757572"/>
                <a:gd name="connsiteX24" fmla="*/ 1455922 w 4158640"/>
                <a:gd name="connsiteY24" fmla="*/ 1464647 h 1757572"/>
                <a:gd name="connsiteX25" fmla="*/ 1491640 w 4158640"/>
                <a:gd name="connsiteY25" fmla="*/ 1445598 h 1757572"/>
                <a:gd name="connsiteX26" fmla="*/ 1534503 w 4158640"/>
                <a:gd name="connsiteY26" fmla="*/ 1428928 h 1757572"/>
                <a:gd name="connsiteX27" fmla="*/ 1563078 w 4158640"/>
                <a:gd name="connsiteY27" fmla="*/ 1419404 h 1757572"/>
                <a:gd name="connsiteX28" fmla="*/ 1589271 w 4158640"/>
                <a:gd name="connsiteY28" fmla="*/ 1412259 h 1757572"/>
                <a:gd name="connsiteX29" fmla="*/ 1620228 w 4158640"/>
                <a:gd name="connsiteY29" fmla="*/ 1407497 h 1757572"/>
                <a:gd name="connsiteX30" fmla="*/ 1648802 w 4158640"/>
                <a:gd name="connsiteY30" fmla="*/ 1400353 h 1757572"/>
                <a:gd name="connsiteX31" fmla="*/ 1682140 w 4158640"/>
                <a:gd name="connsiteY31" fmla="*/ 1395591 h 1757572"/>
                <a:gd name="connsiteX32" fmla="*/ 1710716 w 4158640"/>
                <a:gd name="connsiteY32" fmla="*/ 1378923 h 1757572"/>
                <a:gd name="connsiteX33" fmla="*/ 1732146 w 4158640"/>
                <a:gd name="connsiteY33" fmla="*/ 1362254 h 1757572"/>
                <a:gd name="connsiteX34" fmla="*/ 1767866 w 4158640"/>
                <a:gd name="connsiteY34" fmla="*/ 1343203 h 1757572"/>
                <a:gd name="connsiteX35" fmla="*/ 1796440 w 4158640"/>
                <a:gd name="connsiteY35" fmla="*/ 1328916 h 1757572"/>
                <a:gd name="connsiteX36" fmla="*/ 1825015 w 4158640"/>
                <a:gd name="connsiteY36" fmla="*/ 1317009 h 1757572"/>
                <a:gd name="connsiteX37" fmla="*/ 1851209 w 4158640"/>
                <a:gd name="connsiteY37" fmla="*/ 1302722 h 1757572"/>
                <a:gd name="connsiteX38" fmla="*/ 1875022 w 4158640"/>
                <a:gd name="connsiteY38" fmla="*/ 1295579 h 1757572"/>
                <a:gd name="connsiteX39" fmla="*/ 1896452 w 4158640"/>
                <a:gd name="connsiteY39" fmla="*/ 1283672 h 1757572"/>
                <a:gd name="connsiteX40" fmla="*/ 1927408 w 4158640"/>
                <a:gd name="connsiteY40" fmla="*/ 1274148 h 1757572"/>
                <a:gd name="connsiteX41" fmla="*/ 1967890 w 4158640"/>
                <a:gd name="connsiteY41" fmla="*/ 1250334 h 1757572"/>
                <a:gd name="connsiteX42" fmla="*/ 2010753 w 4158640"/>
                <a:gd name="connsiteY42" fmla="*/ 1238428 h 1757572"/>
                <a:gd name="connsiteX43" fmla="*/ 2041709 w 4158640"/>
                <a:gd name="connsiteY43" fmla="*/ 1226522 h 1757572"/>
                <a:gd name="connsiteX44" fmla="*/ 2072665 w 4158640"/>
                <a:gd name="connsiteY44" fmla="*/ 1216997 h 1757572"/>
                <a:gd name="connsiteX45" fmla="*/ 2108384 w 4158640"/>
                <a:gd name="connsiteY45" fmla="*/ 1209853 h 1757572"/>
                <a:gd name="connsiteX46" fmla="*/ 2139340 w 4158640"/>
                <a:gd name="connsiteY46" fmla="*/ 1193185 h 1757572"/>
                <a:gd name="connsiteX47" fmla="*/ 2170296 w 4158640"/>
                <a:gd name="connsiteY47" fmla="*/ 1178897 h 1757572"/>
                <a:gd name="connsiteX48" fmla="*/ 2198871 w 4158640"/>
                <a:gd name="connsiteY48" fmla="*/ 1166991 h 1757572"/>
                <a:gd name="connsiteX49" fmla="*/ 2241734 w 4158640"/>
                <a:gd name="connsiteY49" fmla="*/ 1152703 h 1757572"/>
                <a:gd name="connsiteX50" fmla="*/ 2265546 w 4158640"/>
                <a:gd name="connsiteY50" fmla="*/ 1133653 h 1757572"/>
                <a:gd name="connsiteX51" fmla="*/ 2286978 w 4158640"/>
                <a:gd name="connsiteY51" fmla="*/ 1121747 h 1757572"/>
                <a:gd name="connsiteX52" fmla="*/ 2310790 w 4158640"/>
                <a:gd name="connsiteY52" fmla="*/ 1109841 h 1757572"/>
                <a:gd name="connsiteX53" fmla="*/ 2341746 w 4158640"/>
                <a:gd name="connsiteY53" fmla="*/ 1090791 h 1757572"/>
                <a:gd name="connsiteX54" fmla="*/ 2367940 w 4158640"/>
                <a:gd name="connsiteY54" fmla="*/ 1074123 h 1757572"/>
                <a:gd name="connsiteX55" fmla="*/ 2384609 w 4158640"/>
                <a:gd name="connsiteY55" fmla="*/ 1062216 h 1757572"/>
                <a:gd name="connsiteX56" fmla="*/ 2417946 w 4158640"/>
                <a:gd name="connsiteY56" fmla="*/ 1057454 h 1757572"/>
                <a:gd name="connsiteX57" fmla="*/ 2451284 w 4158640"/>
                <a:gd name="connsiteY57" fmla="*/ 1045547 h 1757572"/>
                <a:gd name="connsiteX58" fmla="*/ 2477478 w 4158640"/>
                <a:gd name="connsiteY58" fmla="*/ 1033641 h 1757572"/>
                <a:gd name="connsiteX59" fmla="*/ 2506053 w 4158640"/>
                <a:gd name="connsiteY59" fmla="*/ 1028878 h 1757572"/>
                <a:gd name="connsiteX60" fmla="*/ 2527484 w 4158640"/>
                <a:gd name="connsiteY60" fmla="*/ 1012210 h 1757572"/>
                <a:gd name="connsiteX61" fmla="*/ 2560821 w 4158640"/>
                <a:gd name="connsiteY61" fmla="*/ 995541 h 1757572"/>
                <a:gd name="connsiteX62" fmla="*/ 2587015 w 4158640"/>
                <a:gd name="connsiteY62" fmla="*/ 974110 h 1757572"/>
                <a:gd name="connsiteX63" fmla="*/ 2667977 w 4158640"/>
                <a:gd name="connsiteY63" fmla="*/ 938391 h 1757572"/>
                <a:gd name="connsiteX64" fmla="*/ 2698934 w 4158640"/>
                <a:gd name="connsiteY64" fmla="*/ 928866 h 1757572"/>
                <a:gd name="connsiteX65" fmla="*/ 2727508 w 4158640"/>
                <a:gd name="connsiteY65" fmla="*/ 921723 h 1757572"/>
                <a:gd name="connsiteX66" fmla="*/ 2758465 w 4158640"/>
                <a:gd name="connsiteY66" fmla="*/ 921722 h 1757572"/>
                <a:gd name="connsiteX67" fmla="*/ 2791803 w 4158640"/>
                <a:gd name="connsiteY67" fmla="*/ 905053 h 1757572"/>
                <a:gd name="connsiteX68" fmla="*/ 2827521 w 4158640"/>
                <a:gd name="connsiteY68" fmla="*/ 893147 h 1757572"/>
                <a:gd name="connsiteX69" fmla="*/ 2860859 w 4158640"/>
                <a:gd name="connsiteY69" fmla="*/ 883622 h 1757572"/>
                <a:gd name="connsiteX70" fmla="*/ 2887053 w 4158640"/>
                <a:gd name="connsiteY70" fmla="*/ 866953 h 1757572"/>
                <a:gd name="connsiteX71" fmla="*/ 2918009 w 4158640"/>
                <a:gd name="connsiteY71" fmla="*/ 852666 h 1757572"/>
                <a:gd name="connsiteX72" fmla="*/ 2939440 w 4158640"/>
                <a:gd name="connsiteY72" fmla="*/ 838378 h 1757572"/>
                <a:gd name="connsiteX73" fmla="*/ 2963253 w 4158640"/>
                <a:gd name="connsiteY73" fmla="*/ 821710 h 1757572"/>
                <a:gd name="connsiteX74" fmla="*/ 2989446 w 4158640"/>
                <a:gd name="connsiteY74" fmla="*/ 814566 h 1757572"/>
                <a:gd name="connsiteX75" fmla="*/ 3018021 w 4158640"/>
                <a:gd name="connsiteY75" fmla="*/ 795516 h 1757572"/>
                <a:gd name="connsiteX76" fmla="*/ 3070408 w 4158640"/>
                <a:gd name="connsiteY76" fmla="*/ 774086 h 1757572"/>
                <a:gd name="connsiteX77" fmla="*/ 3096602 w 4158640"/>
                <a:gd name="connsiteY77" fmla="*/ 750276 h 1757572"/>
                <a:gd name="connsiteX78" fmla="*/ 3129940 w 4158640"/>
                <a:gd name="connsiteY78" fmla="*/ 733607 h 1757572"/>
                <a:gd name="connsiteX79" fmla="*/ 3151371 w 4158640"/>
                <a:gd name="connsiteY79" fmla="*/ 700271 h 1757572"/>
                <a:gd name="connsiteX80" fmla="*/ 3187090 w 4158640"/>
                <a:gd name="connsiteY80" fmla="*/ 688363 h 1757572"/>
                <a:gd name="connsiteX81" fmla="*/ 3206141 w 4158640"/>
                <a:gd name="connsiteY81" fmla="*/ 674076 h 1757572"/>
                <a:gd name="connsiteX82" fmla="*/ 3413309 w 4158640"/>
                <a:gd name="connsiteY82" fmla="*/ 562156 h 1757572"/>
                <a:gd name="connsiteX83" fmla="*/ 3987190 w 4158640"/>
                <a:gd name="connsiteY83" fmla="*/ 243069 h 1757572"/>
                <a:gd name="connsiteX84" fmla="*/ 4158640 w 4158640"/>
                <a:gd name="connsiteY84" fmla="*/ 107335 h 1757572"/>
                <a:gd name="connsiteX0" fmla="*/ 4158640 w 4158640"/>
                <a:gd name="connsiteY0" fmla="*/ 129085 h 1779322"/>
                <a:gd name="connsiteX1" fmla="*/ 4158640 w 4158640"/>
                <a:gd name="connsiteY1" fmla="*/ 1767385 h 1779322"/>
                <a:gd name="connsiteX2" fmla="*/ 301015 w 4158640"/>
                <a:gd name="connsiteY2" fmla="*/ 1767385 h 1779322"/>
                <a:gd name="connsiteX3" fmla="*/ 430396 w 4158640"/>
                <a:gd name="connsiteY3" fmla="*/ 1746747 h 1779322"/>
                <a:gd name="connsiteX4" fmla="*/ 384358 w 4158640"/>
                <a:gd name="connsiteY4" fmla="*/ 1760242 h 1779322"/>
                <a:gd name="connsiteX5" fmla="*/ 472465 w 4158640"/>
                <a:gd name="connsiteY5" fmla="*/ 1734047 h 1779322"/>
                <a:gd name="connsiteX6" fmla="*/ 527234 w 4158640"/>
                <a:gd name="connsiteY6" fmla="*/ 1724523 h 1779322"/>
                <a:gd name="connsiteX7" fmla="*/ 584384 w 4158640"/>
                <a:gd name="connsiteY7" fmla="*/ 1719760 h 1779322"/>
                <a:gd name="connsiteX8" fmla="*/ 636771 w 4158640"/>
                <a:gd name="connsiteY8" fmla="*/ 1707854 h 1779322"/>
                <a:gd name="connsiteX9" fmla="*/ 708209 w 4158640"/>
                <a:gd name="connsiteY9" fmla="*/ 1691186 h 1779322"/>
                <a:gd name="connsiteX10" fmla="*/ 765359 w 4158640"/>
                <a:gd name="connsiteY10" fmla="*/ 1676898 h 1779322"/>
                <a:gd name="connsiteX11" fmla="*/ 853466 w 4158640"/>
                <a:gd name="connsiteY11" fmla="*/ 1662610 h 1779322"/>
                <a:gd name="connsiteX12" fmla="*/ 951094 w 4158640"/>
                <a:gd name="connsiteY12" fmla="*/ 1653085 h 1779322"/>
                <a:gd name="connsiteX13" fmla="*/ 1010628 w 4158640"/>
                <a:gd name="connsiteY13" fmla="*/ 1643560 h 1779322"/>
                <a:gd name="connsiteX14" fmla="*/ 1060634 w 4158640"/>
                <a:gd name="connsiteY14" fmla="*/ 1641178 h 1779322"/>
                <a:gd name="connsiteX15" fmla="*/ 1115404 w 4158640"/>
                <a:gd name="connsiteY15" fmla="*/ 1619747 h 1779322"/>
                <a:gd name="connsiteX16" fmla="*/ 1163027 w 4158640"/>
                <a:gd name="connsiteY16" fmla="*/ 1603078 h 1779322"/>
                <a:gd name="connsiteX17" fmla="*/ 1213034 w 4158640"/>
                <a:gd name="connsiteY17" fmla="*/ 1595935 h 1779322"/>
                <a:gd name="connsiteX18" fmla="*/ 1253515 w 4158640"/>
                <a:gd name="connsiteY18" fmla="*/ 1588791 h 1779322"/>
                <a:gd name="connsiteX19" fmla="*/ 1293996 w 4158640"/>
                <a:gd name="connsiteY19" fmla="*/ 1579266 h 1779322"/>
                <a:gd name="connsiteX20" fmla="*/ 1336860 w 4158640"/>
                <a:gd name="connsiteY20" fmla="*/ 1550691 h 1779322"/>
                <a:gd name="connsiteX21" fmla="*/ 1358290 w 4158640"/>
                <a:gd name="connsiteY21" fmla="*/ 1529259 h 1779322"/>
                <a:gd name="connsiteX22" fmla="*/ 1384484 w 4158640"/>
                <a:gd name="connsiteY22" fmla="*/ 1517354 h 1779322"/>
                <a:gd name="connsiteX23" fmla="*/ 1427347 w 4158640"/>
                <a:gd name="connsiteY23" fmla="*/ 1498304 h 1779322"/>
                <a:gd name="connsiteX24" fmla="*/ 1455922 w 4158640"/>
                <a:gd name="connsiteY24" fmla="*/ 1486397 h 1779322"/>
                <a:gd name="connsiteX25" fmla="*/ 1491640 w 4158640"/>
                <a:gd name="connsiteY25" fmla="*/ 1467348 h 1779322"/>
                <a:gd name="connsiteX26" fmla="*/ 1534503 w 4158640"/>
                <a:gd name="connsiteY26" fmla="*/ 1450678 h 1779322"/>
                <a:gd name="connsiteX27" fmla="*/ 1563078 w 4158640"/>
                <a:gd name="connsiteY27" fmla="*/ 1441154 h 1779322"/>
                <a:gd name="connsiteX28" fmla="*/ 1589271 w 4158640"/>
                <a:gd name="connsiteY28" fmla="*/ 1434009 h 1779322"/>
                <a:gd name="connsiteX29" fmla="*/ 1620228 w 4158640"/>
                <a:gd name="connsiteY29" fmla="*/ 1429247 h 1779322"/>
                <a:gd name="connsiteX30" fmla="*/ 1648802 w 4158640"/>
                <a:gd name="connsiteY30" fmla="*/ 1422103 h 1779322"/>
                <a:gd name="connsiteX31" fmla="*/ 1682140 w 4158640"/>
                <a:gd name="connsiteY31" fmla="*/ 1417341 h 1779322"/>
                <a:gd name="connsiteX32" fmla="*/ 1710716 w 4158640"/>
                <a:gd name="connsiteY32" fmla="*/ 1400673 h 1779322"/>
                <a:gd name="connsiteX33" fmla="*/ 1732146 w 4158640"/>
                <a:gd name="connsiteY33" fmla="*/ 1384004 h 1779322"/>
                <a:gd name="connsiteX34" fmla="*/ 1767866 w 4158640"/>
                <a:gd name="connsiteY34" fmla="*/ 1364953 h 1779322"/>
                <a:gd name="connsiteX35" fmla="*/ 1796440 w 4158640"/>
                <a:gd name="connsiteY35" fmla="*/ 1350666 h 1779322"/>
                <a:gd name="connsiteX36" fmla="*/ 1825015 w 4158640"/>
                <a:gd name="connsiteY36" fmla="*/ 1338759 h 1779322"/>
                <a:gd name="connsiteX37" fmla="*/ 1851209 w 4158640"/>
                <a:gd name="connsiteY37" fmla="*/ 1324472 h 1779322"/>
                <a:gd name="connsiteX38" fmla="*/ 1875022 w 4158640"/>
                <a:gd name="connsiteY38" fmla="*/ 1317329 h 1779322"/>
                <a:gd name="connsiteX39" fmla="*/ 1896452 w 4158640"/>
                <a:gd name="connsiteY39" fmla="*/ 1305422 h 1779322"/>
                <a:gd name="connsiteX40" fmla="*/ 1927408 w 4158640"/>
                <a:gd name="connsiteY40" fmla="*/ 1295898 h 1779322"/>
                <a:gd name="connsiteX41" fmla="*/ 1967890 w 4158640"/>
                <a:gd name="connsiteY41" fmla="*/ 1272084 h 1779322"/>
                <a:gd name="connsiteX42" fmla="*/ 2010753 w 4158640"/>
                <a:gd name="connsiteY42" fmla="*/ 1260178 h 1779322"/>
                <a:gd name="connsiteX43" fmla="*/ 2041709 w 4158640"/>
                <a:gd name="connsiteY43" fmla="*/ 1248272 h 1779322"/>
                <a:gd name="connsiteX44" fmla="*/ 2072665 w 4158640"/>
                <a:gd name="connsiteY44" fmla="*/ 1238747 h 1779322"/>
                <a:gd name="connsiteX45" fmla="*/ 2108384 w 4158640"/>
                <a:gd name="connsiteY45" fmla="*/ 1231603 h 1779322"/>
                <a:gd name="connsiteX46" fmla="*/ 2139340 w 4158640"/>
                <a:gd name="connsiteY46" fmla="*/ 1214935 h 1779322"/>
                <a:gd name="connsiteX47" fmla="*/ 2170296 w 4158640"/>
                <a:gd name="connsiteY47" fmla="*/ 1200647 h 1779322"/>
                <a:gd name="connsiteX48" fmla="*/ 2198871 w 4158640"/>
                <a:gd name="connsiteY48" fmla="*/ 1188741 h 1779322"/>
                <a:gd name="connsiteX49" fmla="*/ 2241734 w 4158640"/>
                <a:gd name="connsiteY49" fmla="*/ 1174453 h 1779322"/>
                <a:gd name="connsiteX50" fmla="*/ 2265546 w 4158640"/>
                <a:gd name="connsiteY50" fmla="*/ 1155403 h 1779322"/>
                <a:gd name="connsiteX51" fmla="*/ 2286978 w 4158640"/>
                <a:gd name="connsiteY51" fmla="*/ 1143497 h 1779322"/>
                <a:gd name="connsiteX52" fmla="*/ 2310790 w 4158640"/>
                <a:gd name="connsiteY52" fmla="*/ 1131591 h 1779322"/>
                <a:gd name="connsiteX53" fmla="*/ 2341746 w 4158640"/>
                <a:gd name="connsiteY53" fmla="*/ 1112541 h 1779322"/>
                <a:gd name="connsiteX54" fmla="*/ 2367940 w 4158640"/>
                <a:gd name="connsiteY54" fmla="*/ 1095873 h 1779322"/>
                <a:gd name="connsiteX55" fmla="*/ 2384609 w 4158640"/>
                <a:gd name="connsiteY55" fmla="*/ 1083966 h 1779322"/>
                <a:gd name="connsiteX56" fmla="*/ 2417946 w 4158640"/>
                <a:gd name="connsiteY56" fmla="*/ 1079204 h 1779322"/>
                <a:gd name="connsiteX57" fmla="*/ 2451284 w 4158640"/>
                <a:gd name="connsiteY57" fmla="*/ 1067297 h 1779322"/>
                <a:gd name="connsiteX58" fmla="*/ 2477478 w 4158640"/>
                <a:gd name="connsiteY58" fmla="*/ 1055391 h 1779322"/>
                <a:gd name="connsiteX59" fmla="*/ 2506053 w 4158640"/>
                <a:gd name="connsiteY59" fmla="*/ 1050628 h 1779322"/>
                <a:gd name="connsiteX60" fmla="*/ 2527484 w 4158640"/>
                <a:gd name="connsiteY60" fmla="*/ 1033960 h 1779322"/>
                <a:gd name="connsiteX61" fmla="*/ 2560821 w 4158640"/>
                <a:gd name="connsiteY61" fmla="*/ 1017291 h 1779322"/>
                <a:gd name="connsiteX62" fmla="*/ 2587015 w 4158640"/>
                <a:gd name="connsiteY62" fmla="*/ 995860 h 1779322"/>
                <a:gd name="connsiteX63" fmla="*/ 2667977 w 4158640"/>
                <a:gd name="connsiteY63" fmla="*/ 960141 h 1779322"/>
                <a:gd name="connsiteX64" fmla="*/ 2698934 w 4158640"/>
                <a:gd name="connsiteY64" fmla="*/ 950616 h 1779322"/>
                <a:gd name="connsiteX65" fmla="*/ 2727508 w 4158640"/>
                <a:gd name="connsiteY65" fmla="*/ 943473 h 1779322"/>
                <a:gd name="connsiteX66" fmla="*/ 2758465 w 4158640"/>
                <a:gd name="connsiteY66" fmla="*/ 943472 h 1779322"/>
                <a:gd name="connsiteX67" fmla="*/ 2791803 w 4158640"/>
                <a:gd name="connsiteY67" fmla="*/ 926803 h 1779322"/>
                <a:gd name="connsiteX68" fmla="*/ 2827521 w 4158640"/>
                <a:gd name="connsiteY68" fmla="*/ 914897 h 1779322"/>
                <a:gd name="connsiteX69" fmla="*/ 2860859 w 4158640"/>
                <a:gd name="connsiteY69" fmla="*/ 905372 h 1779322"/>
                <a:gd name="connsiteX70" fmla="*/ 2887053 w 4158640"/>
                <a:gd name="connsiteY70" fmla="*/ 888703 h 1779322"/>
                <a:gd name="connsiteX71" fmla="*/ 2918009 w 4158640"/>
                <a:gd name="connsiteY71" fmla="*/ 874416 h 1779322"/>
                <a:gd name="connsiteX72" fmla="*/ 2939440 w 4158640"/>
                <a:gd name="connsiteY72" fmla="*/ 860128 h 1779322"/>
                <a:gd name="connsiteX73" fmla="*/ 2963253 w 4158640"/>
                <a:gd name="connsiteY73" fmla="*/ 843460 h 1779322"/>
                <a:gd name="connsiteX74" fmla="*/ 2989446 w 4158640"/>
                <a:gd name="connsiteY74" fmla="*/ 836316 h 1779322"/>
                <a:gd name="connsiteX75" fmla="*/ 3018021 w 4158640"/>
                <a:gd name="connsiteY75" fmla="*/ 817266 h 1779322"/>
                <a:gd name="connsiteX76" fmla="*/ 3070408 w 4158640"/>
                <a:gd name="connsiteY76" fmla="*/ 795836 h 1779322"/>
                <a:gd name="connsiteX77" fmla="*/ 3096602 w 4158640"/>
                <a:gd name="connsiteY77" fmla="*/ 772026 h 1779322"/>
                <a:gd name="connsiteX78" fmla="*/ 3129940 w 4158640"/>
                <a:gd name="connsiteY78" fmla="*/ 755357 h 1779322"/>
                <a:gd name="connsiteX79" fmla="*/ 3151371 w 4158640"/>
                <a:gd name="connsiteY79" fmla="*/ 722021 h 1779322"/>
                <a:gd name="connsiteX80" fmla="*/ 3187090 w 4158640"/>
                <a:gd name="connsiteY80" fmla="*/ 710113 h 1779322"/>
                <a:gd name="connsiteX81" fmla="*/ 3206141 w 4158640"/>
                <a:gd name="connsiteY81" fmla="*/ 695826 h 1779322"/>
                <a:gd name="connsiteX82" fmla="*/ 3413309 w 4158640"/>
                <a:gd name="connsiteY82" fmla="*/ 583906 h 1779322"/>
                <a:gd name="connsiteX83" fmla="*/ 3987190 w 4158640"/>
                <a:gd name="connsiteY83" fmla="*/ 264819 h 1779322"/>
                <a:gd name="connsiteX84" fmla="*/ 4082440 w 4158640"/>
                <a:gd name="connsiteY84" fmla="*/ 121944 h 1779322"/>
                <a:gd name="connsiteX85" fmla="*/ 4158640 w 4158640"/>
                <a:gd name="connsiteY85" fmla="*/ 129085 h 1779322"/>
                <a:gd name="connsiteX0" fmla="*/ 4158640 w 4158640"/>
                <a:gd name="connsiteY0" fmla="*/ 95926 h 1746163"/>
                <a:gd name="connsiteX1" fmla="*/ 4158640 w 4158640"/>
                <a:gd name="connsiteY1" fmla="*/ 1734226 h 1746163"/>
                <a:gd name="connsiteX2" fmla="*/ 301015 w 4158640"/>
                <a:gd name="connsiteY2" fmla="*/ 1734226 h 1746163"/>
                <a:gd name="connsiteX3" fmla="*/ 430396 w 4158640"/>
                <a:gd name="connsiteY3" fmla="*/ 1713588 h 1746163"/>
                <a:gd name="connsiteX4" fmla="*/ 384358 w 4158640"/>
                <a:gd name="connsiteY4" fmla="*/ 1727083 h 1746163"/>
                <a:gd name="connsiteX5" fmla="*/ 472465 w 4158640"/>
                <a:gd name="connsiteY5" fmla="*/ 1700888 h 1746163"/>
                <a:gd name="connsiteX6" fmla="*/ 527234 w 4158640"/>
                <a:gd name="connsiteY6" fmla="*/ 1691364 h 1746163"/>
                <a:gd name="connsiteX7" fmla="*/ 584384 w 4158640"/>
                <a:gd name="connsiteY7" fmla="*/ 1686601 h 1746163"/>
                <a:gd name="connsiteX8" fmla="*/ 636771 w 4158640"/>
                <a:gd name="connsiteY8" fmla="*/ 1674695 h 1746163"/>
                <a:gd name="connsiteX9" fmla="*/ 708209 w 4158640"/>
                <a:gd name="connsiteY9" fmla="*/ 1658027 h 1746163"/>
                <a:gd name="connsiteX10" fmla="*/ 765359 w 4158640"/>
                <a:gd name="connsiteY10" fmla="*/ 1643739 h 1746163"/>
                <a:gd name="connsiteX11" fmla="*/ 853466 w 4158640"/>
                <a:gd name="connsiteY11" fmla="*/ 1629451 h 1746163"/>
                <a:gd name="connsiteX12" fmla="*/ 951094 w 4158640"/>
                <a:gd name="connsiteY12" fmla="*/ 1619926 h 1746163"/>
                <a:gd name="connsiteX13" fmla="*/ 1010628 w 4158640"/>
                <a:gd name="connsiteY13" fmla="*/ 1610401 h 1746163"/>
                <a:gd name="connsiteX14" fmla="*/ 1060634 w 4158640"/>
                <a:gd name="connsiteY14" fmla="*/ 1608019 h 1746163"/>
                <a:gd name="connsiteX15" fmla="*/ 1115404 w 4158640"/>
                <a:gd name="connsiteY15" fmla="*/ 1586588 h 1746163"/>
                <a:gd name="connsiteX16" fmla="*/ 1163027 w 4158640"/>
                <a:gd name="connsiteY16" fmla="*/ 1569919 h 1746163"/>
                <a:gd name="connsiteX17" fmla="*/ 1213034 w 4158640"/>
                <a:gd name="connsiteY17" fmla="*/ 1562776 h 1746163"/>
                <a:gd name="connsiteX18" fmla="*/ 1253515 w 4158640"/>
                <a:gd name="connsiteY18" fmla="*/ 1555632 h 1746163"/>
                <a:gd name="connsiteX19" fmla="*/ 1293996 w 4158640"/>
                <a:gd name="connsiteY19" fmla="*/ 1546107 h 1746163"/>
                <a:gd name="connsiteX20" fmla="*/ 1336860 w 4158640"/>
                <a:gd name="connsiteY20" fmla="*/ 1517532 h 1746163"/>
                <a:gd name="connsiteX21" fmla="*/ 1358290 w 4158640"/>
                <a:gd name="connsiteY21" fmla="*/ 1496100 h 1746163"/>
                <a:gd name="connsiteX22" fmla="*/ 1384484 w 4158640"/>
                <a:gd name="connsiteY22" fmla="*/ 1484195 h 1746163"/>
                <a:gd name="connsiteX23" fmla="*/ 1427347 w 4158640"/>
                <a:gd name="connsiteY23" fmla="*/ 1465145 h 1746163"/>
                <a:gd name="connsiteX24" fmla="*/ 1455922 w 4158640"/>
                <a:gd name="connsiteY24" fmla="*/ 1453238 h 1746163"/>
                <a:gd name="connsiteX25" fmla="*/ 1491640 w 4158640"/>
                <a:gd name="connsiteY25" fmla="*/ 1434189 h 1746163"/>
                <a:gd name="connsiteX26" fmla="*/ 1534503 w 4158640"/>
                <a:gd name="connsiteY26" fmla="*/ 1417519 h 1746163"/>
                <a:gd name="connsiteX27" fmla="*/ 1563078 w 4158640"/>
                <a:gd name="connsiteY27" fmla="*/ 1407995 h 1746163"/>
                <a:gd name="connsiteX28" fmla="*/ 1589271 w 4158640"/>
                <a:gd name="connsiteY28" fmla="*/ 1400850 h 1746163"/>
                <a:gd name="connsiteX29" fmla="*/ 1620228 w 4158640"/>
                <a:gd name="connsiteY29" fmla="*/ 1396088 h 1746163"/>
                <a:gd name="connsiteX30" fmla="*/ 1648802 w 4158640"/>
                <a:gd name="connsiteY30" fmla="*/ 1388944 h 1746163"/>
                <a:gd name="connsiteX31" fmla="*/ 1682140 w 4158640"/>
                <a:gd name="connsiteY31" fmla="*/ 1384182 h 1746163"/>
                <a:gd name="connsiteX32" fmla="*/ 1710716 w 4158640"/>
                <a:gd name="connsiteY32" fmla="*/ 1367514 h 1746163"/>
                <a:gd name="connsiteX33" fmla="*/ 1732146 w 4158640"/>
                <a:gd name="connsiteY33" fmla="*/ 1350845 h 1746163"/>
                <a:gd name="connsiteX34" fmla="*/ 1767866 w 4158640"/>
                <a:gd name="connsiteY34" fmla="*/ 1331794 h 1746163"/>
                <a:gd name="connsiteX35" fmla="*/ 1796440 w 4158640"/>
                <a:gd name="connsiteY35" fmla="*/ 1317507 h 1746163"/>
                <a:gd name="connsiteX36" fmla="*/ 1825015 w 4158640"/>
                <a:gd name="connsiteY36" fmla="*/ 1305600 h 1746163"/>
                <a:gd name="connsiteX37" fmla="*/ 1851209 w 4158640"/>
                <a:gd name="connsiteY37" fmla="*/ 1291313 h 1746163"/>
                <a:gd name="connsiteX38" fmla="*/ 1875022 w 4158640"/>
                <a:gd name="connsiteY38" fmla="*/ 1284170 h 1746163"/>
                <a:gd name="connsiteX39" fmla="*/ 1896452 w 4158640"/>
                <a:gd name="connsiteY39" fmla="*/ 1272263 h 1746163"/>
                <a:gd name="connsiteX40" fmla="*/ 1927408 w 4158640"/>
                <a:gd name="connsiteY40" fmla="*/ 1262739 h 1746163"/>
                <a:gd name="connsiteX41" fmla="*/ 1967890 w 4158640"/>
                <a:gd name="connsiteY41" fmla="*/ 1238925 h 1746163"/>
                <a:gd name="connsiteX42" fmla="*/ 2010753 w 4158640"/>
                <a:gd name="connsiteY42" fmla="*/ 1227019 h 1746163"/>
                <a:gd name="connsiteX43" fmla="*/ 2041709 w 4158640"/>
                <a:gd name="connsiteY43" fmla="*/ 1215113 h 1746163"/>
                <a:gd name="connsiteX44" fmla="*/ 2072665 w 4158640"/>
                <a:gd name="connsiteY44" fmla="*/ 1205588 h 1746163"/>
                <a:gd name="connsiteX45" fmla="*/ 2108384 w 4158640"/>
                <a:gd name="connsiteY45" fmla="*/ 1198444 h 1746163"/>
                <a:gd name="connsiteX46" fmla="*/ 2139340 w 4158640"/>
                <a:gd name="connsiteY46" fmla="*/ 1181776 h 1746163"/>
                <a:gd name="connsiteX47" fmla="*/ 2170296 w 4158640"/>
                <a:gd name="connsiteY47" fmla="*/ 1167488 h 1746163"/>
                <a:gd name="connsiteX48" fmla="*/ 2198871 w 4158640"/>
                <a:gd name="connsiteY48" fmla="*/ 1155582 h 1746163"/>
                <a:gd name="connsiteX49" fmla="*/ 2241734 w 4158640"/>
                <a:gd name="connsiteY49" fmla="*/ 1141294 h 1746163"/>
                <a:gd name="connsiteX50" fmla="*/ 2265546 w 4158640"/>
                <a:gd name="connsiteY50" fmla="*/ 1122244 h 1746163"/>
                <a:gd name="connsiteX51" fmla="*/ 2286978 w 4158640"/>
                <a:gd name="connsiteY51" fmla="*/ 1110338 h 1746163"/>
                <a:gd name="connsiteX52" fmla="*/ 2310790 w 4158640"/>
                <a:gd name="connsiteY52" fmla="*/ 1098432 h 1746163"/>
                <a:gd name="connsiteX53" fmla="*/ 2341746 w 4158640"/>
                <a:gd name="connsiteY53" fmla="*/ 1079382 h 1746163"/>
                <a:gd name="connsiteX54" fmla="*/ 2367940 w 4158640"/>
                <a:gd name="connsiteY54" fmla="*/ 1062714 h 1746163"/>
                <a:gd name="connsiteX55" fmla="*/ 2384609 w 4158640"/>
                <a:gd name="connsiteY55" fmla="*/ 1050807 h 1746163"/>
                <a:gd name="connsiteX56" fmla="*/ 2417946 w 4158640"/>
                <a:gd name="connsiteY56" fmla="*/ 1046045 h 1746163"/>
                <a:gd name="connsiteX57" fmla="*/ 2451284 w 4158640"/>
                <a:gd name="connsiteY57" fmla="*/ 1034138 h 1746163"/>
                <a:gd name="connsiteX58" fmla="*/ 2477478 w 4158640"/>
                <a:gd name="connsiteY58" fmla="*/ 1022232 h 1746163"/>
                <a:gd name="connsiteX59" fmla="*/ 2506053 w 4158640"/>
                <a:gd name="connsiteY59" fmla="*/ 1017469 h 1746163"/>
                <a:gd name="connsiteX60" fmla="*/ 2527484 w 4158640"/>
                <a:gd name="connsiteY60" fmla="*/ 1000801 h 1746163"/>
                <a:gd name="connsiteX61" fmla="*/ 2560821 w 4158640"/>
                <a:gd name="connsiteY61" fmla="*/ 984132 h 1746163"/>
                <a:gd name="connsiteX62" fmla="*/ 2587015 w 4158640"/>
                <a:gd name="connsiteY62" fmla="*/ 962701 h 1746163"/>
                <a:gd name="connsiteX63" fmla="*/ 2667977 w 4158640"/>
                <a:gd name="connsiteY63" fmla="*/ 926982 h 1746163"/>
                <a:gd name="connsiteX64" fmla="*/ 2698934 w 4158640"/>
                <a:gd name="connsiteY64" fmla="*/ 917457 h 1746163"/>
                <a:gd name="connsiteX65" fmla="*/ 2727508 w 4158640"/>
                <a:gd name="connsiteY65" fmla="*/ 910314 h 1746163"/>
                <a:gd name="connsiteX66" fmla="*/ 2758465 w 4158640"/>
                <a:gd name="connsiteY66" fmla="*/ 910313 h 1746163"/>
                <a:gd name="connsiteX67" fmla="*/ 2791803 w 4158640"/>
                <a:gd name="connsiteY67" fmla="*/ 893644 h 1746163"/>
                <a:gd name="connsiteX68" fmla="*/ 2827521 w 4158640"/>
                <a:gd name="connsiteY68" fmla="*/ 881738 h 1746163"/>
                <a:gd name="connsiteX69" fmla="*/ 2860859 w 4158640"/>
                <a:gd name="connsiteY69" fmla="*/ 872213 h 1746163"/>
                <a:gd name="connsiteX70" fmla="*/ 2887053 w 4158640"/>
                <a:gd name="connsiteY70" fmla="*/ 855544 h 1746163"/>
                <a:gd name="connsiteX71" fmla="*/ 2918009 w 4158640"/>
                <a:gd name="connsiteY71" fmla="*/ 841257 h 1746163"/>
                <a:gd name="connsiteX72" fmla="*/ 2939440 w 4158640"/>
                <a:gd name="connsiteY72" fmla="*/ 826969 h 1746163"/>
                <a:gd name="connsiteX73" fmla="*/ 2963253 w 4158640"/>
                <a:gd name="connsiteY73" fmla="*/ 810301 h 1746163"/>
                <a:gd name="connsiteX74" fmla="*/ 2989446 w 4158640"/>
                <a:gd name="connsiteY74" fmla="*/ 803157 h 1746163"/>
                <a:gd name="connsiteX75" fmla="*/ 3018021 w 4158640"/>
                <a:gd name="connsiteY75" fmla="*/ 784107 h 1746163"/>
                <a:gd name="connsiteX76" fmla="*/ 3070408 w 4158640"/>
                <a:gd name="connsiteY76" fmla="*/ 762677 h 1746163"/>
                <a:gd name="connsiteX77" fmla="*/ 3096602 w 4158640"/>
                <a:gd name="connsiteY77" fmla="*/ 738867 h 1746163"/>
                <a:gd name="connsiteX78" fmla="*/ 3129940 w 4158640"/>
                <a:gd name="connsiteY78" fmla="*/ 722198 h 1746163"/>
                <a:gd name="connsiteX79" fmla="*/ 3151371 w 4158640"/>
                <a:gd name="connsiteY79" fmla="*/ 688862 h 1746163"/>
                <a:gd name="connsiteX80" fmla="*/ 3187090 w 4158640"/>
                <a:gd name="connsiteY80" fmla="*/ 676954 h 1746163"/>
                <a:gd name="connsiteX81" fmla="*/ 3206141 w 4158640"/>
                <a:gd name="connsiteY81" fmla="*/ 662667 h 1746163"/>
                <a:gd name="connsiteX82" fmla="*/ 3413309 w 4158640"/>
                <a:gd name="connsiteY82" fmla="*/ 550747 h 1746163"/>
                <a:gd name="connsiteX83" fmla="*/ 3987190 w 4158640"/>
                <a:gd name="connsiteY83" fmla="*/ 231660 h 1746163"/>
                <a:gd name="connsiteX84" fmla="*/ 4158640 w 4158640"/>
                <a:gd name="connsiteY84" fmla="*/ 95926 h 1746163"/>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987190 w 4158640"/>
                <a:gd name="connsiteY83" fmla="*/ 135734 h 1650237"/>
                <a:gd name="connsiteX84" fmla="*/ 4158640 w 4158640"/>
                <a:gd name="connsiteY8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987190 w 4158640"/>
                <a:gd name="connsiteY83" fmla="*/ 135734 h 1650237"/>
                <a:gd name="connsiteX84" fmla="*/ 4158640 w 4158640"/>
                <a:gd name="connsiteY84" fmla="*/ 0 h 1650237"/>
                <a:gd name="connsiteX0" fmla="*/ 4158640 w 4158640"/>
                <a:gd name="connsiteY0" fmla="*/ 102133 h 1752370"/>
                <a:gd name="connsiteX1" fmla="*/ 4158640 w 4158640"/>
                <a:gd name="connsiteY1" fmla="*/ 1740433 h 1752370"/>
                <a:gd name="connsiteX2" fmla="*/ 301015 w 4158640"/>
                <a:gd name="connsiteY2" fmla="*/ 1740433 h 1752370"/>
                <a:gd name="connsiteX3" fmla="*/ 430396 w 4158640"/>
                <a:gd name="connsiteY3" fmla="*/ 1719795 h 1752370"/>
                <a:gd name="connsiteX4" fmla="*/ 384358 w 4158640"/>
                <a:gd name="connsiteY4" fmla="*/ 1733290 h 1752370"/>
                <a:gd name="connsiteX5" fmla="*/ 472465 w 4158640"/>
                <a:gd name="connsiteY5" fmla="*/ 1707095 h 1752370"/>
                <a:gd name="connsiteX6" fmla="*/ 527234 w 4158640"/>
                <a:gd name="connsiteY6" fmla="*/ 1697571 h 1752370"/>
                <a:gd name="connsiteX7" fmla="*/ 584384 w 4158640"/>
                <a:gd name="connsiteY7" fmla="*/ 1692808 h 1752370"/>
                <a:gd name="connsiteX8" fmla="*/ 636771 w 4158640"/>
                <a:gd name="connsiteY8" fmla="*/ 1680902 h 1752370"/>
                <a:gd name="connsiteX9" fmla="*/ 708209 w 4158640"/>
                <a:gd name="connsiteY9" fmla="*/ 1664234 h 1752370"/>
                <a:gd name="connsiteX10" fmla="*/ 765359 w 4158640"/>
                <a:gd name="connsiteY10" fmla="*/ 1649946 h 1752370"/>
                <a:gd name="connsiteX11" fmla="*/ 853466 w 4158640"/>
                <a:gd name="connsiteY11" fmla="*/ 1635658 h 1752370"/>
                <a:gd name="connsiteX12" fmla="*/ 951094 w 4158640"/>
                <a:gd name="connsiteY12" fmla="*/ 1626133 h 1752370"/>
                <a:gd name="connsiteX13" fmla="*/ 1010628 w 4158640"/>
                <a:gd name="connsiteY13" fmla="*/ 1616608 h 1752370"/>
                <a:gd name="connsiteX14" fmla="*/ 1060634 w 4158640"/>
                <a:gd name="connsiteY14" fmla="*/ 1614226 h 1752370"/>
                <a:gd name="connsiteX15" fmla="*/ 1115404 w 4158640"/>
                <a:gd name="connsiteY15" fmla="*/ 1592795 h 1752370"/>
                <a:gd name="connsiteX16" fmla="*/ 1163027 w 4158640"/>
                <a:gd name="connsiteY16" fmla="*/ 1576126 h 1752370"/>
                <a:gd name="connsiteX17" fmla="*/ 1213034 w 4158640"/>
                <a:gd name="connsiteY17" fmla="*/ 1568983 h 1752370"/>
                <a:gd name="connsiteX18" fmla="*/ 1253515 w 4158640"/>
                <a:gd name="connsiteY18" fmla="*/ 1561839 h 1752370"/>
                <a:gd name="connsiteX19" fmla="*/ 1293996 w 4158640"/>
                <a:gd name="connsiteY19" fmla="*/ 1552314 h 1752370"/>
                <a:gd name="connsiteX20" fmla="*/ 1336860 w 4158640"/>
                <a:gd name="connsiteY20" fmla="*/ 1523739 h 1752370"/>
                <a:gd name="connsiteX21" fmla="*/ 1358290 w 4158640"/>
                <a:gd name="connsiteY21" fmla="*/ 1502307 h 1752370"/>
                <a:gd name="connsiteX22" fmla="*/ 1384484 w 4158640"/>
                <a:gd name="connsiteY22" fmla="*/ 1490402 h 1752370"/>
                <a:gd name="connsiteX23" fmla="*/ 1427347 w 4158640"/>
                <a:gd name="connsiteY23" fmla="*/ 1471352 h 1752370"/>
                <a:gd name="connsiteX24" fmla="*/ 1455922 w 4158640"/>
                <a:gd name="connsiteY24" fmla="*/ 1459445 h 1752370"/>
                <a:gd name="connsiteX25" fmla="*/ 1491640 w 4158640"/>
                <a:gd name="connsiteY25" fmla="*/ 1440396 h 1752370"/>
                <a:gd name="connsiteX26" fmla="*/ 1534503 w 4158640"/>
                <a:gd name="connsiteY26" fmla="*/ 1423726 h 1752370"/>
                <a:gd name="connsiteX27" fmla="*/ 1563078 w 4158640"/>
                <a:gd name="connsiteY27" fmla="*/ 1414202 h 1752370"/>
                <a:gd name="connsiteX28" fmla="*/ 1589271 w 4158640"/>
                <a:gd name="connsiteY28" fmla="*/ 1407057 h 1752370"/>
                <a:gd name="connsiteX29" fmla="*/ 1620228 w 4158640"/>
                <a:gd name="connsiteY29" fmla="*/ 1402295 h 1752370"/>
                <a:gd name="connsiteX30" fmla="*/ 1648802 w 4158640"/>
                <a:gd name="connsiteY30" fmla="*/ 1395151 h 1752370"/>
                <a:gd name="connsiteX31" fmla="*/ 1682140 w 4158640"/>
                <a:gd name="connsiteY31" fmla="*/ 1390389 h 1752370"/>
                <a:gd name="connsiteX32" fmla="*/ 1710716 w 4158640"/>
                <a:gd name="connsiteY32" fmla="*/ 1373721 h 1752370"/>
                <a:gd name="connsiteX33" fmla="*/ 1732146 w 4158640"/>
                <a:gd name="connsiteY33" fmla="*/ 1357052 h 1752370"/>
                <a:gd name="connsiteX34" fmla="*/ 1767866 w 4158640"/>
                <a:gd name="connsiteY34" fmla="*/ 1338001 h 1752370"/>
                <a:gd name="connsiteX35" fmla="*/ 1796440 w 4158640"/>
                <a:gd name="connsiteY35" fmla="*/ 1323714 h 1752370"/>
                <a:gd name="connsiteX36" fmla="*/ 1825015 w 4158640"/>
                <a:gd name="connsiteY36" fmla="*/ 1311807 h 1752370"/>
                <a:gd name="connsiteX37" fmla="*/ 1851209 w 4158640"/>
                <a:gd name="connsiteY37" fmla="*/ 1297520 h 1752370"/>
                <a:gd name="connsiteX38" fmla="*/ 1875022 w 4158640"/>
                <a:gd name="connsiteY38" fmla="*/ 1290377 h 1752370"/>
                <a:gd name="connsiteX39" fmla="*/ 1896452 w 4158640"/>
                <a:gd name="connsiteY39" fmla="*/ 1278470 h 1752370"/>
                <a:gd name="connsiteX40" fmla="*/ 1927408 w 4158640"/>
                <a:gd name="connsiteY40" fmla="*/ 1268946 h 1752370"/>
                <a:gd name="connsiteX41" fmla="*/ 1967890 w 4158640"/>
                <a:gd name="connsiteY41" fmla="*/ 1245132 h 1752370"/>
                <a:gd name="connsiteX42" fmla="*/ 2010753 w 4158640"/>
                <a:gd name="connsiteY42" fmla="*/ 1233226 h 1752370"/>
                <a:gd name="connsiteX43" fmla="*/ 2041709 w 4158640"/>
                <a:gd name="connsiteY43" fmla="*/ 1221320 h 1752370"/>
                <a:gd name="connsiteX44" fmla="*/ 2072665 w 4158640"/>
                <a:gd name="connsiteY44" fmla="*/ 1211795 h 1752370"/>
                <a:gd name="connsiteX45" fmla="*/ 2108384 w 4158640"/>
                <a:gd name="connsiteY45" fmla="*/ 1204651 h 1752370"/>
                <a:gd name="connsiteX46" fmla="*/ 2139340 w 4158640"/>
                <a:gd name="connsiteY46" fmla="*/ 1187983 h 1752370"/>
                <a:gd name="connsiteX47" fmla="*/ 2170296 w 4158640"/>
                <a:gd name="connsiteY47" fmla="*/ 1173695 h 1752370"/>
                <a:gd name="connsiteX48" fmla="*/ 2198871 w 4158640"/>
                <a:gd name="connsiteY48" fmla="*/ 1161789 h 1752370"/>
                <a:gd name="connsiteX49" fmla="*/ 2241734 w 4158640"/>
                <a:gd name="connsiteY49" fmla="*/ 1147501 h 1752370"/>
                <a:gd name="connsiteX50" fmla="*/ 2265546 w 4158640"/>
                <a:gd name="connsiteY50" fmla="*/ 1128451 h 1752370"/>
                <a:gd name="connsiteX51" fmla="*/ 2286978 w 4158640"/>
                <a:gd name="connsiteY51" fmla="*/ 1116545 h 1752370"/>
                <a:gd name="connsiteX52" fmla="*/ 2310790 w 4158640"/>
                <a:gd name="connsiteY52" fmla="*/ 1104639 h 1752370"/>
                <a:gd name="connsiteX53" fmla="*/ 2341746 w 4158640"/>
                <a:gd name="connsiteY53" fmla="*/ 1085589 h 1752370"/>
                <a:gd name="connsiteX54" fmla="*/ 2367940 w 4158640"/>
                <a:gd name="connsiteY54" fmla="*/ 1068921 h 1752370"/>
                <a:gd name="connsiteX55" fmla="*/ 2384609 w 4158640"/>
                <a:gd name="connsiteY55" fmla="*/ 1057014 h 1752370"/>
                <a:gd name="connsiteX56" fmla="*/ 2417946 w 4158640"/>
                <a:gd name="connsiteY56" fmla="*/ 1052252 h 1752370"/>
                <a:gd name="connsiteX57" fmla="*/ 2451284 w 4158640"/>
                <a:gd name="connsiteY57" fmla="*/ 1040345 h 1752370"/>
                <a:gd name="connsiteX58" fmla="*/ 2477478 w 4158640"/>
                <a:gd name="connsiteY58" fmla="*/ 1028439 h 1752370"/>
                <a:gd name="connsiteX59" fmla="*/ 2506053 w 4158640"/>
                <a:gd name="connsiteY59" fmla="*/ 1023676 h 1752370"/>
                <a:gd name="connsiteX60" fmla="*/ 2527484 w 4158640"/>
                <a:gd name="connsiteY60" fmla="*/ 1007008 h 1752370"/>
                <a:gd name="connsiteX61" fmla="*/ 2560821 w 4158640"/>
                <a:gd name="connsiteY61" fmla="*/ 990339 h 1752370"/>
                <a:gd name="connsiteX62" fmla="*/ 2587015 w 4158640"/>
                <a:gd name="connsiteY62" fmla="*/ 968908 h 1752370"/>
                <a:gd name="connsiteX63" fmla="*/ 2667977 w 4158640"/>
                <a:gd name="connsiteY63" fmla="*/ 933189 h 1752370"/>
                <a:gd name="connsiteX64" fmla="*/ 2698934 w 4158640"/>
                <a:gd name="connsiteY64" fmla="*/ 923664 h 1752370"/>
                <a:gd name="connsiteX65" fmla="*/ 2727508 w 4158640"/>
                <a:gd name="connsiteY65" fmla="*/ 916521 h 1752370"/>
                <a:gd name="connsiteX66" fmla="*/ 2758465 w 4158640"/>
                <a:gd name="connsiteY66" fmla="*/ 916520 h 1752370"/>
                <a:gd name="connsiteX67" fmla="*/ 2791803 w 4158640"/>
                <a:gd name="connsiteY67" fmla="*/ 899851 h 1752370"/>
                <a:gd name="connsiteX68" fmla="*/ 2827521 w 4158640"/>
                <a:gd name="connsiteY68" fmla="*/ 887945 h 1752370"/>
                <a:gd name="connsiteX69" fmla="*/ 2860859 w 4158640"/>
                <a:gd name="connsiteY69" fmla="*/ 878420 h 1752370"/>
                <a:gd name="connsiteX70" fmla="*/ 2887053 w 4158640"/>
                <a:gd name="connsiteY70" fmla="*/ 861751 h 1752370"/>
                <a:gd name="connsiteX71" fmla="*/ 2918009 w 4158640"/>
                <a:gd name="connsiteY71" fmla="*/ 847464 h 1752370"/>
                <a:gd name="connsiteX72" fmla="*/ 2939440 w 4158640"/>
                <a:gd name="connsiteY72" fmla="*/ 833176 h 1752370"/>
                <a:gd name="connsiteX73" fmla="*/ 2963253 w 4158640"/>
                <a:gd name="connsiteY73" fmla="*/ 816508 h 1752370"/>
                <a:gd name="connsiteX74" fmla="*/ 2989446 w 4158640"/>
                <a:gd name="connsiteY74" fmla="*/ 809364 h 1752370"/>
                <a:gd name="connsiteX75" fmla="*/ 3018021 w 4158640"/>
                <a:gd name="connsiteY75" fmla="*/ 790314 h 1752370"/>
                <a:gd name="connsiteX76" fmla="*/ 3070408 w 4158640"/>
                <a:gd name="connsiteY76" fmla="*/ 768884 h 1752370"/>
                <a:gd name="connsiteX77" fmla="*/ 3096602 w 4158640"/>
                <a:gd name="connsiteY77" fmla="*/ 745074 h 1752370"/>
                <a:gd name="connsiteX78" fmla="*/ 3129940 w 4158640"/>
                <a:gd name="connsiteY78" fmla="*/ 728405 h 1752370"/>
                <a:gd name="connsiteX79" fmla="*/ 3151371 w 4158640"/>
                <a:gd name="connsiteY79" fmla="*/ 695069 h 1752370"/>
                <a:gd name="connsiteX80" fmla="*/ 3187090 w 4158640"/>
                <a:gd name="connsiteY80" fmla="*/ 683161 h 1752370"/>
                <a:gd name="connsiteX81" fmla="*/ 3206141 w 4158640"/>
                <a:gd name="connsiteY81" fmla="*/ 668874 h 1752370"/>
                <a:gd name="connsiteX82" fmla="*/ 3413309 w 4158640"/>
                <a:gd name="connsiteY82" fmla="*/ 556954 h 1752370"/>
                <a:gd name="connsiteX83" fmla="*/ 3987190 w 4158640"/>
                <a:gd name="connsiteY83" fmla="*/ 237867 h 1752370"/>
                <a:gd name="connsiteX84" fmla="*/ 4065771 w 4158640"/>
                <a:gd name="connsiteY84" fmla="*/ 173573 h 1752370"/>
                <a:gd name="connsiteX85" fmla="*/ 4158640 w 4158640"/>
                <a:gd name="connsiteY85" fmla="*/ 102133 h 1752370"/>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987190 w 4158640"/>
                <a:gd name="connsiteY83" fmla="*/ 135734 h 1650237"/>
                <a:gd name="connsiteX84" fmla="*/ 4065771 w 4158640"/>
                <a:gd name="connsiteY84" fmla="*/ 71440 h 1650237"/>
                <a:gd name="connsiteX85" fmla="*/ 4158640 w 4158640"/>
                <a:gd name="connsiteY85" fmla="*/ 0 h 1650237"/>
                <a:gd name="connsiteX0" fmla="*/ 4158640 w 4158640"/>
                <a:gd name="connsiteY0" fmla="*/ 95925 h 1746162"/>
                <a:gd name="connsiteX1" fmla="*/ 4158640 w 4158640"/>
                <a:gd name="connsiteY1" fmla="*/ 1734225 h 1746162"/>
                <a:gd name="connsiteX2" fmla="*/ 301015 w 4158640"/>
                <a:gd name="connsiteY2" fmla="*/ 1734225 h 1746162"/>
                <a:gd name="connsiteX3" fmla="*/ 430396 w 4158640"/>
                <a:gd name="connsiteY3" fmla="*/ 1713587 h 1746162"/>
                <a:gd name="connsiteX4" fmla="*/ 384358 w 4158640"/>
                <a:gd name="connsiteY4" fmla="*/ 1727082 h 1746162"/>
                <a:gd name="connsiteX5" fmla="*/ 472465 w 4158640"/>
                <a:gd name="connsiteY5" fmla="*/ 1700887 h 1746162"/>
                <a:gd name="connsiteX6" fmla="*/ 527234 w 4158640"/>
                <a:gd name="connsiteY6" fmla="*/ 1691363 h 1746162"/>
                <a:gd name="connsiteX7" fmla="*/ 584384 w 4158640"/>
                <a:gd name="connsiteY7" fmla="*/ 1686600 h 1746162"/>
                <a:gd name="connsiteX8" fmla="*/ 636771 w 4158640"/>
                <a:gd name="connsiteY8" fmla="*/ 1674694 h 1746162"/>
                <a:gd name="connsiteX9" fmla="*/ 708209 w 4158640"/>
                <a:gd name="connsiteY9" fmla="*/ 1658026 h 1746162"/>
                <a:gd name="connsiteX10" fmla="*/ 765359 w 4158640"/>
                <a:gd name="connsiteY10" fmla="*/ 1643738 h 1746162"/>
                <a:gd name="connsiteX11" fmla="*/ 853466 w 4158640"/>
                <a:gd name="connsiteY11" fmla="*/ 1629450 h 1746162"/>
                <a:gd name="connsiteX12" fmla="*/ 951094 w 4158640"/>
                <a:gd name="connsiteY12" fmla="*/ 1619925 h 1746162"/>
                <a:gd name="connsiteX13" fmla="*/ 1010628 w 4158640"/>
                <a:gd name="connsiteY13" fmla="*/ 1610400 h 1746162"/>
                <a:gd name="connsiteX14" fmla="*/ 1060634 w 4158640"/>
                <a:gd name="connsiteY14" fmla="*/ 1608018 h 1746162"/>
                <a:gd name="connsiteX15" fmla="*/ 1115404 w 4158640"/>
                <a:gd name="connsiteY15" fmla="*/ 1586587 h 1746162"/>
                <a:gd name="connsiteX16" fmla="*/ 1163027 w 4158640"/>
                <a:gd name="connsiteY16" fmla="*/ 1569918 h 1746162"/>
                <a:gd name="connsiteX17" fmla="*/ 1213034 w 4158640"/>
                <a:gd name="connsiteY17" fmla="*/ 1562775 h 1746162"/>
                <a:gd name="connsiteX18" fmla="*/ 1253515 w 4158640"/>
                <a:gd name="connsiteY18" fmla="*/ 1555631 h 1746162"/>
                <a:gd name="connsiteX19" fmla="*/ 1293996 w 4158640"/>
                <a:gd name="connsiteY19" fmla="*/ 1546106 h 1746162"/>
                <a:gd name="connsiteX20" fmla="*/ 1336860 w 4158640"/>
                <a:gd name="connsiteY20" fmla="*/ 1517531 h 1746162"/>
                <a:gd name="connsiteX21" fmla="*/ 1358290 w 4158640"/>
                <a:gd name="connsiteY21" fmla="*/ 1496099 h 1746162"/>
                <a:gd name="connsiteX22" fmla="*/ 1384484 w 4158640"/>
                <a:gd name="connsiteY22" fmla="*/ 1484194 h 1746162"/>
                <a:gd name="connsiteX23" fmla="*/ 1427347 w 4158640"/>
                <a:gd name="connsiteY23" fmla="*/ 1465144 h 1746162"/>
                <a:gd name="connsiteX24" fmla="*/ 1455922 w 4158640"/>
                <a:gd name="connsiteY24" fmla="*/ 1453237 h 1746162"/>
                <a:gd name="connsiteX25" fmla="*/ 1491640 w 4158640"/>
                <a:gd name="connsiteY25" fmla="*/ 1434188 h 1746162"/>
                <a:gd name="connsiteX26" fmla="*/ 1534503 w 4158640"/>
                <a:gd name="connsiteY26" fmla="*/ 1417518 h 1746162"/>
                <a:gd name="connsiteX27" fmla="*/ 1563078 w 4158640"/>
                <a:gd name="connsiteY27" fmla="*/ 1407994 h 1746162"/>
                <a:gd name="connsiteX28" fmla="*/ 1589271 w 4158640"/>
                <a:gd name="connsiteY28" fmla="*/ 1400849 h 1746162"/>
                <a:gd name="connsiteX29" fmla="*/ 1620228 w 4158640"/>
                <a:gd name="connsiteY29" fmla="*/ 1396087 h 1746162"/>
                <a:gd name="connsiteX30" fmla="*/ 1648802 w 4158640"/>
                <a:gd name="connsiteY30" fmla="*/ 1388943 h 1746162"/>
                <a:gd name="connsiteX31" fmla="*/ 1682140 w 4158640"/>
                <a:gd name="connsiteY31" fmla="*/ 1384181 h 1746162"/>
                <a:gd name="connsiteX32" fmla="*/ 1710716 w 4158640"/>
                <a:gd name="connsiteY32" fmla="*/ 1367513 h 1746162"/>
                <a:gd name="connsiteX33" fmla="*/ 1732146 w 4158640"/>
                <a:gd name="connsiteY33" fmla="*/ 1350844 h 1746162"/>
                <a:gd name="connsiteX34" fmla="*/ 1767866 w 4158640"/>
                <a:gd name="connsiteY34" fmla="*/ 1331793 h 1746162"/>
                <a:gd name="connsiteX35" fmla="*/ 1796440 w 4158640"/>
                <a:gd name="connsiteY35" fmla="*/ 1317506 h 1746162"/>
                <a:gd name="connsiteX36" fmla="*/ 1825015 w 4158640"/>
                <a:gd name="connsiteY36" fmla="*/ 1305599 h 1746162"/>
                <a:gd name="connsiteX37" fmla="*/ 1851209 w 4158640"/>
                <a:gd name="connsiteY37" fmla="*/ 1291312 h 1746162"/>
                <a:gd name="connsiteX38" fmla="*/ 1875022 w 4158640"/>
                <a:gd name="connsiteY38" fmla="*/ 1284169 h 1746162"/>
                <a:gd name="connsiteX39" fmla="*/ 1896452 w 4158640"/>
                <a:gd name="connsiteY39" fmla="*/ 1272262 h 1746162"/>
                <a:gd name="connsiteX40" fmla="*/ 1927408 w 4158640"/>
                <a:gd name="connsiteY40" fmla="*/ 1262738 h 1746162"/>
                <a:gd name="connsiteX41" fmla="*/ 1967890 w 4158640"/>
                <a:gd name="connsiteY41" fmla="*/ 1238924 h 1746162"/>
                <a:gd name="connsiteX42" fmla="*/ 2010753 w 4158640"/>
                <a:gd name="connsiteY42" fmla="*/ 1227018 h 1746162"/>
                <a:gd name="connsiteX43" fmla="*/ 2041709 w 4158640"/>
                <a:gd name="connsiteY43" fmla="*/ 1215112 h 1746162"/>
                <a:gd name="connsiteX44" fmla="*/ 2072665 w 4158640"/>
                <a:gd name="connsiteY44" fmla="*/ 1205587 h 1746162"/>
                <a:gd name="connsiteX45" fmla="*/ 2108384 w 4158640"/>
                <a:gd name="connsiteY45" fmla="*/ 1198443 h 1746162"/>
                <a:gd name="connsiteX46" fmla="*/ 2139340 w 4158640"/>
                <a:gd name="connsiteY46" fmla="*/ 1181775 h 1746162"/>
                <a:gd name="connsiteX47" fmla="*/ 2170296 w 4158640"/>
                <a:gd name="connsiteY47" fmla="*/ 1167487 h 1746162"/>
                <a:gd name="connsiteX48" fmla="*/ 2198871 w 4158640"/>
                <a:gd name="connsiteY48" fmla="*/ 1155581 h 1746162"/>
                <a:gd name="connsiteX49" fmla="*/ 2241734 w 4158640"/>
                <a:gd name="connsiteY49" fmla="*/ 1141293 h 1746162"/>
                <a:gd name="connsiteX50" fmla="*/ 2265546 w 4158640"/>
                <a:gd name="connsiteY50" fmla="*/ 1122243 h 1746162"/>
                <a:gd name="connsiteX51" fmla="*/ 2286978 w 4158640"/>
                <a:gd name="connsiteY51" fmla="*/ 1110337 h 1746162"/>
                <a:gd name="connsiteX52" fmla="*/ 2310790 w 4158640"/>
                <a:gd name="connsiteY52" fmla="*/ 1098431 h 1746162"/>
                <a:gd name="connsiteX53" fmla="*/ 2341746 w 4158640"/>
                <a:gd name="connsiteY53" fmla="*/ 1079381 h 1746162"/>
                <a:gd name="connsiteX54" fmla="*/ 2367940 w 4158640"/>
                <a:gd name="connsiteY54" fmla="*/ 1062713 h 1746162"/>
                <a:gd name="connsiteX55" fmla="*/ 2384609 w 4158640"/>
                <a:gd name="connsiteY55" fmla="*/ 1050806 h 1746162"/>
                <a:gd name="connsiteX56" fmla="*/ 2417946 w 4158640"/>
                <a:gd name="connsiteY56" fmla="*/ 1046044 h 1746162"/>
                <a:gd name="connsiteX57" fmla="*/ 2451284 w 4158640"/>
                <a:gd name="connsiteY57" fmla="*/ 1034137 h 1746162"/>
                <a:gd name="connsiteX58" fmla="*/ 2477478 w 4158640"/>
                <a:gd name="connsiteY58" fmla="*/ 1022231 h 1746162"/>
                <a:gd name="connsiteX59" fmla="*/ 2506053 w 4158640"/>
                <a:gd name="connsiteY59" fmla="*/ 1017468 h 1746162"/>
                <a:gd name="connsiteX60" fmla="*/ 2527484 w 4158640"/>
                <a:gd name="connsiteY60" fmla="*/ 1000800 h 1746162"/>
                <a:gd name="connsiteX61" fmla="*/ 2560821 w 4158640"/>
                <a:gd name="connsiteY61" fmla="*/ 984131 h 1746162"/>
                <a:gd name="connsiteX62" fmla="*/ 2587015 w 4158640"/>
                <a:gd name="connsiteY62" fmla="*/ 962700 h 1746162"/>
                <a:gd name="connsiteX63" fmla="*/ 2667977 w 4158640"/>
                <a:gd name="connsiteY63" fmla="*/ 926981 h 1746162"/>
                <a:gd name="connsiteX64" fmla="*/ 2698934 w 4158640"/>
                <a:gd name="connsiteY64" fmla="*/ 917456 h 1746162"/>
                <a:gd name="connsiteX65" fmla="*/ 2727508 w 4158640"/>
                <a:gd name="connsiteY65" fmla="*/ 910313 h 1746162"/>
                <a:gd name="connsiteX66" fmla="*/ 2758465 w 4158640"/>
                <a:gd name="connsiteY66" fmla="*/ 910312 h 1746162"/>
                <a:gd name="connsiteX67" fmla="*/ 2791803 w 4158640"/>
                <a:gd name="connsiteY67" fmla="*/ 893643 h 1746162"/>
                <a:gd name="connsiteX68" fmla="*/ 2827521 w 4158640"/>
                <a:gd name="connsiteY68" fmla="*/ 881737 h 1746162"/>
                <a:gd name="connsiteX69" fmla="*/ 2860859 w 4158640"/>
                <a:gd name="connsiteY69" fmla="*/ 872212 h 1746162"/>
                <a:gd name="connsiteX70" fmla="*/ 2887053 w 4158640"/>
                <a:gd name="connsiteY70" fmla="*/ 855543 h 1746162"/>
                <a:gd name="connsiteX71" fmla="*/ 2918009 w 4158640"/>
                <a:gd name="connsiteY71" fmla="*/ 841256 h 1746162"/>
                <a:gd name="connsiteX72" fmla="*/ 2939440 w 4158640"/>
                <a:gd name="connsiteY72" fmla="*/ 826968 h 1746162"/>
                <a:gd name="connsiteX73" fmla="*/ 2963253 w 4158640"/>
                <a:gd name="connsiteY73" fmla="*/ 810300 h 1746162"/>
                <a:gd name="connsiteX74" fmla="*/ 2989446 w 4158640"/>
                <a:gd name="connsiteY74" fmla="*/ 803156 h 1746162"/>
                <a:gd name="connsiteX75" fmla="*/ 3018021 w 4158640"/>
                <a:gd name="connsiteY75" fmla="*/ 784106 h 1746162"/>
                <a:gd name="connsiteX76" fmla="*/ 3070408 w 4158640"/>
                <a:gd name="connsiteY76" fmla="*/ 762676 h 1746162"/>
                <a:gd name="connsiteX77" fmla="*/ 3096602 w 4158640"/>
                <a:gd name="connsiteY77" fmla="*/ 738866 h 1746162"/>
                <a:gd name="connsiteX78" fmla="*/ 3129940 w 4158640"/>
                <a:gd name="connsiteY78" fmla="*/ 722197 h 1746162"/>
                <a:gd name="connsiteX79" fmla="*/ 3151371 w 4158640"/>
                <a:gd name="connsiteY79" fmla="*/ 688861 h 1746162"/>
                <a:gd name="connsiteX80" fmla="*/ 3187090 w 4158640"/>
                <a:gd name="connsiteY80" fmla="*/ 676953 h 1746162"/>
                <a:gd name="connsiteX81" fmla="*/ 3206141 w 4158640"/>
                <a:gd name="connsiteY81" fmla="*/ 662666 h 1746162"/>
                <a:gd name="connsiteX82" fmla="*/ 3413309 w 4158640"/>
                <a:gd name="connsiteY82" fmla="*/ 550746 h 1746162"/>
                <a:gd name="connsiteX83" fmla="*/ 3987190 w 4158640"/>
                <a:gd name="connsiteY83" fmla="*/ 231659 h 1746162"/>
                <a:gd name="connsiteX84" fmla="*/ 4158640 w 4158640"/>
                <a:gd name="connsiteY84" fmla="*/ 95925 h 1746162"/>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987190 w 4158640"/>
                <a:gd name="connsiteY83" fmla="*/ 135734 h 1650237"/>
                <a:gd name="connsiteX84" fmla="*/ 4158640 w 4158640"/>
                <a:gd name="connsiteY8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4006240 w 4158640"/>
                <a:gd name="connsiteY83" fmla="*/ 140497 h 1650237"/>
                <a:gd name="connsiteX84" fmla="*/ 4158640 w 4158640"/>
                <a:gd name="connsiteY84" fmla="*/ 0 h 1650237"/>
                <a:gd name="connsiteX0" fmla="*/ 4158640 w 4158640"/>
                <a:gd name="connsiteY0" fmla="*/ 104323 h 1754560"/>
                <a:gd name="connsiteX1" fmla="*/ 4158640 w 4158640"/>
                <a:gd name="connsiteY1" fmla="*/ 1742623 h 1754560"/>
                <a:gd name="connsiteX2" fmla="*/ 301015 w 4158640"/>
                <a:gd name="connsiteY2" fmla="*/ 1742623 h 1754560"/>
                <a:gd name="connsiteX3" fmla="*/ 430396 w 4158640"/>
                <a:gd name="connsiteY3" fmla="*/ 1721985 h 1754560"/>
                <a:gd name="connsiteX4" fmla="*/ 384358 w 4158640"/>
                <a:gd name="connsiteY4" fmla="*/ 1735480 h 1754560"/>
                <a:gd name="connsiteX5" fmla="*/ 472465 w 4158640"/>
                <a:gd name="connsiteY5" fmla="*/ 1709285 h 1754560"/>
                <a:gd name="connsiteX6" fmla="*/ 527234 w 4158640"/>
                <a:gd name="connsiteY6" fmla="*/ 1699761 h 1754560"/>
                <a:gd name="connsiteX7" fmla="*/ 584384 w 4158640"/>
                <a:gd name="connsiteY7" fmla="*/ 1694998 h 1754560"/>
                <a:gd name="connsiteX8" fmla="*/ 636771 w 4158640"/>
                <a:gd name="connsiteY8" fmla="*/ 1683092 h 1754560"/>
                <a:gd name="connsiteX9" fmla="*/ 708209 w 4158640"/>
                <a:gd name="connsiteY9" fmla="*/ 1666424 h 1754560"/>
                <a:gd name="connsiteX10" fmla="*/ 765359 w 4158640"/>
                <a:gd name="connsiteY10" fmla="*/ 1652136 h 1754560"/>
                <a:gd name="connsiteX11" fmla="*/ 853466 w 4158640"/>
                <a:gd name="connsiteY11" fmla="*/ 1637848 h 1754560"/>
                <a:gd name="connsiteX12" fmla="*/ 951094 w 4158640"/>
                <a:gd name="connsiteY12" fmla="*/ 1628323 h 1754560"/>
                <a:gd name="connsiteX13" fmla="*/ 1010628 w 4158640"/>
                <a:gd name="connsiteY13" fmla="*/ 1618798 h 1754560"/>
                <a:gd name="connsiteX14" fmla="*/ 1060634 w 4158640"/>
                <a:gd name="connsiteY14" fmla="*/ 1616416 h 1754560"/>
                <a:gd name="connsiteX15" fmla="*/ 1115404 w 4158640"/>
                <a:gd name="connsiteY15" fmla="*/ 1594985 h 1754560"/>
                <a:gd name="connsiteX16" fmla="*/ 1163027 w 4158640"/>
                <a:gd name="connsiteY16" fmla="*/ 1578316 h 1754560"/>
                <a:gd name="connsiteX17" fmla="*/ 1213034 w 4158640"/>
                <a:gd name="connsiteY17" fmla="*/ 1571173 h 1754560"/>
                <a:gd name="connsiteX18" fmla="*/ 1253515 w 4158640"/>
                <a:gd name="connsiteY18" fmla="*/ 1564029 h 1754560"/>
                <a:gd name="connsiteX19" fmla="*/ 1293996 w 4158640"/>
                <a:gd name="connsiteY19" fmla="*/ 1554504 h 1754560"/>
                <a:gd name="connsiteX20" fmla="*/ 1336860 w 4158640"/>
                <a:gd name="connsiteY20" fmla="*/ 1525929 h 1754560"/>
                <a:gd name="connsiteX21" fmla="*/ 1358290 w 4158640"/>
                <a:gd name="connsiteY21" fmla="*/ 1504497 h 1754560"/>
                <a:gd name="connsiteX22" fmla="*/ 1384484 w 4158640"/>
                <a:gd name="connsiteY22" fmla="*/ 1492592 h 1754560"/>
                <a:gd name="connsiteX23" fmla="*/ 1427347 w 4158640"/>
                <a:gd name="connsiteY23" fmla="*/ 1473542 h 1754560"/>
                <a:gd name="connsiteX24" fmla="*/ 1455922 w 4158640"/>
                <a:gd name="connsiteY24" fmla="*/ 1461635 h 1754560"/>
                <a:gd name="connsiteX25" fmla="*/ 1491640 w 4158640"/>
                <a:gd name="connsiteY25" fmla="*/ 1442586 h 1754560"/>
                <a:gd name="connsiteX26" fmla="*/ 1534503 w 4158640"/>
                <a:gd name="connsiteY26" fmla="*/ 1425916 h 1754560"/>
                <a:gd name="connsiteX27" fmla="*/ 1563078 w 4158640"/>
                <a:gd name="connsiteY27" fmla="*/ 1416392 h 1754560"/>
                <a:gd name="connsiteX28" fmla="*/ 1589271 w 4158640"/>
                <a:gd name="connsiteY28" fmla="*/ 1409247 h 1754560"/>
                <a:gd name="connsiteX29" fmla="*/ 1620228 w 4158640"/>
                <a:gd name="connsiteY29" fmla="*/ 1404485 h 1754560"/>
                <a:gd name="connsiteX30" fmla="*/ 1648802 w 4158640"/>
                <a:gd name="connsiteY30" fmla="*/ 1397341 h 1754560"/>
                <a:gd name="connsiteX31" fmla="*/ 1682140 w 4158640"/>
                <a:gd name="connsiteY31" fmla="*/ 1392579 h 1754560"/>
                <a:gd name="connsiteX32" fmla="*/ 1710716 w 4158640"/>
                <a:gd name="connsiteY32" fmla="*/ 1375911 h 1754560"/>
                <a:gd name="connsiteX33" fmla="*/ 1732146 w 4158640"/>
                <a:gd name="connsiteY33" fmla="*/ 1359242 h 1754560"/>
                <a:gd name="connsiteX34" fmla="*/ 1767866 w 4158640"/>
                <a:gd name="connsiteY34" fmla="*/ 1340191 h 1754560"/>
                <a:gd name="connsiteX35" fmla="*/ 1796440 w 4158640"/>
                <a:gd name="connsiteY35" fmla="*/ 1325904 h 1754560"/>
                <a:gd name="connsiteX36" fmla="*/ 1825015 w 4158640"/>
                <a:gd name="connsiteY36" fmla="*/ 1313997 h 1754560"/>
                <a:gd name="connsiteX37" fmla="*/ 1851209 w 4158640"/>
                <a:gd name="connsiteY37" fmla="*/ 1299710 h 1754560"/>
                <a:gd name="connsiteX38" fmla="*/ 1875022 w 4158640"/>
                <a:gd name="connsiteY38" fmla="*/ 1292567 h 1754560"/>
                <a:gd name="connsiteX39" fmla="*/ 1896452 w 4158640"/>
                <a:gd name="connsiteY39" fmla="*/ 1280660 h 1754560"/>
                <a:gd name="connsiteX40" fmla="*/ 1927408 w 4158640"/>
                <a:gd name="connsiteY40" fmla="*/ 1271136 h 1754560"/>
                <a:gd name="connsiteX41" fmla="*/ 1967890 w 4158640"/>
                <a:gd name="connsiteY41" fmla="*/ 1247322 h 1754560"/>
                <a:gd name="connsiteX42" fmla="*/ 2010753 w 4158640"/>
                <a:gd name="connsiteY42" fmla="*/ 1235416 h 1754560"/>
                <a:gd name="connsiteX43" fmla="*/ 2041709 w 4158640"/>
                <a:gd name="connsiteY43" fmla="*/ 1223510 h 1754560"/>
                <a:gd name="connsiteX44" fmla="*/ 2072665 w 4158640"/>
                <a:gd name="connsiteY44" fmla="*/ 1213985 h 1754560"/>
                <a:gd name="connsiteX45" fmla="*/ 2108384 w 4158640"/>
                <a:gd name="connsiteY45" fmla="*/ 1206841 h 1754560"/>
                <a:gd name="connsiteX46" fmla="*/ 2139340 w 4158640"/>
                <a:gd name="connsiteY46" fmla="*/ 1190173 h 1754560"/>
                <a:gd name="connsiteX47" fmla="*/ 2170296 w 4158640"/>
                <a:gd name="connsiteY47" fmla="*/ 1175885 h 1754560"/>
                <a:gd name="connsiteX48" fmla="*/ 2198871 w 4158640"/>
                <a:gd name="connsiteY48" fmla="*/ 1163979 h 1754560"/>
                <a:gd name="connsiteX49" fmla="*/ 2241734 w 4158640"/>
                <a:gd name="connsiteY49" fmla="*/ 1149691 h 1754560"/>
                <a:gd name="connsiteX50" fmla="*/ 2265546 w 4158640"/>
                <a:gd name="connsiteY50" fmla="*/ 1130641 h 1754560"/>
                <a:gd name="connsiteX51" fmla="*/ 2286978 w 4158640"/>
                <a:gd name="connsiteY51" fmla="*/ 1118735 h 1754560"/>
                <a:gd name="connsiteX52" fmla="*/ 2310790 w 4158640"/>
                <a:gd name="connsiteY52" fmla="*/ 1106829 h 1754560"/>
                <a:gd name="connsiteX53" fmla="*/ 2341746 w 4158640"/>
                <a:gd name="connsiteY53" fmla="*/ 1087779 h 1754560"/>
                <a:gd name="connsiteX54" fmla="*/ 2367940 w 4158640"/>
                <a:gd name="connsiteY54" fmla="*/ 1071111 h 1754560"/>
                <a:gd name="connsiteX55" fmla="*/ 2384609 w 4158640"/>
                <a:gd name="connsiteY55" fmla="*/ 1059204 h 1754560"/>
                <a:gd name="connsiteX56" fmla="*/ 2417946 w 4158640"/>
                <a:gd name="connsiteY56" fmla="*/ 1054442 h 1754560"/>
                <a:gd name="connsiteX57" fmla="*/ 2451284 w 4158640"/>
                <a:gd name="connsiteY57" fmla="*/ 1042535 h 1754560"/>
                <a:gd name="connsiteX58" fmla="*/ 2477478 w 4158640"/>
                <a:gd name="connsiteY58" fmla="*/ 1030629 h 1754560"/>
                <a:gd name="connsiteX59" fmla="*/ 2506053 w 4158640"/>
                <a:gd name="connsiteY59" fmla="*/ 1025866 h 1754560"/>
                <a:gd name="connsiteX60" fmla="*/ 2527484 w 4158640"/>
                <a:gd name="connsiteY60" fmla="*/ 1009198 h 1754560"/>
                <a:gd name="connsiteX61" fmla="*/ 2560821 w 4158640"/>
                <a:gd name="connsiteY61" fmla="*/ 992529 h 1754560"/>
                <a:gd name="connsiteX62" fmla="*/ 2587015 w 4158640"/>
                <a:gd name="connsiteY62" fmla="*/ 971098 h 1754560"/>
                <a:gd name="connsiteX63" fmla="*/ 2667977 w 4158640"/>
                <a:gd name="connsiteY63" fmla="*/ 935379 h 1754560"/>
                <a:gd name="connsiteX64" fmla="*/ 2698934 w 4158640"/>
                <a:gd name="connsiteY64" fmla="*/ 925854 h 1754560"/>
                <a:gd name="connsiteX65" fmla="*/ 2727508 w 4158640"/>
                <a:gd name="connsiteY65" fmla="*/ 918711 h 1754560"/>
                <a:gd name="connsiteX66" fmla="*/ 2758465 w 4158640"/>
                <a:gd name="connsiteY66" fmla="*/ 918710 h 1754560"/>
                <a:gd name="connsiteX67" fmla="*/ 2791803 w 4158640"/>
                <a:gd name="connsiteY67" fmla="*/ 902041 h 1754560"/>
                <a:gd name="connsiteX68" fmla="*/ 2827521 w 4158640"/>
                <a:gd name="connsiteY68" fmla="*/ 890135 h 1754560"/>
                <a:gd name="connsiteX69" fmla="*/ 2860859 w 4158640"/>
                <a:gd name="connsiteY69" fmla="*/ 880610 h 1754560"/>
                <a:gd name="connsiteX70" fmla="*/ 2887053 w 4158640"/>
                <a:gd name="connsiteY70" fmla="*/ 863941 h 1754560"/>
                <a:gd name="connsiteX71" fmla="*/ 2918009 w 4158640"/>
                <a:gd name="connsiteY71" fmla="*/ 849654 h 1754560"/>
                <a:gd name="connsiteX72" fmla="*/ 2939440 w 4158640"/>
                <a:gd name="connsiteY72" fmla="*/ 835366 h 1754560"/>
                <a:gd name="connsiteX73" fmla="*/ 2963253 w 4158640"/>
                <a:gd name="connsiteY73" fmla="*/ 818698 h 1754560"/>
                <a:gd name="connsiteX74" fmla="*/ 2989446 w 4158640"/>
                <a:gd name="connsiteY74" fmla="*/ 811554 h 1754560"/>
                <a:gd name="connsiteX75" fmla="*/ 3018021 w 4158640"/>
                <a:gd name="connsiteY75" fmla="*/ 792504 h 1754560"/>
                <a:gd name="connsiteX76" fmla="*/ 3070408 w 4158640"/>
                <a:gd name="connsiteY76" fmla="*/ 771074 h 1754560"/>
                <a:gd name="connsiteX77" fmla="*/ 3096602 w 4158640"/>
                <a:gd name="connsiteY77" fmla="*/ 747264 h 1754560"/>
                <a:gd name="connsiteX78" fmla="*/ 3129940 w 4158640"/>
                <a:gd name="connsiteY78" fmla="*/ 730595 h 1754560"/>
                <a:gd name="connsiteX79" fmla="*/ 3151371 w 4158640"/>
                <a:gd name="connsiteY79" fmla="*/ 697259 h 1754560"/>
                <a:gd name="connsiteX80" fmla="*/ 3187090 w 4158640"/>
                <a:gd name="connsiteY80" fmla="*/ 685351 h 1754560"/>
                <a:gd name="connsiteX81" fmla="*/ 3206141 w 4158640"/>
                <a:gd name="connsiteY81" fmla="*/ 671064 h 1754560"/>
                <a:gd name="connsiteX82" fmla="*/ 3413309 w 4158640"/>
                <a:gd name="connsiteY82" fmla="*/ 559144 h 1754560"/>
                <a:gd name="connsiteX83" fmla="*/ 4006240 w 4158640"/>
                <a:gd name="connsiteY83" fmla="*/ 244820 h 1754560"/>
                <a:gd name="connsiteX84" fmla="*/ 4065771 w 4158640"/>
                <a:gd name="connsiteY84" fmla="*/ 171001 h 1754560"/>
                <a:gd name="connsiteX85" fmla="*/ 4158640 w 4158640"/>
                <a:gd name="connsiteY85" fmla="*/ 104323 h 1754560"/>
                <a:gd name="connsiteX0" fmla="*/ 4158640 w 4158640"/>
                <a:gd name="connsiteY0" fmla="*/ 109367 h 1759604"/>
                <a:gd name="connsiteX1" fmla="*/ 4158640 w 4158640"/>
                <a:gd name="connsiteY1" fmla="*/ 1747667 h 1759604"/>
                <a:gd name="connsiteX2" fmla="*/ 301015 w 4158640"/>
                <a:gd name="connsiteY2" fmla="*/ 1747667 h 1759604"/>
                <a:gd name="connsiteX3" fmla="*/ 430396 w 4158640"/>
                <a:gd name="connsiteY3" fmla="*/ 1727029 h 1759604"/>
                <a:gd name="connsiteX4" fmla="*/ 384358 w 4158640"/>
                <a:gd name="connsiteY4" fmla="*/ 1740524 h 1759604"/>
                <a:gd name="connsiteX5" fmla="*/ 472465 w 4158640"/>
                <a:gd name="connsiteY5" fmla="*/ 1714329 h 1759604"/>
                <a:gd name="connsiteX6" fmla="*/ 527234 w 4158640"/>
                <a:gd name="connsiteY6" fmla="*/ 1704805 h 1759604"/>
                <a:gd name="connsiteX7" fmla="*/ 584384 w 4158640"/>
                <a:gd name="connsiteY7" fmla="*/ 1700042 h 1759604"/>
                <a:gd name="connsiteX8" fmla="*/ 636771 w 4158640"/>
                <a:gd name="connsiteY8" fmla="*/ 1688136 h 1759604"/>
                <a:gd name="connsiteX9" fmla="*/ 708209 w 4158640"/>
                <a:gd name="connsiteY9" fmla="*/ 1671468 h 1759604"/>
                <a:gd name="connsiteX10" fmla="*/ 765359 w 4158640"/>
                <a:gd name="connsiteY10" fmla="*/ 1657180 h 1759604"/>
                <a:gd name="connsiteX11" fmla="*/ 853466 w 4158640"/>
                <a:gd name="connsiteY11" fmla="*/ 1642892 h 1759604"/>
                <a:gd name="connsiteX12" fmla="*/ 951094 w 4158640"/>
                <a:gd name="connsiteY12" fmla="*/ 1633367 h 1759604"/>
                <a:gd name="connsiteX13" fmla="*/ 1010628 w 4158640"/>
                <a:gd name="connsiteY13" fmla="*/ 1623842 h 1759604"/>
                <a:gd name="connsiteX14" fmla="*/ 1060634 w 4158640"/>
                <a:gd name="connsiteY14" fmla="*/ 1621460 h 1759604"/>
                <a:gd name="connsiteX15" fmla="*/ 1115404 w 4158640"/>
                <a:gd name="connsiteY15" fmla="*/ 1600029 h 1759604"/>
                <a:gd name="connsiteX16" fmla="*/ 1163027 w 4158640"/>
                <a:gd name="connsiteY16" fmla="*/ 1583360 h 1759604"/>
                <a:gd name="connsiteX17" fmla="*/ 1213034 w 4158640"/>
                <a:gd name="connsiteY17" fmla="*/ 1576217 h 1759604"/>
                <a:gd name="connsiteX18" fmla="*/ 1253515 w 4158640"/>
                <a:gd name="connsiteY18" fmla="*/ 1569073 h 1759604"/>
                <a:gd name="connsiteX19" fmla="*/ 1293996 w 4158640"/>
                <a:gd name="connsiteY19" fmla="*/ 1559548 h 1759604"/>
                <a:gd name="connsiteX20" fmla="*/ 1336860 w 4158640"/>
                <a:gd name="connsiteY20" fmla="*/ 1530973 h 1759604"/>
                <a:gd name="connsiteX21" fmla="*/ 1358290 w 4158640"/>
                <a:gd name="connsiteY21" fmla="*/ 1509541 h 1759604"/>
                <a:gd name="connsiteX22" fmla="*/ 1384484 w 4158640"/>
                <a:gd name="connsiteY22" fmla="*/ 1497636 h 1759604"/>
                <a:gd name="connsiteX23" fmla="*/ 1427347 w 4158640"/>
                <a:gd name="connsiteY23" fmla="*/ 1478586 h 1759604"/>
                <a:gd name="connsiteX24" fmla="*/ 1455922 w 4158640"/>
                <a:gd name="connsiteY24" fmla="*/ 1466679 h 1759604"/>
                <a:gd name="connsiteX25" fmla="*/ 1491640 w 4158640"/>
                <a:gd name="connsiteY25" fmla="*/ 1447630 h 1759604"/>
                <a:gd name="connsiteX26" fmla="*/ 1534503 w 4158640"/>
                <a:gd name="connsiteY26" fmla="*/ 1430960 h 1759604"/>
                <a:gd name="connsiteX27" fmla="*/ 1563078 w 4158640"/>
                <a:gd name="connsiteY27" fmla="*/ 1421436 h 1759604"/>
                <a:gd name="connsiteX28" fmla="*/ 1589271 w 4158640"/>
                <a:gd name="connsiteY28" fmla="*/ 1414291 h 1759604"/>
                <a:gd name="connsiteX29" fmla="*/ 1620228 w 4158640"/>
                <a:gd name="connsiteY29" fmla="*/ 1409529 h 1759604"/>
                <a:gd name="connsiteX30" fmla="*/ 1648802 w 4158640"/>
                <a:gd name="connsiteY30" fmla="*/ 1402385 h 1759604"/>
                <a:gd name="connsiteX31" fmla="*/ 1682140 w 4158640"/>
                <a:gd name="connsiteY31" fmla="*/ 1397623 h 1759604"/>
                <a:gd name="connsiteX32" fmla="*/ 1710716 w 4158640"/>
                <a:gd name="connsiteY32" fmla="*/ 1380955 h 1759604"/>
                <a:gd name="connsiteX33" fmla="*/ 1732146 w 4158640"/>
                <a:gd name="connsiteY33" fmla="*/ 1364286 h 1759604"/>
                <a:gd name="connsiteX34" fmla="*/ 1767866 w 4158640"/>
                <a:gd name="connsiteY34" fmla="*/ 1345235 h 1759604"/>
                <a:gd name="connsiteX35" fmla="*/ 1796440 w 4158640"/>
                <a:gd name="connsiteY35" fmla="*/ 1330948 h 1759604"/>
                <a:gd name="connsiteX36" fmla="*/ 1825015 w 4158640"/>
                <a:gd name="connsiteY36" fmla="*/ 1319041 h 1759604"/>
                <a:gd name="connsiteX37" fmla="*/ 1851209 w 4158640"/>
                <a:gd name="connsiteY37" fmla="*/ 1304754 h 1759604"/>
                <a:gd name="connsiteX38" fmla="*/ 1875022 w 4158640"/>
                <a:gd name="connsiteY38" fmla="*/ 1297611 h 1759604"/>
                <a:gd name="connsiteX39" fmla="*/ 1896452 w 4158640"/>
                <a:gd name="connsiteY39" fmla="*/ 1285704 h 1759604"/>
                <a:gd name="connsiteX40" fmla="*/ 1927408 w 4158640"/>
                <a:gd name="connsiteY40" fmla="*/ 1276180 h 1759604"/>
                <a:gd name="connsiteX41" fmla="*/ 1967890 w 4158640"/>
                <a:gd name="connsiteY41" fmla="*/ 1252366 h 1759604"/>
                <a:gd name="connsiteX42" fmla="*/ 2010753 w 4158640"/>
                <a:gd name="connsiteY42" fmla="*/ 1240460 h 1759604"/>
                <a:gd name="connsiteX43" fmla="*/ 2041709 w 4158640"/>
                <a:gd name="connsiteY43" fmla="*/ 1228554 h 1759604"/>
                <a:gd name="connsiteX44" fmla="*/ 2072665 w 4158640"/>
                <a:gd name="connsiteY44" fmla="*/ 1219029 h 1759604"/>
                <a:gd name="connsiteX45" fmla="*/ 2108384 w 4158640"/>
                <a:gd name="connsiteY45" fmla="*/ 1211885 h 1759604"/>
                <a:gd name="connsiteX46" fmla="*/ 2139340 w 4158640"/>
                <a:gd name="connsiteY46" fmla="*/ 1195217 h 1759604"/>
                <a:gd name="connsiteX47" fmla="*/ 2170296 w 4158640"/>
                <a:gd name="connsiteY47" fmla="*/ 1180929 h 1759604"/>
                <a:gd name="connsiteX48" fmla="*/ 2198871 w 4158640"/>
                <a:gd name="connsiteY48" fmla="*/ 1169023 h 1759604"/>
                <a:gd name="connsiteX49" fmla="*/ 2241734 w 4158640"/>
                <a:gd name="connsiteY49" fmla="*/ 1154735 h 1759604"/>
                <a:gd name="connsiteX50" fmla="*/ 2265546 w 4158640"/>
                <a:gd name="connsiteY50" fmla="*/ 1135685 h 1759604"/>
                <a:gd name="connsiteX51" fmla="*/ 2286978 w 4158640"/>
                <a:gd name="connsiteY51" fmla="*/ 1123779 h 1759604"/>
                <a:gd name="connsiteX52" fmla="*/ 2310790 w 4158640"/>
                <a:gd name="connsiteY52" fmla="*/ 1111873 h 1759604"/>
                <a:gd name="connsiteX53" fmla="*/ 2341746 w 4158640"/>
                <a:gd name="connsiteY53" fmla="*/ 1092823 h 1759604"/>
                <a:gd name="connsiteX54" fmla="*/ 2367940 w 4158640"/>
                <a:gd name="connsiteY54" fmla="*/ 1076155 h 1759604"/>
                <a:gd name="connsiteX55" fmla="*/ 2384609 w 4158640"/>
                <a:gd name="connsiteY55" fmla="*/ 1064248 h 1759604"/>
                <a:gd name="connsiteX56" fmla="*/ 2417946 w 4158640"/>
                <a:gd name="connsiteY56" fmla="*/ 1059486 h 1759604"/>
                <a:gd name="connsiteX57" fmla="*/ 2451284 w 4158640"/>
                <a:gd name="connsiteY57" fmla="*/ 1047579 h 1759604"/>
                <a:gd name="connsiteX58" fmla="*/ 2477478 w 4158640"/>
                <a:gd name="connsiteY58" fmla="*/ 1035673 h 1759604"/>
                <a:gd name="connsiteX59" fmla="*/ 2506053 w 4158640"/>
                <a:gd name="connsiteY59" fmla="*/ 1030910 h 1759604"/>
                <a:gd name="connsiteX60" fmla="*/ 2527484 w 4158640"/>
                <a:gd name="connsiteY60" fmla="*/ 1014242 h 1759604"/>
                <a:gd name="connsiteX61" fmla="*/ 2560821 w 4158640"/>
                <a:gd name="connsiteY61" fmla="*/ 997573 h 1759604"/>
                <a:gd name="connsiteX62" fmla="*/ 2587015 w 4158640"/>
                <a:gd name="connsiteY62" fmla="*/ 976142 h 1759604"/>
                <a:gd name="connsiteX63" fmla="*/ 2667977 w 4158640"/>
                <a:gd name="connsiteY63" fmla="*/ 940423 h 1759604"/>
                <a:gd name="connsiteX64" fmla="*/ 2698934 w 4158640"/>
                <a:gd name="connsiteY64" fmla="*/ 930898 h 1759604"/>
                <a:gd name="connsiteX65" fmla="*/ 2727508 w 4158640"/>
                <a:gd name="connsiteY65" fmla="*/ 923755 h 1759604"/>
                <a:gd name="connsiteX66" fmla="*/ 2758465 w 4158640"/>
                <a:gd name="connsiteY66" fmla="*/ 923754 h 1759604"/>
                <a:gd name="connsiteX67" fmla="*/ 2791803 w 4158640"/>
                <a:gd name="connsiteY67" fmla="*/ 907085 h 1759604"/>
                <a:gd name="connsiteX68" fmla="*/ 2827521 w 4158640"/>
                <a:gd name="connsiteY68" fmla="*/ 895179 h 1759604"/>
                <a:gd name="connsiteX69" fmla="*/ 2860859 w 4158640"/>
                <a:gd name="connsiteY69" fmla="*/ 885654 h 1759604"/>
                <a:gd name="connsiteX70" fmla="*/ 2887053 w 4158640"/>
                <a:gd name="connsiteY70" fmla="*/ 868985 h 1759604"/>
                <a:gd name="connsiteX71" fmla="*/ 2918009 w 4158640"/>
                <a:gd name="connsiteY71" fmla="*/ 854698 h 1759604"/>
                <a:gd name="connsiteX72" fmla="*/ 2939440 w 4158640"/>
                <a:gd name="connsiteY72" fmla="*/ 840410 h 1759604"/>
                <a:gd name="connsiteX73" fmla="*/ 2963253 w 4158640"/>
                <a:gd name="connsiteY73" fmla="*/ 823742 h 1759604"/>
                <a:gd name="connsiteX74" fmla="*/ 2989446 w 4158640"/>
                <a:gd name="connsiteY74" fmla="*/ 816598 h 1759604"/>
                <a:gd name="connsiteX75" fmla="*/ 3018021 w 4158640"/>
                <a:gd name="connsiteY75" fmla="*/ 797548 h 1759604"/>
                <a:gd name="connsiteX76" fmla="*/ 3070408 w 4158640"/>
                <a:gd name="connsiteY76" fmla="*/ 776118 h 1759604"/>
                <a:gd name="connsiteX77" fmla="*/ 3096602 w 4158640"/>
                <a:gd name="connsiteY77" fmla="*/ 752308 h 1759604"/>
                <a:gd name="connsiteX78" fmla="*/ 3129940 w 4158640"/>
                <a:gd name="connsiteY78" fmla="*/ 735639 h 1759604"/>
                <a:gd name="connsiteX79" fmla="*/ 3151371 w 4158640"/>
                <a:gd name="connsiteY79" fmla="*/ 702303 h 1759604"/>
                <a:gd name="connsiteX80" fmla="*/ 3187090 w 4158640"/>
                <a:gd name="connsiteY80" fmla="*/ 690395 h 1759604"/>
                <a:gd name="connsiteX81" fmla="*/ 3206141 w 4158640"/>
                <a:gd name="connsiteY81" fmla="*/ 676108 h 1759604"/>
                <a:gd name="connsiteX82" fmla="*/ 3413309 w 4158640"/>
                <a:gd name="connsiteY82" fmla="*/ 564188 h 1759604"/>
                <a:gd name="connsiteX83" fmla="*/ 4006240 w 4158640"/>
                <a:gd name="connsiteY83" fmla="*/ 249864 h 1759604"/>
                <a:gd name="connsiteX84" fmla="*/ 4065771 w 4158640"/>
                <a:gd name="connsiteY84" fmla="*/ 176045 h 1759604"/>
                <a:gd name="connsiteX85" fmla="*/ 4158640 w 4158640"/>
                <a:gd name="connsiteY85" fmla="*/ 109367 h 1759604"/>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4006240 w 4158640"/>
                <a:gd name="connsiteY83" fmla="*/ 140497 h 1650237"/>
                <a:gd name="connsiteX84" fmla="*/ 4065771 w 4158640"/>
                <a:gd name="connsiteY84" fmla="*/ 66678 h 1650237"/>
                <a:gd name="connsiteX85" fmla="*/ 4158640 w 4158640"/>
                <a:gd name="connsiteY8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4006240 w 4158640"/>
                <a:gd name="connsiteY83" fmla="*/ 140497 h 1650237"/>
                <a:gd name="connsiteX84" fmla="*/ 4065771 w 4158640"/>
                <a:gd name="connsiteY84" fmla="*/ 66678 h 1650237"/>
                <a:gd name="connsiteX85" fmla="*/ 4158640 w 4158640"/>
                <a:gd name="connsiteY8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4006240 w 4158640"/>
                <a:gd name="connsiteY83" fmla="*/ 140497 h 1650237"/>
                <a:gd name="connsiteX84" fmla="*/ 4065771 w 4158640"/>
                <a:gd name="connsiteY84" fmla="*/ 66678 h 1650237"/>
                <a:gd name="connsiteX85" fmla="*/ 4158640 w 4158640"/>
                <a:gd name="connsiteY8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4006240 w 4158640"/>
                <a:gd name="connsiteY83" fmla="*/ 140497 h 1650237"/>
                <a:gd name="connsiteX84" fmla="*/ 4077677 w 4158640"/>
                <a:gd name="connsiteY84" fmla="*/ 71440 h 1650237"/>
                <a:gd name="connsiteX85" fmla="*/ 4158640 w 4158640"/>
                <a:gd name="connsiteY8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4003858 w 4158640"/>
                <a:gd name="connsiteY83" fmla="*/ 147641 h 1650237"/>
                <a:gd name="connsiteX84" fmla="*/ 4077677 w 4158640"/>
                <a:gd name="connsiteY84" fmla="*/ 71440 h 1650237"/>
                <a:gd name="connsiteX85" fmla="*/ 4158640 w 4158640"/>
                <a:gd name="connsiteY8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806215 w 4158640"/>
                <a:gd name="connsiteY83" fmla="*/ 257178 h 1650237"/>
                <a:gd name="connsiteX84" fmla="*/ 4003858 w 4158640"/>
                <a:gd name="connsiteY84" fmla="*/ 147641 h 1650237"/>
                <a:gd name="connsiteX85" fmla="*/ 4077677 w 4158640"/>
                <a:gd name="connsiteY85" fmla="*/ 71440 h 1650237"/>
                <a:gd name="connsiteX86" fmla="*/ 4158640 w 4158640"/>
                <a:gd name="connsiteY8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639528 w 4158640"/>
                <a:gd name="connsiteY83" fmla="*/ 366715 h 1650237"/>
                <a:gd name="connsiteX84" fmla="*/ 3806215 w 4158640"/>
                <a:gd name="connsiteY84" fmla="*/ 257178 h 1650237"/>
                <a:gd name="connsiteX85" fmla="*/ 4003858 w 4158640"/>
                <a:gd name="connsiteY85" fmla="*/ 147641 h 1650237"/>
                <a:gd name="connsiteX86" fmla="*/ 4077677 w 4158640"/>
                <a:gd name="connsiteY86" fmla="*/ 71440 h 1650237"/>
                <a:gd name="connsiteX87" fmla="*/ 4158640 w 4158640"/>
                <a:gd name="connsiteY87" fmla="*/ 0 h 1650237"/>
                <a:gd name="connsiteX0" fmla="*/ 4158640 w 4158640"/>
                <a:gd name="connsiteY0" fmla="*/ 113973 h 1764210"/>
                <a:gd name="connsiteX1" fmla="*/ 4158640 w 4158640"/>
                <a:gd name="connsiteY1" fmla="*/ 1752273 h 1764210"/>
                <a:gd name="connsiteX2" fmla="*/ 301015 w 4158640"/>
                <a:gd name="connsiteY2" fmla="*/ 1752273 h 1764210"/>
                <a:gd name="connsiteX3" fmla="*/ 430396 w 4158640"/>
                <a:gd name="connsiteY3" fmla="*/ 1731635 h 1764210"/>
                <a:gd name="connsiteX4" fmla="*/ 384358 w 4158640"/>
                <a:gd name="connsiteY4" fmla="*/ 1745130 h 1764210"/>
                <a:gd name="connsiteX5" fmla="*/ 472465 w 4158640"/>
                <a:gd name="connsiteY5" fmla="*/ 1718935 h 1764210"/>
                <a:gd name="connsiteX6" fmla="*/ 527234 w 4158640"/>
                <a:gd name="connsiteY6" fmla="*/ 1709411 h 1764210"/>
                <a:gd name="connsiteX7" fmla="*/ 584384 w 4158640"/>
                <a:gd name="connsiteY7" fmla="*/ 1704648 h 1764210"/>
                <a:gd name="connsiteX8" fmla="*/ 636771 w 4158640"/>
                <a:gd name="connsiteY8" fmla="*/ 1692742 h 1764210"/>
                <a:gd name="connsiteX9" fmla="*/ 708209 w 4158640"/>
                <a:gd name="connsiteY9" fmla="*/ 1676074 h 1764210"/>
                <a:gd name="connsiteX10" fmla="*/ 765359 w 4158640"/>
                <a:gd name="connsiteY10" fmla="*/ 1661786 h 1764210"/>
                <a:gd name="connsiteX11" fmla="*/ 853466 w 4158640"/>
                <a:gd name="connsiteY11" fmla="*/ 1647498 h 1764210"/>
                <a:gd name="connsiteX12" fmla="*/ 951094 w 4158640"/>
                <a:gd name="connsiteY12" fmla="*/ 1637973 h 1764210"/>
                <a:gd name="connsiteX13" fmla="*/ 1010628 w 4158640"/>
                <a:gd name="connsiteY13" fmla="*/ 1628448 h 1764210"/>
                <a:gd name="connsiteX14" fmla="*/ 1060634 w 4158640"/>
                <a:gd name="connsiteY14" fmla="*/ 1626066 h 1764210"/>
                <a:gd name="connsiteX15" fmla="*/ 1115404 w 4158640"/>
                <a:gd name="connsiteY15" fmla="*/ 1604635 h 1764210"/>
                <a:gd name="connsiteX16" fmla="*/ 1163027 w 4158640"/>
                <a:gd name="connsiteY16" fmla="*/ 1587966 h 1764210"/>
                <a:gd name="connsiteX17" fmla="*/ 1213034 w 4158640"/>
                <a:gd name="connsiteY17" fmla="*/ 1580823 h 1764210"/>
                <a:gd name="connsiteX18" fmla="*/ 1253515 w 4158640"/>
                <a:gd name="connsiteY18" fmla="*/ 1573679 h 1764210"/>
                <a:gd name="connsiteX19" fmla="*/ 1293996 w 4158640"/>
                <a:gd name="connsiteY19" fmla="*/ 1564154 h 1764210"/>
                <a:gd name="connsiteX20" fmla="*/ 1336860 w 4158640"/>
                <a:gd name="connsiteY20" fmla="*/ 1535579 h 1764210"/>
                <a:gd name="connsiteX21" fmla="*/ 1358290 w 4158640"/>
                <a:gd name="connsiteY21" fmla="*/ 1514147 h 1764210"/>
                <a:gd name="connsiteX22" fmla="*/ 1384484 w 4158640"/>
                <a:gd name="connsiteY22" fmla="*/ 1502242 h 1764210"/>
                <a:gd name="connsiteX23" fmla="*/ 1427347 w 4158640"/>
                <a:gd name="connsiteY23" fmla="*/ 1483192 h 1764210"/>
                <a:gd name="connsiteX24" fmla="*/ 1455922 w 4158640"/>
                <a:gd name="connsiteY24" fmla="*/ 1471285 h 1764210"/>
                <a:gd name="connsiteX25" fmla="*/ 1491640 w 4158640"/>
                <a:gd name="connsiteY25" fmla="*/ 1452236 h 1764210"/>
                <a:gd name="connsiteX26" fmla="*/ 1534503 w 4158640"/>
                <a:gd name="connsiteY26" fmla="*/ 1435566 h 1764210"/>
                <a:gd name="connsiteX27" fmla="*/ 1563078 w 4158640"/>
                <a:gd name="connsiteY27" fmla="*/ 1426042 h 1764210"/>
                <a:gd name="connsiteX28" fmla="*/ 1589271 w 4158640"/>
                <a:gd name="connsiteY28" fmla="*/ 1418897 h 1764210"/>
                <a:gd name="connsiteX29" fmla="*/ 1620228 w 4158640"/>
                <a:gd name="connsiteY29" fmla="*/ 1414135 h 1764210"/>
                <a:gd name="connsiteX30" fmla="*/ 1648802 w 4158640"/>
                <a:gd name="connsiteY30" fmla="*/ 1406991 h 1764210"/>
                <a:gd name="connsiteX31" fmla="*/ 1682140 w 4158640"/>
                <a:gd name="connsiteY31" fmla="*/ 1402229 h 1764210"/>
                <a:gd name="connsiteX32" fmla="*/ 1710716 w 4158640"/>
                <a:gd name="connsiteY32" fmla="*/ 1385561 h 1764210"/>
                <a:gd name="connsiteX33" fmla="*/ 1732146 w 4158640"/>
                <a:gd name="connsiteY33" fmla="*/ 1368892 h 1764210"/>
                <a:gd name="connsiteX34" fmla="*/ 1767866 w 4158640"/>
                <a:gd name="connsiteY34" fmla="*/ 1349841 h 1764210"/>
                <a:gd name="connsiteX35" fmla="*/ 1796440 w 4158640"/>
                <a:gd name="connsiteY35" fmla="*/ 1335554 h 1764210"/>
                <a:gd name="connsiteX36" fmla="*/ 1825015 w 4158640"/>
                <a:gd name="connsiteY36" fmla="*/ 1323647 h 1764210"/>
                <a:gd name="connsiteX37" fmla="*/ 1851209 w 4158640"/>
                <a:gd name="connsiteY37" fmla="*/ 1309360 h 1764210"/>
                <a:gd name="connsiteX38" fmla="*/ 1875022 w 4158640"/>
                <a:gd name="connsiteY38" fmla="*/ 1302217 h 1764210"/>
                <a:gd name="connsiteX39" fmla="*/ 1896452 w 4158640"/>
                <a:gd name="connsiteY39" fmla="*/ 1290310 h 1764210"/>
                <a:gd name="connsiteX40" fmla="*/ 1927408 w 4158640"/>
                <a:gd name="connsiteY40" fmla="*/ 1280786 h 1764210"/>
                <a:gd name="connsiteX41" fmla="*/ 1967890 w 4158640"/>
                <a:gd name="connsiteY41" fmla="*/ 1256972 h 1764210"/>
                <a:gd name="connsiteX42" fmla="*/ 2010753 w 4158640"/>
                <a:gd name="connsiteY42" fmla="*/ 1245066 h 1764210"/>
                <a:gd name="connsiteX43" fmla="*/ 2041709 w 4158640"/>
                <a:gd name="connsiteY43" fmla="*/ 1233160 h 1764210"/>
                <a:gd name="connsiteX44" fmla="*/ 2072665 w 4158640"/>
                <a:gd name="connsiteY44" fmla="*/ 1223635 h 1764210"/>
                <a:gd name="connsiteX45" fmla="*/ 2108384 w 4158640"/>
                <a:gd name="connsiteY45" fmla="*/ 1216491 h 1764210"/>
                <a:gd name="connsiteX46" fmla="*/ 2139340 w 4158640"/>
                <a:gd name="connsiteY46" fmla="*/ 1199823 h 1764210"/>
                <a:gd name="connsiteX47" fmla="*/ 2170296 w 4158640"/>
                <a:gd name="connsiteY47" fmla="*/ 1185535 h 1764210"/>
                <a:gd name="connsiteX48" fmla="*/ 2198871 w 4158640"/>
                <a:gd name="connsiteY48" fmla="*/ 1173629 h 1764210"/>
                <a:gd name="connsiteX49" fmla="*/ 2241734 w 4158640"/>
                <a:gd name="connsiteY49" fmla="*/ 1159341 h 1764210"/>
                <a:gd name="connsiteX50" fmla="*/ 2265546 w 4158640"/>
                <a:gd name="connsiteY50" fmla="*/ 1140291 h 1764210"/>
                <a:gd name="connsiteX51" fmla="*/ 2286978 w 4158640"/>
                <a:gd name="connsiteY51" fmla="*/ 1128385 h 1764210"/>
                <a:gd name="connsiteX52" fmla="*/ 2310790 w 4158640"/>
                <a:gd name="connsiteY52" fmla="*/ 1116479 h 1764210"/>
                <a:gd name="connsiteX53" fmla="*/ 2341746 w 4158640"/>
                <a:gd name="connsiteY53" fmla="*/ 1097429 h 1764210"/>
                <a:gd name="connsiteX54" fmla="*/ 2367940 w 4158640"/>
                <a:gd name="connsiteY54" fmla="*/ 1080761 h 1764210"/>
                <a:gd name="connsiteX55" fmla="*/ 2384609 w 4158640"/>
                <a:gd name="connsiteY55" fmla="*/ 1068854 h 1764210"/>
                <a:gd name="connsiteX56" fmla="*/ 2417946 w 4158640"/>
                <a:gd name="connsiteY56" fmla="*/ 1064092 h 1764210"/>
                <a:gd name="connsiteX57" fmla="*/ 2451284 w 4158640"/>
                <a:gd name="connsiteY57" fmla="*/ 1052185 h 1764210"/>
                <a:gd name="connsiteX58" fmla="*/ 2477478 w 4158640"/>
                <a:gd name="connsiteY58" fmla="*/ 1040279 h 1764210"/>
                <a:gd name="connsiteX59" fmla="*/ 2506053 w 4158640"/>
                <a:gd name="connsiteY59" fmla="*/ 1035516 h 1764210"/>
                <a:gd name="connsiteX60" fmla="*/ 2527484 w 4158640"/>
                <a:gd name="connsiteY60" fmla="*/ 1018848 h 1764210"/>
                <a:gd name="connsiteX61" fmla="*/ 2560821 w 4158640"/>
                <a:gd name="connsiteY61" fmla="*/ 1002179 h 1764210"/>
                <a:gd name="connsiteX62" fmla="*/ 2587015 w 4158640"/>
                <a:gd name="connsiteY62" fmla="*/ 980748 h 1764210"/>
                <a:gd name="connsiteX63" fmla="*/ 2667977 w 4158640"/>
                <a:gd name="connsiteY63" fmla="*/ 945029 h 1764210"/>
                <a:gd name="connsiteX64" fmla="*/ 2698934 w 4158640"/>
                <a:gd name="connsiteY64" fmla="*/ 935504 h 1764210"/>
                <a:gd name="connsiteX65" fmla="*/ 2727508 w 4158640"/>
                <a:gd name="connsiteY65" fmla="*/ 928361 h 1764210"/>
                <a:gd name="connsiteX66" fmla="*/ 2758465 w 4158640"/>
                <a:gd name="connsiteY66" fmla="*/ 928360 h 1764210"/>
                <a:gd name="connsiteX67" fmla="*/ 2791803 w 4158640"/>
                <a:gd name="connsiteY67" fmla="*/ 911691 h 1764210"/>
                <a:gd name="connsiteX68" fmla="*/ 2827521 w 4158640"/>
                <a:gd name="connsiteY68" fmla="*/ 899785 h 1764210"/>
                <a:gd name="connsiteX69" fmla="*/ 2860859 w 4158640"/>
                <a:gd name="connsiteY69" fmla="*/ 890260 h 1764210"/>
                <a:gd name="connsiteX70" fmla="*/ 2887053 w 4158640"/>
                <a:gd name="connsiteY70" fmla="*/ 873591 h 1764210"/>
                <a:gd name="connsiteX71" fmla="*/ 2918009 w 4158640"/>
                <a:gd name="connsiteY71" fmla="*/ 859304 h 1764210"/>
                <a:gd name="connsiteX72" fmla="*/ 2939440 w 4158640"/>
                <a:gd name="connsiteY72" fmla="*/ 845016 h 1764210"/>
                <a:gd name="connsiteX73" fmla="*/ 2963253 w 4158640"/>
                <a:gd name="connsiteY73" fmla="*/ 828348 h 1764210"/>
                <a:gd name="connsiteX74" fmla="*/ 2989446 w 4158640"/>
                <a:gd name="connsiteY74" fmla="*/ 821204 h 1764210"/>
                <a:gd name="connsiteX75" fmla="*/ 3018021 w 4158640"/>
                <a:gd name="connsiteY75" fmla="*/ 802154 h 1764210"/>
                <a:gd name="connsiteX76" fmla="*/ 3070408 w 4158640"/>
                <a:gd name="connsiteY76" fmla="*/ 780724 h 1764210"/>
                <a:gd name="connsiteX77" fmla="*/ 3096602 w 4158640"/>
                <a:gd name="connsiteY77" fmla="*/ 756914 h 1764210"/>
                <a:gd name="connsiteX78" fmla="*/ 3129940 w 4158640"/>
                <a:gd name="connsiteY78" fmla="*/ 740245 h 1764210"/>
                <a:gd name="connsiteX79" fmla="*/ 3151371 w 4158640"/>
                <a:gd name="connsiteY79" fmla="*/ 706909 h 1764210"/>
                <a:gd name="connsiteX80" fmla="*/ 3187090 w 4158640"/>
                <a:gd name="connsiteY80" fmla="*/ 695001 h 1764210"/>
                <a:gd name="connsiteX81" fmla="*/ 3206141 w 4158640"/>
                <a:gd name="connsiteY81" fmla="*/ 680714 h 1764210"/>
                <a:gd name="connsiteX82" fmla="*/ 3413309 w 4158640"/>
                <a:gd name="connsiteY82" fmla="*/ 568794 h 1764210"/>
                <a:gd name="connsiteX83" fmla="*/ 3639528 w 4158640"/>
                <a:gd name="connsiteY83" fmla="*/ 480688 h 1764210"/>
                <a:gd name="connsiteX84" fmla="*/ 3806215 w 4158640"/>
                <a:gd name="connsiteY84" fmla="*/ 371151 h 1764210"/>
                <a:gd name="connsiteX85" fmla="*/ 4003858 w 4158640"/>
                <a:gd name="connsiteY85" fmla="*/ 261614 h 1764210"/>
                <a:gd name="connsiteX86" fmla="*/ 4077677 w 4158640"/>
                <a:gd name="connsiteY86" fmla="*/ 185413 h 1764210"/>
                <a:gd name="connsiteX87" fmla="*/ 4118159 w 4158640"/>
                <a:gd name="connsiteY87" fmla="*/ 142551 h 1764210"/>
                <a:gd name="connsiteX88" fmla="*/ 4158640 w 4158640"/>
                <a:gd name="connsiteY88" fmla="*/ 113973 h 1764210"/>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639528 w 4158640"/>
                <a:gd name="connsiteY83" fmla="*/ 366715 h 1650237"/>
                <a:gd name="connsiteX84" fmla="*/ 3806215 w 4158640"/>
                <a:gd name="connsiteY84" fmla="*/ 257178 h 1650237"/>
                <a:gd name="connsiteX85" fmla="*/ 4003858 w 4158640"/>
                <a:gd name="connsiteY85" fmla="*/ 147641 h 1650237"/>
                <a:gd name="connsiteX86" fmla="*/ 4077677 w 4158640"/>
                <a:gd name="connsiteY86" fmla="*/ 71440 h 1650237"/>
                <a:gd name="connsiteX87" fmla="*/ 4118159 w 4158640"/>
                <a:gd name="connsiteY87" fmla="*/ 28578 h 1650237"/>
                <a:gd name="connsiteX88" fmla="*/ 4158640 w 4158640"/>
                <a:gd name="connsiteY8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639528 w 4158640"/>
                <a:gd name="connsiteY83" fmla="*/ 366715 h 1650237"/>
                <a:gd name="connsiteX84" fmla="*/ 3806215 w 4158640"/>
                <a:gd name="connsiteY84" fmla="*/ 257178 h 1650237"/>
                <a:gd name="connsiteX85" fmla="*/ 4003858 w 4158640"/>
                <a:gd name="connsiteY85" fmla="*/ 147641 h 1650237"/>
                <a:gd name="connsiteX86" fmla="*/ 4077677 w 4158640"/>
                <a:gd name="connsiteY86" fmla="*/ 71440 h 1650237"/>
                <a:gd name="connsiteX87" fmla="*/ 4094346 w 4158640"/>
                <a:gd name="connsiteY87" fmla="*/ 45246 h 1650237"/>
                <a:gd name="connsiteX88" fmla="*/ 4118159 w 4158640"/>
                <a:gd name="connsiteY88" fmla="*/ 28578 h 1650237"/>
                <a:gd name="connsiteX89" fmla="*/ 4158640 w 4158640"/>
                <a:gd name="connsiteY89"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639528 w 4158640"/>
                <a:gd name="connsiteY83" fmla="*/ 366715 h 1650237"/>
                <a:gd name="connsiteX84" fmla="*/ 3806215 w 4158640"/>
                <a:gd name="connsiteY84" fmla="*/ 257178 h 1650237"/>
                <a:gd name="connsiteX85" fmla="*/ 3894321 w 4158640"/>
                <a:gd name="connsiteY85" fmla="*/ 200028 h 1650237"/>
                <a:gd name="connsiteX86" fmla="*/ 4003858 w 4158640"/>
                <a:gd name="connsiteY86" fmla="*/ 147641 h 1650237"/>
                <a:gd name="connsiteX87" fmla="*/ 4077677 w 4158640"/>
                <a:gd name="connsiteY87" fmla="*/ 71440 h 1650237"/>
                <a:gd name="connsiteX88" fmla="*/ 4094346 w 4158640"/>
                <a:gd name="connsiteY88" fmla="*/ 45246 h 1650237"/>
                <a:gd name="connsiteX89" fmla="*/ 4118159 w 4158640"/>
                <a:gd name="connsiteY89" fmla="*/ 28578 h 1650237"/>
                <a:gd name="connsiteX90" fmla="*/ 4158640 w 4158640"/>
                <a:gd name="connsiteY90" fmla="*/ 0 h 1650237"/>
                <a:gd name="connsiteX0" fmla="*/ 4158640 w 4158640"/>
                <a:gd name="connsiteY0" fmla="*/ 115966 h 1766203"/>
                <a:gd name="connsiteX1" fmla="*/ 4158640 w 4158640"/>
                <a:gd name="connsiteY1" fmla="*/ 1754266 h 1766203"/>
                <a:gd name="connsiteX2" fmla="*/ 301015 w 4158640"/>
                <a:gd name="connsiteY2" fmla="*/ 1754266 h 1766203"/>
                <a:gd name="connsiteX3" fmla="*/ 430396 w 4158640"/>
                <a:gd name="connsiteY3" fmla="*/ 1733628 h 1766203"/>
                <a:gd name="connsiteX4" fmla="*/ 384358 w 4158640"/>
                <a:gd name="connsiteY4" fmla="*/ 1747123 h 1766203"/>
                <a:gd name="connsiteX5" fmla="*/ 472465 w 4158640"/>
                <a:gd name="connsiteY5" fmla="*/ 1720928 h 1766203"/>
                <a:gd name="connsiteX6" fmla="*/ 527234 w 4158640"/>
                <a:gd name="connsiteY6" fmla="*/ 1711404 h 1766203"/>
                <a:gd name="connsiteX7" fmla="*/ 584384 w 4158640"/>
                <a:gd name="connsiteY7" fmla="*/ 1706641 h 1766203"/>
                <a:gd name="connsiteX8" fmla="*/ 636771 w 4158640"/>
                <a:gd name="connsiteY8" fmla="*/ 1694735 h 1766203"/>
                <a:gd name="connsiteX9" fmla="*/ 708209 w 4158640"/>
                <a:gd name="connsiteY9" fmla="*/ 1678067 h 1766203"/>
                <a:gd name="connsiteX10" fmla="*/ 765359 w 4158640"/>
                <a:gd name="connsiteY10" fmla="*/ 1663779 h 1766203"/>
                <a:gd name="connsiteX11" fmla="*/ 853466 w 4158640"/>
                <a:gd name="connsiteY11" fmla="*/ 1649491 h 1766203"/>
                <a:gd name="connsiteX12" fmla="*/ 951094 w 4158640"/>
                <a:gd name="connsiteY12" fmla="*/ 1639966 h 1766203"/>
                <a:gd name="connsiteX13" fmla="*/ 1010628 w 4158640"/>
                <a:gd name="connsiteY13" fmla="*/ 1630441 h 1766203"/>
                <a:gd name="connsiteX14" fmla="*/ 1060634 w 4158640"/>
                <a:gd name="connsiteY14" fmla="*/ 1628059 h 1766203"/>
                <a:gd name="connsiteX15" fmla="*/ 1115404 w 4158640"/>
                <a:gd name="connsiteY15" fmla="*/ 1606628 h 1766203"/>
                <a:gd name="connsiteX16" fmla="*/ 1163027 w 4158640"/>
                <a:gd name="connsiteY16" fmla="*/ 1589959 h 1766203"/>
                <a:gd name="connsiteX17" fmla="*/ 1213034 w 4158640"/>
                <a:gd name="connsiteY17" fmla="*/ 1582816 h 1766203"/>
                <a:gd name="connsiteX18" fmla="*/ 1253515 w 4158640"/>
                <a:gd name="connsiteY18" fmla="*/ 1575672 h 1766203"/>
                <a:gd name="connsiteX19" fmla="*/ 1293996 w 4158640"/>
                <a:gd name="connsiteY19" fmla="*/ 1566147 h 1766203"/>
                <a:gd name="connsiteX20" fmla="*/ 1336860 w 4158640"/>
                <a:gd name="connsiteY20" fmla="*/ 1537572 h 1766203"/>
                <a:gd name="connsiteX21" fmla="*/ 1358290 w 4158640"/>
                <a:gd name="connsiteY21" fmla="*/ 1516140 h 1766203"/>
                <a:gd name="connsiteX22" fmla="*/ 1384484 w 4158640"/>
                <a:gd name="connsiteY22" fmla="*/ 1504235 h 1766203"/>
                <a:gd name="connsiteX23" fmla="*/ 1427347 w 4158640"/>
                <a:gd name="connsiteY23" fmla="*/ 1485185 h 1766203"/>
                <a:gd name="connsiteX24" fmla="*/ 1455922 w 4158640"/>
                <a:gd name="connsiteY24" fmla="*/ 1473278 h 1766203"/>
                <a:gd name="connsiteX25" fmla="*/ 1491640 w 4158640"/>
                <a:gd name="connsiteY25" fmla="*/ 1454229 h 1766203"/>
                <a:gd name="connsiteX26" fmla="*/ 1534503 w 4158640"/>
                <a:gd name="connsiteY26" fmla="*/ 1437559 h 1766203"/>
                <a:gd name="connsiteX27" fmla="*/ 1563078 w 4158640"/>
                <a:gd name="connsiteY27" fmla="*/ 1428035 h 1766203"/>
                <a:gd name="connsiteX28" fmla="*/ 1589271 w 4158640"/>
                <a:gd name="connsiteY28" fmla="*/ 1420890 h 1766203"/>
                <a:gd name="connsiteX29" fmla="*/ 1620228 w 4158640"/>
                <a:gd name="connsiteY29" fmla="*/ 1416128 h 1766203"/>
                <a:gd name="connsiteX30" fmla="*/ 1648802 w 4158640"/>
                <a:gd name="connsiteY30" fmla="*/ 1408984 h 1766203"/>
                <a:gd name="connsiteX31" fmla="*/ 1682140 w 4158640"/>
                <a:gd name="connsiteY31" fmla="*/ 1404222 h 1766203"/>
                <a:gd name="connsiteX32" fmla="*/ 1710716 w 4158640"/>
                <a:gd name="connsiteY32" fmla="*/ 1387554 h 1766203"/>
                <a:gd name="connsiteX33" fmla="*/ 1732146 w 4158640"/>
                <a:gd name="connsiteY33" fmla="*/ 1370885 h 1766203"/>
                <a:gd name="connsiteX34" fmla="*/ 1767866 w 4158640"/>
                <a:gd name="connsiteY34" fmla="*/ 1351834 h 1766203"/>
                <a:gd name="connsiteX35" fmla="*/ 1796440 w 4158640"/>
                <a:gd name="connsiteY35" fmla="*/ 1337547 h 1766203"/>
                <a:gd name="connsiteX36" fmla="*/ 1825015 w 4158640"/>
                <a:gd name="connsiteY36" fmla="*/ 1325640 h 1766203"/>
                <a:gd name="connsiteX37" fmla="*/ 1851209 w 4158640"/>
                <a:gd name="connsiteY37" fmla="*/ 1311353 h 1766203"/>
                <a:gd name="connsiteX38" fmla="*/ 1875022 w 4158640"/>
                <a:gd name="connsiteY38" fmla="*/ 1304210 h 1766203"/>
                <a:gd name="connsiteX39" fmla="*/ 1896452 w 4158640"/>
                <a:gd name="connsiteY39" fmla="*/ 1292303 h 1766203"/>
                <a:gd name="connsiteX40" fmla="*/ 1927408 w 4158640"/>
                <a:gd name="connsiteY40" fmla="*/ 1282779 h 1766203"/>
                <a:gd name="connsiteX41" fmla="*/ 1967890 w 4158640"/>
                <a:gd name="connsiteY41" fmla="*/ 1258965 h 1766203"/>
                <a:gd name="connsiteX42" fmla="*/ 2010753 w 4158640"/>
                <a:gd name="connsiteY42" fmla="*/ 1247059 h 1766203"/>
                <a:gd name="connsiteX43" fmla="*/ 2041709 w 4158640"/>
                <a:gd name="connsiteY43" fmla="*/ 1235153 h 1766203"/>
                <a:gd name="connsiteX44" fmla="*/ 2072665 w 4158640"/>
                <a:gd name="connsiteY44" fmla="*/ 1225628 h 1766203"/>
                <a:gd name="connsiteX45" fmla="*/ 2108384 w 4158640"/>
                <a:gd name="connsiteY45" fmla="*/ 1218484 h 1766203"/>
                <a:gd name="connsiteX46" fmla="*/ 2139340 w 4158640"/>
                <a:gd name="connsiteY46" fmla="*/ 1201816 h 1766203"/>
                <a:gd name="connsiteX47" fmla="*/ 2170296 w 4158640"/>
                <a:gd name="connsiteY47" fmla="*/ 1187528 h 1766203"/>
                <a:gd name="connsiteX48" fmla="*/ 2198871 w 4158640"/>
                <a:gd name="connsiteY48" fmla="*/ 1175622 h 1766203"/>
                <a:gd name="connsiteX49" fmla="*/ 2241734 w 4158640"/>
                <a:gd name="connsiteY49" fmla="*/ 1161334 h 1766203"/>
                <a:gd name="connsiteX50" fmla="*/ 2265546 w 4158640"/>
                <a:gd name="connsiteY50" fmla="*/ 1142284 h 1766203"/>
                <a:gd name="connsiteX51" fmla="*/ 2286978 w 4158640"/>
                <a:gd name="connsiteY51" fmla="*/ 1130378 h 1766203"/>
                <a:gd name="connsiteX52" fmla="*/ 2310790 w 4158640"/>
                <a:gd name="connsiteY52" fmla="*/ 1118472 h 1766203"/>
                <a:gd name="connsiteX53" fmla="*/ 2341746 w 4158640"/>
                <a:gd name="connsiteY53" fmla="*/ 1099422 h 1766203"/>
                <a:gd name="connsiteX54" fmla="*/ 2367940 w 4158640"/>
                <a:gd name="connsiteY54" fmla="*/ 1082754 h 1766203"/>
                <a:gd name="connsiteX55" fmla="*/ 2384609 w 4158640"/>
                <a:gd name="connsiteY55" fmla="*/ 1070847 h 1766203"/>
                <a:gd name="connsiteX56" fmla="*/ 2417946 w 4158640"/>
                <a:gd name="connsiteY56" fmla="*/ 1066085 h 1766203"/>
                <a:gd name="connsiteX57" fmla="*/ 2451284 w 4158640"/>
                <a:gd name="connsiteY57" fmla="*/ 1054178 h 1766203"/>
                <a:gd name="connsiteX58" fmla="*/ 2477478 w 4158640"/>
                <a:gd name="connsiteY58" fmla="*/ 1042272 h 1766203"/>
                <a:gd name="connsiteX59" fmla="*/ 2506053 w 4158640"/>
                <a:gd name="connsiteY59" fmla="*/ 1037509 h 1766203"/>
                <a:gd name="connsiteX60" fmla="*/ 2527484 w 4158640"/>
                <a:gd name="connsiteY60" fmla="*/ 1020841 h 1766203"/>
                <a:gd name="connsiteX61" fmla="*/ 2560821 w 4158640"/>
                <a:gd name="connsiteY61" fmla="*/ 1004172 h 1766203"/>
                <a:gd name="connsiteX62" fmla="*/ 2587015 w 4158640"/>
                <a:gd name="connsiteY62" fmla="*/ 982741 h 1766203"/>
                <a:gd name="connsiteX63" fmla="*/ 2667977 w 4158640"/>
                <a:gd name="connsiteY63" fmla="*/ 947022 h 1766203"/>
                <a:gd name="connsiteX64" fmla="*/ 2698934 w 4158640"/>
                <a:gd name="connsiteY64" fmla="*/ 937497 h 1766203"/>
                <a:gd name="connsiteX65" fmla="*/ 2727508 w 4158640"/>
                <a:gd name="connsiteY65" fmla="*/ 930354 h 1766203"/>
                <a:gd name="connsiteX66" fmla="*/ 2758465 w 4158640"/>
                <a:gd name="connsiteY66" fmla="*/ 930353 h 1766203"/>
                <a:gd name="connsiteX67" fmla="*/ 2791803 w 4158640"/>
                <a:gd name="connsiteY67" fmla="*/ 913684 h 1766203"/>
                <a:gd name="connsiteX68" fmla="*/ 2827521 w 4158640"/>
                <a:gd name="connsiteY68" fmla="*/ 901778 h 1766203"/>
                <a:gd name="connsiteX69" fmla="*/ 2860859 w 4158640"/>
                <a:gd name="connsiteY69" fmla="*/ 892253 h 1766203"/>
                <a:gd name="connsiteX70" fmla="*/ 2887053 w 4158640"/>
                <a:gd name="connsiteY70" fmla="*/ 875584 h 1766203"/>
                <a:gd name="connsiteX71" fmla="*/ 2918009 w 4158640"/>
                <a:gd name="connsiteY71" fmla="*/ 861297 h 1766203"/>
                <a:gd name="connsiteX72" fmla="*/ 2939440 w 4158640"/>
                <a:gd name="connsiteY72" fmla="*/ 847009 h 1766203"/>
                <a:gd name="connsiteX73" fmla="*/ 2963253 w 4158640"/>
                <a:gd name="connsiteY73" fmla="*/ 830341 h 1766203"/>
                <a:gd name="connsiteX74" fmla="*/ 2989446 w 4158640"/>
                <a:gd name="connsiteY74" fmla="*/ 823197 h 1766203"/>
                <a:gd name="connsiteX75" fmla="*/ 3018021 w 4158640"/>
                <a:gd name="connsiteY75" fmla="*/ 804147 h 1766203"/>
                <a:gd name="connsiteX76" fmla="*/ 3070408 w 4158640"/>
                <a:gd name="connsiteY76" fmla="*/ 782717 h 1766203"/>
                <a:gd name="connsiteX77" fmla="*/ 3096602 w 4158640"/>
                <a:gd name="connsiteY77" fmla="*/ 758907 h 1766203"/>
                <a:gd name="connsiteX78" fmla="*/ 3129940 w 4158640"/>
                <a:gd name="connsiteY78" fmla="*/ 742238 h 1766203"/>
                <a:gd name="connsiteX79" fmla="*/ 3151371 w 4158640"/>
                <a:gd name="connsiteY79" fmla="*/ 708902 h 1766203"/>
                <a:gd name="connsiteX80" fmla="*/ 3187090 w 4158640"/>
                <a:gd name="connsiteY80" fmla="*/ 696994 h 1766203"/>
                <a:gd name="connsiteX81" fmla="*/ 3206141 w 4158640"/>
                <a:gd name="connsiteY81" fmla="*/ 682707 h 1766203"/>
                <a:gd name="connsiteX82" fmla="*/ 3413309 w 4158640"/>
                <a:gd name="connsiteY82" fmla="*/ 570787 h 1766203"/>
                <a:gd name="connsiteX83" fmla="*/ 3639528 w 4158640"/>
                <a:gd name="connsiteY83" fmla="*/ 482681 h 1766203"/>
                <a:gd name="connsiteX84" fmla="*/ 3806215 w 4158640"/>
                <a:gd name="connsiteY84" fmla="*/ 373144 h 1766203"/>
                <a:gd name="connsiteX85" fmla="*/ 3894321 w 4158640"/>
                <a:gd name="connsiteY85" fmla="*/ 315994 h 1766203"/>
                <a:gd name="connsiteX86" fmla="*/ 4003858 w 4158640"/>
                <a:gd name="connsiteY86" fmla="*/ 263607 h 1766203"/>
                <a:gd name="connsiteX87" fmla="*/ 4077677 w 4158640"/>
                <a:gd name="connsiteY87" fmla="*/ 187406 h 1766203"/>
                <a:gd name="connsiteX88" fmla="*/ 4094346 w 4158640"/>
                <a:gd name="connsiteY88" fmla="*/ 161212 h 1766203"/>
                <a:gd name="connsiteX89" fmla="*/ 4118159 w 4158640"/>
                <a:gd name="connsiteY89" fmla="*/ 144544 h 1766203"/>
                <a:gd name="connsiteX90" fmla="*/ 4137209 w 4158640"/>
                <a:gd name="connsiteY90" fmla="*/ 137400 h 1766203"/>
                <a:gd name="connsiteX91" fmla="*/ 4158640 w 4158640"/>
                <a:gd name="connsiteY91" fmla="*/ 115966 h 1766203"/>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639528 w 4158640"/>
                <a:gd name="connsiteY83" fmla="*/ 366715 h 1650237"/>
                <a:gd name="connsiteX84" fmla="*/ 3806215 w 4158640"/>
                <a:gd name="connsiteY84" fmla="*/ 257178 h 1650237"/>
                <a:gd name="connsiteX85" fmla="*/ 3894321 w 4158640"/>
                <a:gd name="connsiteY85" fmla="*/ 200028 h 1650237"/>
                <a:gd name="connsiteX86" fmla="*/ 4003858 w 4158640"/>
                <a:gd name="connsiteY86" fmla="*/ 147641 h 1650237"/>
                <a:gd name="connsiteX87" fmla="*/ 4077677 w 4158640"/>
                <a:gd name="connsiteY87" fmla="*/ 71440 h 1650237"/>
                <a:gd name="connsiteX88" fmla="*/ 4094346 w 4158640"/>
                <a:gd name="connsiteY88" fmla="*/ 45246 h 1650237"/>
                <a:gd name="connsiteX89" fmla="*/ 4118159 w 4158640"/>
                <a:gd name="connsiteY89" fmla="*/ 28578 h 1650237"/>
                <a:gd name="connsiteX90" fmla="*/ 4137209 w 4158640"/>
                <a:gd name="connsiteY90" fmla="*/ 21434 h 1650237"/>
                <a:gd name="connsiteX91" fmla="*/ 4158640 w 4158640"/>
                <a:gd name="connsiteY91"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639528 w 4158640"/>
                <a:gd name="connsiteY83" fmla="*/ 366715 h 1650237"/>
                <a:gd name="connsiteX84" fmla="*/ 3794309 w 4158640"/>
                <a:gd name="connsiteY84" fmla="*/ 254796 h 1650237"/>
                <a:gd name="connsiteX85" fmla="*/ 3894321 w 4158640"/>
                <a:gd name="connsiteY85" fmla="*/ 200028 h 1650237"/>
                <a:gd name="connsiteX86" fmla="*/ 4003858 w 4158640"/>
                <a:gd name="connsiteY86" fmla="*/ 147641 h 1650237"/>
                <a:gd name="connsiteX87" fmla="*/ 4077677 w 4158640"/>
                <a:gd name="connsiteY87" fmla="*/ 71440 h 1650237"/>
                <a:gd name="connsiteX88" fmla="*/ 4094346 w 4158640"/>
                <a:gd name="connsiteY88" fmla="*/ 45246 h 1650237"/>
                <a:gd name="connsiteX89" fmla="*/ 4118159 w 4158640"/>
                <a:gd name="connsiteY89" fmla="*/ 28578 h 1650237"/>
                <a:gd name="connsiteX90" fmla="*/ 4137209 w 4158640"/>
                <a:gd name="connsiteY90" fmla="*/ 21434 h 1650237"/>
                <a:gd name="connsiteX91" fmla="*/ 4158640 w 4158640"/>
                <a:gd name="connsiteY91"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639528 w 4158640"/>
                <a:gd name="connsiteY83" fmla="*/ 366715 h 1650237"/>
                <a:gd name="connsiteX84" fmla="*/ 3706203 w 4158640"/>
                <a:gd name="connsiteY84" fmla="*/ 330996 h 1650237"/>
                <a:gd name="connsiteX85" fmla="*/ 3794309 w 4158640"/>
                <a:gd name="connsiteY85" fmla="*/ 254796 h 1650237"/>
                <a:gd name="connsiteX86" fmla="*/ 3894321 w 4158640"/>
                <a:gd name="connsiteY86" fmla="*/ 200028 h 1650237"/>
                <a:gd name="connsiteX87" fmla="*/ 4003858 w 4158640"/>
                <a:gd name="connsiteY87" fmla="*/ 147641 h 1650237"/>
                <a:gd name="connsiteX88" fmla="*/ 4077677 w 4158640"/>
                <a:gd name="connsiteY88" fmla="*/ 71440 h 1650237"/>
                <a:gd name="connsiteX89" fmla="*/ 4094346 w 4158640"/>
                <a:gd name="connsiteY89" fmla="*/ 45246 h 1650237"/>
                <a:gd name="connsiteX90" fmla="*/ 4118159 w 4158640"/>
                <a:gd name="connsiteY90" fmla="*/ 28578 h 1650237"/>
                <a:gd name="connsiteX91" fmla="*/ 4137209 w 4158640"/>
                <a:gd name="connsiteY91" fmla="*/ 21434 h 1650237"/>
                <a:gd name="connsiteX92" fmla="*/ 4158640 w 4158640"/>
                <a:gd name="connsiteY92"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13309 w 4158640"/>
                <a:gd name="connsiteY82" fmla="*/ 454821 h 1650237"/>
                <a:gd name="connsiteX83" fmla="*/ 3527609 w 4158640"/>
                <a:gd name="connsiteY83" fmla="*/ 416721 h 1650237"/>
                <a:gd name="connsiteX84" fmla="*/ 3639528 w 4158640"/>
                <a:gd name="connsiteY84" fmla="*/ 366715 h 1650237"/>
                <a:gd name="connsiteX85" fmla="*/ 3706203 w 4158640"/>
                <a:gd name="connsiteY85" fmla="*/ 330996 h 1650237"/>
                <a:gd name="connsiteX86" fmla="*/ 3794309 w 4158640"/>
                <a:gd name="connsiteY86" fmla="*/ 254796 h 1650237"/>
                <a:gd name="connsiteX87" fmla="*/ 3894321 w 4158640"/>
                <a:gd name="connsiteY87" fmla="*/ 200028 h 1650237"/>
                <a:gd name="connsiteX88" fmla="*/ 4003858 w 4158640"/>
                <a:gd name="connsiteY88" fmla="*/ 147641 h 1650237"/>
                <a:gd name="connsiteX89" fmla="*/ 4077677 w 4158640"/>
                <a:gd name="connsiteY89" fmla="*/ 71440 h 1650237"/>
                <a:gd name="connsiteX90" fmla="*/ 4094346 w 4158640"/>
                <a:gd name="connsiteY90" fmla="*/ 45246 h 1650237"/>
                <a:gd name="connsiteX91" fmla="*/ 4118159 w 4158640"/>
                <a:gd name="connsiteY91" fmla="*/ 28578 h 1650237"/>
                <a:gd name="connsiteX92" fmla="*/ 4137209 w 4158640"/>
                <a:gd name="connsiteY92" fmla="*/ 21434 h 1650237"/>
                <a:gd name="connsiteX93" fmla="*/ 4158640 w 4158640"/>
                <a:gd name="connsiteY93"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420452 w 4158640"/>
                <a:gd name="connsiteY82" fmla="*/ 471490 h 1650237"/>
                <a:gd name="connsiteX83" fmla="*/ 3527609 w 4158640"/>
                <a:gd name="connsiteY83" fmla="*/ 416721 h 1650237"/>
                <a:gd name="connsiteX84" fmla="*/ 3639528 w 4158640"/>
                <a:gd name="connsiteY84" fmla="*/ 366715 h 1650237"/>
                <a:gd name="connsiteX85" fmla="*/ 3706203 w 4158640"/>
                <a:gd name="connsiteY85" fmla="*/ 330996 h 1650237"/>
                <a:gd name="connsiteX86" fmla="*/ 3794309 w 4158640"/>
                <a:gd name="connsiteY86" fmla="*/ 254796 h 1650237"/>
                <a:gd name="connsiteX87" fmla="*/ 3894321 w 4158640"/>
                <a:gd name="connsiteY87" fmla="*/ 200028 h 1650237"/>
                <a:gd name="connsiteX88" fmla="*/ 4003858 w 4158640"/>
                <a:gd name="connsiteY88" fmla="*/ 147641 h 1650237"/>
                <a:gd name="connsiteX89" fmla="*/ 4077677 w 4158640"/>
                <a:gd name="connsiteY89" fmla="*/ 71440 h 1650237"/>
                <a:gd name="connsiteX90" fmla="*/ 4094346 w 4158640"/>
                <a:gd name="connsiteY90" fmla="*/ 45246 h 1650237"/>
                <a:gd name="connsiteX91" fmla="*/ 4118159 w 4158640"/>
                <a:gd name="connsiteY91" fmla="*/ 28578 h 1650237"/>
                <a:gd name="connsiteX92" fmla="*/ 4137209 w 4158640"/>
                <a:gd name="connsiteY92" fmla="*/ 21434 h 1650237"/>
                <a:gd name="connsiteX93" fmla="*/ 4158640 w 4158640"/>
                <a:gd name="connsiteY93"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301390 w 4158640"/>
                <a:gd name="connsiteY82" fmla="*/ 507209 h 1650237"/>
                <a:gd name="connsiteX83" fmla="*/ 3420452 w 4158640"/>
                <a:gd name="connsiteY83" fmla="*/ 471490 h 1650237"/>
                <a:gd name="connsiteX84" fmla="*/ 3527609 w 4158640"/>
                <a:gd name="connsiteY84" fmla="*/ 416721 h 1650237"/>
                <a:gd name="connsiteX85" fmla="*/ 3639528 w 4158640"/>
                <a:gd name="connsiteY85" fmla="*/ 366715 h 1650237"/>
                <a:gd name="connsiteX86" fmla="*/ 3706203 w 4158640"/>
                <a:gd name="connsiteY86" fmla="*/ 330996 h 1650237"/>
                <a:gd name="connsiteX87" fmla="*/ 3794309 w 4158640"/>
                <a:gd name="connsiteY87" fmla="*/ 254796 h 1650237"/>
                <a:gd name="connsiteX88" fmla="*/ 3894321 w 4158640"/>
                <a:gd name="connsiteY88" fmla="*/ 200028 h 1650237"/>
                <a:gd name="connsiteX89" fmla="*/ 4003858 w 4158640"/>
                <a:gd name="connsiteY89" fmla="*/ 147641 h 1650237"/>
                <a:gd name="connsiteX90" fmla="*/ 4077677 w 4158640"/>
                <a:gd name="connsiteY90" fmla="*/ 71440 h 1650237"/>
                <a:gd name="connsiteX91" fmla="*/ 4094346 w 4158640"/>
                <a:gd name="connsiteY91" fmla="*/ 45246 h 1650237"/>
                <a:gd name="connsiteX92" fmla="*/ 4118159 w 4158640"/>
                <a:gd name="connsiteY92" fmla="*/ 28578 h 1650237"/>
                <a:gd name="connsiteX93" fmla="*/ 4137209 w 4158640"/>
                <a:gd name="connsiteY93" fmla="*/ 21434 h 1650237"/>
                <a:gd name="connsiteX94" fmla="*/ 4158640 w 4158640"/>
                <a:gd name="connsiteY9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270434 w 4158640"/>
                <a:gd name="connsiteY82" fmla="*/ 511971 h 1650237"/>
                <a:gd name="connsiteX83" fmla="*/ 3301390 w 4158640"/>
                <a:gd name="connsiteY83" fmla="*/ 507209 h 1650237"/>
                <a:gd name="connsiteX84" fmla="*/ 3420452 w 4158640"/>
                <a:gd name="connsiteY84" fmla="*/ 471490 h 1650237"/>
                <a:gd name="connsiteX85" fmla="*/ 3527609 w 4158640"/>
                <a:gd name="connsiteY85" fmla="*/ 416721 h 1650237"/>
                <a:gd name="connsiteX86" fmla="*/ 3639528 w 4158640"/>
                <a:gd name="connsiteY86" fmla="*/ 366715 h 1650237"/>
                <a:gd name="connsiteX87" fmla="*/ 3706203 w 4158640"/>
                <a:gd name="connsiteY87" fmla="*/ 330996 h 1650237"/>
                <a:gd name="connsiteX88" fmla="*/ 3794309 w 4158640"/>
                <a:gd name="connsiteY88" fmla="*/ 254796 h 1650237"/>
                <a:gd name="connsiteX89" fmla="*/ 3894321 w 4158640"/>
                <a:gd name="connsiteY89" fmla="*/ 200028 h 1650237"/>
                <a:gd name="connsiteX90" fmla="*/ 4003858 w 4158640"/>
                <a:gd name="connsiteY90" fmla="*/ 147641 h 1650237"/>
                <a:gd name="connsiteX91" fmla="*/ 4077677 w 4158640"/>
                <a:gd name="connsiteY91" fmla="*/ 71440 h 1650237"/>
                <a:gd name="connsiteX92" fmla="*/ 4094346 w 4158640"/>
                <a:gd name="connsiteY92" fmla="*/ 45246 h 1650237"/>
                <a:gd name="connsiteX93" fmla="*/ 4118159 w 4158640"/>
                <a:gd name="connsiteY93" fmla="*/ 28578 h 1650237"/>
                <a:gd name="connsiteX94" fmla="*/ 4137209 w 4158640"/>
                <a:gd name="connsiteY94" fmla="*/ 21434 h 1650237"/>
                <a:gd name="connsiteX95" fmla="*/ 4158640 w 4158640"/>
                <a:gd name="connsiteY9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206141 w 4158640"/>
                <a:gd name="connsiteY81" fmla="*/ 566741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87015 w 4158640"/>
                <a:gd name="connsiteY62" fmla="*/ 866775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189472 w 4158640"/>
                <a:gd name="connsiteY81" fmla="*/ 559597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67977 w 4158640"/>
                <a:gd name="connsiteY63" fmla="*/ 831056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189472 w 4158640"/>
                <a:gd name="connsiteY81" fmla="*/ 559597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698934 w 4158640"/>
                <a:gd name="connsiteY64" fmla="*/ 821531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189472 w 4158640"/>
                <a:gd name="connsiteY81" fmla="*/ 559597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7508 w 4158640"/>
                <a:gd name="connsiteY65" fmla="*/ 814388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189472 w 4158640"/>
                <a:gd name="connsiteY81" fmla="*/ 559597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1803 w 4158640"/>
                <a:gd name="connsiteY67" fmla="*/ 797718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189472 w 4158640"/>
                <a:gd name="connsiteY81" fmla="*/ 559597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85812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189472 w 4158640"/>
                <a:gd name="connsiteY81" fmla="*/ 559597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7053 w 4158640"/>
                <a:gd name="connsiteY70" fmla="*/ 759618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189472 w 4158640"/>
                <a:gd name="connsiteY81" fmla="*/ 559597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096602 w 4158640"/>
                <a:gd name="connsiteY77" fmla="*/ 642941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189472 w 4158640"/>
                <a:gd name="connsiteY81" fmla="*/ 559597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1371 w 4158640"/>
                <a:gd name="connsiteY79" fmla="*/ 592936 h 1650237"/>
                <a:gd name="connsiteX80" fmla="*/ 3187090 w 4158640"/>
                <a:gd name="connsiteY80" fmla="*/ 581028 h 1650237"/>
                <a:gd name="connsiteX81" fmla="*/ 3189472 w 4158640"/>
                <a:gd name="connsiteY81" fmla="*/ 559597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87090 w 4158640"/>
                <a:gd name="connsiteY80" fmla="*/ 581028 h 1650237"/>
                <a:gd name="connsiteX81" fmla="*/ 3189472 w 4158640"/>
                <a:gd name="connsiteY81" fmla="*/ 559597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87090 w 4158640"/>
                <a:gd name="connsiteY80" fmla="*/ 581028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1390 w 4158640"/>
                <a:gd name="connsiteY84" fmla="*/ 507209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87090 w 4158640"/>
                <a:gd name="connsiteY80" fmla="*/ 581028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78769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08209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2101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65359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3466 w 4158640"/>
                <a:gd name="connsiteY11" fmla="*/ 1533525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51094 w 4158640"/>
                <a:gd name="connsiteY12" fmla="*/ 1524000 h 1650237"/>
                <a:gd name="connsiteX13" fmla="*/ 1010628 w 4158640"/>
                <a:gd name="connsiteY13" fmla="*/ 1514475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51094 w 4158640"/>
                <a:gd name="connsiteY12" fmla="*/ 1524000 h 1650237"/>
                <a:gd name="connsiteX13" fmla="*/ 1008247 w 4158640"/>
                <a:gd name="connsiteY13" fmla="*/ 1519238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5404 w 4158640"/>
                <a:gd name="connsiteY15" fmla="*/ 1490662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73993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66850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3515 w 4158640"/>
                <a:gd name="connsiteY18" fmla="*/ 1459706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293996 w 4158640"/>
                <a:gd name="connsiteY19" fmla="*/ 1450181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58290 w 4158640"/>
                <a:gd name="connsiteY21" fmla="*/ 1400174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4484 w 4158640"/>
                <a:gd name="connsiteY22" fmla="*/ 1388269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7347 w 4158640"/>
                <a:gd name="connsiteY23" fmla="*/ 1369219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1640 w 4158640"/>
                <a:gd name="connsiteY25" fmla="*/ 1338263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3018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20228 w 4158640"/>
                <a:gd name="connsiteY29" fmla="*/ 1300162 h 1650237"/>
                <a:gd name="connsiteX30" fmla="*/ 1648802 w 4158640"/>
                <a:gd name="connsiteY30" fmla="*/ 1297781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0716 w 4158640"/>
                <a:gd name="connsiteY32" fmla="*/ 1271588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32146 w 4158640"/>
                <a:gd name="connsiteY33" fmla="*/ 1254919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67866 w 4158640"/>
                <a:gd name="connsiteY34" fmla="*/ 1235868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796440 w 4158640"/>
                <a:gd name="connsiteY35" fmla="*/ 1221581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25015 w 4158640"/>
                <a:gd name="connsiteY36" fmla="*/ 1209674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1209 w 4158640"/>
                <a:gd name="connsiteY37" fmla="*/ 1195387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896452 w 4158640"/>
                <a:gd name="connsiteY39" fmla="*/ 1176337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27408 w 4158640"/>
                <a:gd name="connsiteY40" fmla="*/ 1166813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67890 w 4158640"/>
                <a:gd name="connsiteY41" fmla="*/ 1142999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1562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1709 w 4158640"/>
                <a:gd name="connsiteY43" fmla="*/ 1119187 h 1650237"/>
                <a:gd name="connsiteX44" fmla="*/ 2072665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1709 w 4158640"/>
                <a:gd name="connsiteY43" fmla="*/ 1119187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5546 w 4158640"/>
                <a:gd name="connsiteY50" fmla="*/ 1026318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286978 w 4158640"/>
                <a:gd name="connsiteY51" fmla="*/ 1014412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10790 w 4158640"/>
                <a:gd name="connsiteY52" fmla="*/ 1002506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1746 w 4158640"/>
                <a:gd name="connsiteY53" fmla="*/ 983456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53689 w 4158640"/>
                <a:gd name="connsiteY63" fmla="*/ 84534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4862 h 1650237"/>
                <a:gd name="connsiteX68" fmla="*/ 2827521 w 4158640"/>
                <a:gd name="connsiteY68" fmla="*/ 792956 h 1650237"/>
                <a:gd name="connsiteX69" fmla="*/ 2860859 w 4158640"/>
                <a:gd name="connsiteY69" fmla="*/ 776287 h 1650237"/>
                <a:gd name="connsiteX70" fmla="*/ 2889435 w 4158640"/>
                <a:gd name="connsiteY70" fmla="*/ 766762 h 1650237"/>
                <a:gd name="connsiteX71" fmla="*/ 2918009 w 4158640"/>
                <a:gd name="connsiteY71" fmla="*/ 745331 h 1650237"/>
                <a:gd name="connsiteX72" fmla="*/ 2939440 w 4158640"/>
                <a:gd name="connsiteY72" fmla="*/ 731043 h 1650237"/>
                <a:gd name="connsiteX73" fmla="*/ 2963253 w 4158640"/>
                <a:gd name="connsiteY73" fmla="*/ 714375 h 1650237"/>
                <a:gd name="connsiteX74" fmla="*/ 2989446 w 4158640"/>
                <a:gd name="connsiteY74" fmla="*/ 707231 h 1650237"/>
                <a:gd name="connsiteX75" fmla="*/ 3018021 w 4158640"/>
                <a:gd name="connsiteY75" fmla="*/ 688181 h 1650237"/>
                <a:gd name="connsiteX76" fmla="*/ 3070408 w 4158640"/>
                <a:gd name="connsiteY76" fmla="*/ 666751 h 1650237"/>
                <a:gd name="connsiteX77" fmla="*/ 3103746 w 4158640"/>
                <a:gd name="connsiteY77" fmla="*/ 647704 h 1650237"/>
                <a:gd name="connsiteX78" fmla="*/ 3129940 w 4158640"/>
                <a:gd name="connsiteY78" fmla="*/ 626272 h 1650237"/>
                <a:gd name="connsiteX79" fmla="*/ 3158515 w 4158640"/>
                <a:gd name="connsiteY79" fmla="*/ 597699 h 1650237"/>
                <a:gd name="connsiteX80" fmla="*/ 3179946 w 4158640"/>
                <a:gd name="connsiteY80" fmla="*/ 573884 h 1650237"/>
                <a:gd name="connsiteX81" fmla="*/ 3198997 w 4158640"/>
                <a:gd name="connsiteY81" fmla="*/ 561979 h 1650237"/>
                <a:gd name="connsiteX82" fmla="*/ 3241859 w 4158640"/>
                <a:gd name="connsiteY82" fmla="*/ 531021 h 1650237"/>
                <a:gd name="connsiteX83" fmla="*/ 3270434 w 4158640"/>
                <a:gd name="connsiteY83" fmla="*/ 511971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701315 w 4158640"/>
                <a:gd name="connsiteY65" fmla="*/ 831056 h 1650237"/>
                <a:gd name="connsiteX66" fmla="*/ 2729890 w 4158640"/>
                <a:gd name="connsiteY66" fmla="*/ 821532 h 1650237"/>
                <a:gd name="connsiteX67" fmla="*/ 2758465 w 4158640"/>
                <a:gd name="connsiteY67" fmla="*/ 814387 h 1650237"/>
                <a:gd name="connsiteX68" fmla="*/ 2794185 w 4158640"/>
                <a:gd name="connsiteY68" fmla="*/ 804862 h 1650237"/>
                <a:gd name="connsiteX69" fmla="*/ 2827521 w 4158640"/>
                <a:gd name="connsiteY69" fmla="*/ 792956 h 1650237"/>
                <a:gd name="connsiteX70" fmla="*/ 2860859 w 4158640"/>
                <a:gd name="connsiteY70" fmla="*/ 776287 h 1650237"/>
                <a:gd name="connsiteX71" fmla="*/ 2889435 w 4158640"/>
                <a:gd name="connsiteY71" fmla="*/ 766762 h 1650237"/>
                <a:gd name="connsiteX72" fmla="*/ 2918009 w 4158640"/>
                <a:gd name="connsiteY72" fmla="*/ 745331 h 1650237"/>
                <a:gd name="connsiteX73" fmla="*/ 2939440 w 4158640"/>
                <a:gd name="connsiteY73" fmla="*/ 731043 h 1650237"/>
                <a:gd name="connsiteX74" fmla="*/ 2963253 w 4158640"/>
                <a:gd name="connsiteY74" fmla="*/ 714375 h 1650237"/>
                <a:gd name="connsiteX75" fmla="*/ 2989446 w 4158640"/>
                <a:gd name="connsiteY75" fmla="*/ 707231 h 1650237"/>
                <a:gd name="connsiteX76" fmla="*/ 3018021 w 4158640"/>
                <a:gd name="connsiteY76" fmla="*/ 688181 h 1650237"/>
                <a:gd name="connsiteX77" fmla="*/ 3070408 w 4158640"/>
                <a:gd name="connsiteY77" fmla="*/ 666751 h 1650237"/>
                <a:gd name="connsiteX78" fmla="*/ 3103746 w 4158640"/>
                <a:gd name="connsiteY78" fmla="*/ 647704 h 1650237"/>
                <a:gd name="connsiteX79" fmla="*/ 3129940 w 4158640"/>
                <a:gd name="connsiteY79" fmla="*/ 626272 h 1650237"/>
                <a:gd name="connsiteX80" fmla="*/ 3158515 w 4158640"/>
                <a:gd name="connsiteY80" fmla="*/ 597699 h 1650237"/>
                <a:gd name="connsiteX81" fmla="*/ 3179946 w 4158640"/>
                <a:gd name="connsiteY81" fmla="*/ 573884 h 1650237"/>
                <a:gd name="connsiteX82" fmla="*/ 3198997 w 4158640"/>
                <a:gd name="connsiteY82" fmla="*/ 561979 h 1650237"/>
                <a:gd name="connsiteX83" fmla="*/ 3241859 w 4158640"/>
                <a:gd name="connsiteY83" fmla="*/ 531021 h 1650237"/>
                <a:gd name="connsiteX84" fmla="*/ 3270434 w 4158640"/>
                <a:gd name="connsiteY84" fmla="*/ 511971 h 1650237"/>
                <a:gd name="connsiteX85" fmla="*/ 3308534 w 4158640"/>
                <a:gd name="connsiteY85" fmla="*/ 504828 h 1650237"/>
                <a:gd name="connsiteX86" fmla="*/ 3420452 w 4158640"/>
                <a:gd name="connsiteY86" fmla="*/ 471490 h 1650237"/>
                <a:gd name="connsiteX87" fmla="*/ 3527609 w 4158640"/>
                <a:gd name="connsiteY87" fmla="*/ 416721 h 1650237"/>
                <a:gd name="connsiteX88" fmla="*/ 3639528 w 4158640"/>
                <a:gd name="connsiteY88" fmla="*/ 366715 h 1650237"/>
                <a:gd name="connsiteX89" fmla="*/ 3706203 w 4158640"/>
                <a:gd name="connsiteY89" fmla="*/ 330996 h 1650237"/>
                <a:gd name="connsiteX90" fmla="*/ 3794309 w 4158640"/>
                <a:gd name="connsiteY90" fmla="*/ 254796 h 1650237"/>
                <a:gd name="connsiteX91" fmla="*/ 3894321 w 4158640"/>
                <a:gd name="connsiteY91" fmla="*/ 200028 h 1650237"/>
                <a:gd name="connsiteX92" fmla="*/ 4003858 w 4158640"/>
                <a:gd name="connsiteY92" fmla="*/ 147641 h 1650237"/>
                <a:gd name="connsiteX93" fmla="*/ 4077677 w 4158640"/>
                <a:gd name="connsiteY93" fmla="*/ 71440 h 1650237"/>
                <a:gd name="connsiteX94" fmla="*/ 4094346 w 4158640"/>
                <a:gd name="connsiteY94" fmla="*/ 45246 h 1650237"/>
                <a:gd name="connsiteX95" fmla="*/ 4118159 w 4158640"/>
                <a:gd name="connsiteY95" fmla="*/ 28578 h 1650237"/>
                <a:gd name="connsiteX96" fmla="*/ 4137209 w 4158640"/>
                <a:gd name="connsiteY96" fmla="*/ 21434 h 1650237"/>
                <a:gd name="connsiteX97" fmla="*/ 4158640 w 4158640"/>
                <a:gd name="connsiteY9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4862 h 1650237"/>
                <a:gd name="connsiteX70" fmla="*/ 2827521 w 4158640"/>
                <a:gd name="connsiteY70" fmla="*/ 792956 h 1650237"/>
                <a:gd name="connsiteX71" fmla="*/ 2860859 w 4158640"/>
                <a:gd name="connsiteY71" fmla="*/ 776287 h 1650237"/>
                <a:gd name="connsiteX72" fmla="*/ 2889435 w 4158640"/>
                <a:gd name="connsiteY72" fmla="*/ 766762 h 1650237"/>
                <a:gd name="connsiteX73" fmla="*/ 2918009 w 4158640"/>
                <a:gd name="connsiteY73" fmla="*/ 745331 h 1650237"/>
                <a:gd name="connsiteX74" fmla="*/ 2939440 w 4158640"/>
                <a:gd name="connsiteY74" fmla="*/ 731043 h 1650237"/>
                <a:gd name="connsiteX75" fmla="*/ 2963253 w 4158640"/>
                <a:gd name="connsiteY75" fmla="*/ 714375 h 1650237"/>
                <a:gd name="connsiteX76" fmla="*/ 2989446 w 4158640"/>
                <a:gd name="connsiteY76" fmla="*/ 707231 h 1650237"/>
                <a:gd name="connsiteX77" fmla="*/ 3018021 w 4158640"/>
                <a:gd name="connsiteY77" fmla="*/ 688181 h 1650237"/>
                <a:gd name="connsiteX78" fmla="*/ 3070408 w 4158640"/>
                <a:gd name="connsiteY78" fmla="*/ 666751 h 1650237"/>
                <a:gd name="connsiteX79" fmla="*/ 3103746 w 4158640"/>
                <a:gd name="connsiteY79" fmla="*/ 647704 h 1650237"/>
                <a:gd name="connsiteX80" fmla="*/ 3129940 w 4158640"/>
                <a:gd name="connsiteY80" fmla="*/ 626272 h 1650237"/>
                <a:gd name="connsiteX81" fmla="*/ 3158515 w 4158640"/>
                <a:gd name="connsiteY81" fmla="*/ 597699 h 1650237"/>
                <a:gd name="connsiteX82" fmla="*/ 3179946 w 4158640"/>
                <a:gd name="connsiteY82" fmla="*/ 573884 h 1650237"/>
                <a:gd name="connsiteX83" fmla="*/ 3198997 w 4158640"/>
                <a:gd name="connsiteY83" fmla="*/ 561979 h 1650237"/>
                <a:gd name="connsiteX84" fmla="*/ 3241859 w 4158640"/>
                <a:gd name="connsiteY84" fmla="*/ 531021 h 1650237"/>
                <a:gd name="connsiteX85" fmla="*/ 3270434 w 4158640"/>
                <a:gd name="connsiteY85" fmla="*/ 511971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9624 h 1650237"/>
                <a:gd name="connsiteX70" fmla="*/ 2827521 w 4158640"/>
                <a:gd name="connsiteY70" fmla="*/ 792956 h 1650237"/>
                <a:gd name="connsiteX71" fmla="*/ 2860859 w 4158640"/>
                <a:gd name="connsiteY71" fmla="*/ 776287 h 1650237"/>
                <a:gd name="connsiteX72" fmla="*/ 2889435 w 4158640"/>
                <a:gd name="connsiteY72" fmla="*/ 766762 h 1650237"/>
                <a:gd name="connsiteX73" fmla="*/ 2918009 w 4158640"/>
                <a:gd name="connsiteY73" fmla="*/ 745331 h 1650237"/>
                <a:gd name="connsiteX74" fmla="*/ 2939440 w 4158640"/>
                <a:gd name="connsiteY74" fmla="*/ 731043 h 1650237"/>
                <a:gd name="connsiteX75" fmla="*/ 2963253 w 4158640"/>
                <a:gd name="connsiteY75" fmla="*/ 714375 h 1650237"/>
                <a:gd name="connsiteX76" fmla="*/ 2989446 w 4158640"/>
                <a:gd name="connsiteY76" fmla="*/ 707231 h 1650237"/>
                <a:gd name="connsiteX77" fmla="*/ 3018021 w 4158640"/>
                <a:gd name="connsiteY77" fmla="*/ 688181 h 1650237"/>
                <a:gd name="connsiteX78" fmla="*/ 3070408 w 4158640"/>
                <a:gd name="connsiteY78" fmla="*/ 666751 h 1650237"/>
                <a:gd name="connsiteX79" fmla="*/ 3103746 w 4158640"/>
                <a:gd name="connsiteY79" fmla="*/ 647704 h 1650237"/>
                <a:gd name="connsiteX80" fmla="*/ 3129940 w 4158640"/>
                <a:gd name="connsiteY80" fmla="*/ 626272 h 1650237"/>
                <a:gd name="connsiteX81" fmla="*/ 3158515 w 4158640"/>
                <a:gd name="connsiteY81" fmla="*/ 597699 h 1650237"/>
                <a:gd name="connsiteX82" fmla="*/ 3179946 w 4158640"/>
                <a:gd name="connsiteY82" fmla="*/ 573884 h 1650237"/>
                <a:gd name="connsiteX83" fmla="*/ 3198997 w 4158640"/>
                <a:gd name="connsiteY83" fmla="*/ 561979 h 1650237"/>
                <a:gd name="connsiteX84" fmla="*/ 3241859 w 4158640"/>
                <a:gd name="connsiteY84" fmla="*/ 531021 h 1650237"/>
                <a:gd name="connsiteX85" fmla="*/ 3270434 w 4158640"/>
                <a:gd name="connsiteY85" fmla="*/ 511971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9624 h 1650237"/>
                <a:gd name="connsiteX70" fmla="*/ 2834665 w 4158640"/>
                <a:gd name="connsiteY70" fmla="*/ 792956 h 1650237"/>
                <a:gd name="connsiteX71" fmla="*/ 2860859 w 4158640"/>
                <a:gd name="connsiteY71" fmla="*/ 776287 h 1650237"/>
                <a:gd name="connsiteX72" fmla="*/ 2889435 w 4158640"/>
                <a:gd name="connsiteY72" fmla="*/ 766762 h 1650237"/>
                <a:gd name="connsiteX73" fmla="*/ 2918009 w 4158640"/>
                <a:gd name="connsiteY73" fmla="*/ 745331 h 1650237"/>
                <a:gd name="connsiteX74" fmla="*/ 2939440 w 4158640"/>
                <a:gd name="connsiteY74" fmla="*/ 731043 h 1650237"/>
                <a:gd name="connsiteX75" fmla="*/ 2963253 w 4158640"/>
                <a:gd name="connsiteY75" fmla="*/ 714375 h 1650237"/>
                <a:gd name="connsiteX76" fmla="*/ 2989446 w 4158640"/>
                <a:gd name="connsiteY76" fmla="*/ 707231 h 1650237"/>
                <a:gd name="connsiteX77" fmla="*/ 3018021 w 4158640"/>
                <a:gd name="connsiteY77" fmla="*/ 688181 h 1650237"/>
                <a:gd name="connsiteX78" fmla="*/ 3070408 w 4158640"/>
                <a:gd name="connsiteY78" fmla="*/ 666751 h 1650237"/>
                <a:gd name="connsiteX79" fmla="*/ 3103746 w 4158640"/>
                <a:gd name="connsiteY79" fmla="*/ 647704 h 1650237"/>
                <a:gd name="connsiteX80" fmla="*/ 3129940 w 4158640"/>
                <a:gd name="connsiteY80" fmla="*/ 626272 h 1650237"/>
                <a:gd name="connsiteX81" fmla="*/ 3158515 w 4158640"/>
                <a:gd name="connsiteY81" fmla="*/ 597699 h 1650237"/>
                <a:gd name="connsiteX82" fmla="*/ 3179946 w 4158640"/>
                <a:gd name="connsiteY82" fmla="*/ 573884 h 1650237"/>
                <a:gd name="connsiteX83" fmla="*/ 3198997 w 4158640"/>
                <a:gd name="connsiteY83" fmla="*/ 561979 h 1650237"/>
                <a:gd name="connsiteX84" fmla="*/ 3241859 w 4158640"/>
                <a:gd name="connsiteY84" fmla="*/ 531021 h 1650237"/>
                <a:gd name="connsiteX85" fmla="*/ 3270434 w 4158640"/>
                <a:gd name="connsiteY85" fmla="*/ 511971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9624 h 1650237"/>
                <a:gd name="connsiteX70" fmla="*/ 2834665 w 4158640"/>
                <a:gd name="connsiteY70" fmla="*/ 792956 h 1650237"/>
                <a:gd name="connsiteX71" fmla="*/ 2860859 w 4158640"/>
                <a:gd name="connsiteY71" fmla="*/ 783431 h 1650237"/>
                <a:gd name="connsiteX72" fmla="*/ 2889435 w 4158640"/>
                <a:gd name="connsiteY72" fmla="*/ 766762 h 1650237"/>
                <a:gd name="connsiteX73" fmla="*/ 2918009 w 4158640"/>
                <a:gd name="connsiteY73" fmla="*/ 745331 h 1650237"/>
                <a:gd name="connsiteX74" fmla="*/ 2939440 w 4158640"/>
                <a:gd name="connsiteY74" fmla="*/ 731043 h 1650237"/>
                <a:gd name="connsiteX75" fmla="*/ 2963253 w 4158640"/>
                <a:gd name="connsiteY75" fmla="*/ 714375 h 1650237"/>
                <a:gd name="connsiteX76" fmla="*/ 2989446 w 4158640"/>
                <a:gd name="connsiteY76" fmla="*/ 707231 h 1650237"/>
                <a:gd name="connsiteX77" fmla="*/ 3018021 w 4158640"/>
                <a:gd name="connsiteY77" fmla="*/ 688181 h 1650237"/>
                <a:gd name="connsiteX78" fmla="*/ 3070408 w 4158640"/>
                <a:gd name="connsiteY78" fmla="*/ 666751 h 1650237"/>
                <a:gd name="connsiteX79" fmla="*/ 3103746 w 4158640"/>
                <a:gd name="connsiteY79" fmla="*/ 647704 h 1650237"/>
                <a:gd name="connsiteX80" fmla="*/ 3129940 w 4158640"/>
                <a:gd name="connsiteY80" fmla="*/ 626272 h 1650237"/>
                <a:gd name="connsiteX81" fmla="*/ 3158515 w 4158640"/>
                <a:gd name="connsiteY81" fmla="*/ 597699 h 1650237"/>
                <a:gd name="connsiteX82" fmla="*/ 3179946 w 4158640"/>
                <a:gd name="connsiteY82" fmla="*/ 573884 h 1650237"/>
                <a:gd name="connsiteX83" fmla="*/ 3198997 w 4158640"/>
                <a:gd name="connsiteY83" fmla="*/ 561979 h 1650237"/>
                <a:gd name="connsiteX84" fmla="*/ 3241859 w 4158640"/>
                <a:gd name="connsiteY84" fmla="*/ 531021 h 1650237"/>
                <a:gd name="connsiteX85" fmla="*/ 3270434 w 4158640"/>
                <a:gd name="connsiteY85" fmla="*/ 511971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9624 h 1650237"/>
                <a:gd name="connsiteX70" fmla="*/ 2834665 w 4158640"/>
                <a:gd name="connsiteY70" fmla="*/ 792956 h 1650237"/>
                <a:gd name="connsiteX71" fmla="*/ 2860859 w 4158640"/>
                <a:gd name="connsiteY71" fmla="*/ 783431 h 1650237"/>
                <a:gd name="connsiteX72" fmla="*/ 2889435 w 4158640"/>
                <a:gd name="connsiteY72" fmla="*/ 766762 h 1650237"/>
                <a:gd name="connsiteX73" fmla="*/ 2918009 w 4158640"/>
                <a:gd name="connsiteY73" fmla="*/ 745331 h 1650237"/>
                <a:gd name="connsiteX74" fmla="*/ 2939440 w 4158640"/>
                <a:gd name="connsiteY74" fmla="*/ 731043 h 1650237"/>
                <a:gd name="connsiteX75" fmla="*/ 2968016 w 4158640"/>
                <a:gd name="connsiteY75" fmla="*/ 721519 h 1650237"/>
                <a:gd name="connsiteX76" fmla="*/ 2989446 w 4158640"/>
                <a:gd name="connsiteY76" fmla="*/ 707231 h 1650237"/>
                <a:gd name="connsiteX77" fmla="*/ 3018021 w 4158640"/>
                <a:gd name="connsiteY77" fmla="*/ 688181 h 1650237"/>
                <a:gd name="connsiteX78" fmla="*/ 3070408 w 4158640"/>
                <a:gd name="connsiteY78" fmla="*/ 666751 h 1650237"/>
                <a:gd name="connsiteX79" fmla="*/ 3103746 w 4158640"/>
                <a:gd name="connsiteY79" fmla="*/ 647704 h 1650237"/>
                <a:gd name="connsiteX80" fmla="*/ 3129940 w 4158640"/>
                <a:gd name="connsiteY80" fmla="*/ 626272 h 1650237"/>
                <a:gd name="connsiteX81" fmla="*/ 3158515 w 4158640"/>
                <a:gd name="connsiteY81" fmla="*/ 597699 h 1650237"/>
                <a:gd name="connsiteX82" fmla="*/ 3179946 w 4158640"/>
                <a:gd name="connsiteY82" fmla="*/ 573884 h 1650237"/>
                <a:gd name="connsiteX83" fmla="*/ 3198997 w 4158640"/>
                <a:gd name="connsiteY83" fmla="*/ 561979 h 1650237"/>
                <a:gd name="connsiteX84" fmla="*/ 3241859 w 4158640"/>
                <a:gd name="connsiteY84" fmla="*/ 531021 h 1650237"/>
                <a:gd name="connsiteX85" fmla="*/ 3270434 w 4158640"/>
                <a:gd name="connsiteY85" fmla="*/ 511971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9624 h 1650237"/>
                <a:gd name="connsiteX70" fmla="*/ 2834665 w 4158640"/>
                <a:gd name="connsiteY70" fmla="*/ 792956 h 1650237"/>
                <a:gd name="connsiteX71" fmla="*/ 2860859 w 4158640"/>
                <a:gd name="connsiteY71" fmla="*/ 783431 h 1650237"/>
                <a:gd name="connsiteX72" fmla="*/ 2889435 w 4158640"/>
                <a:gd name="connsiteY72" fmla="*/ 766762 h 1650237"/>
                <a:gd name="connsiteX73" fmla="*/ 2918009 w 4158640"/>
                <a:gd name="connsiteY73" fmla="*/ 750093 h 1650237"/>
                <a:gd name="connsiteX74" fmla="*/ 2939440 w 4158640"/>
                <a:gd name="connsiteY74" fmla="*/ 731043 h 1650237"/>
                <a:gd name="connsiteX75" fmla="*/ 2968016 w 4158640"/>
                <a:gd name="connsiteY75" fmla="*/ 721519 h 1650237"/>
                <a:gd name="connsiteX76" fmla="*/ 2989446 w 4158640"/>
                <a:gd name="connsiteY76" fmla="*/ 707231 h 1650237"/>
                <a:gd name="connsiteX77" fmla="*/ 3018021 w 4158640"/>
                <a:gd name="connsiteY77" fmla="*/ 688181 h 1650237"/>
                <a:gd name="connsiteX78" fmla="*/ 3070408 w 4158640"/>
                <a:gd name="connsiteY78" fmla="*/ 666751 h 1650237"/>
                <a:gd name="connsiteX79" fmla="*/ 3103746 w 4158640"/>
                <a:gd name="connsiteY79" fmla="*/ 647704 h 1650237"/>
                <a:gd name="connsiteX80" fmla="*/ 3129940 w 4158640"/>
                <a:gd name="connsiteY80" fmla="*/ 626272 h 1650237"/>
                <a:gd name="connsiteX81" fmla="*/ 3158515 w 4158640"/>
                <a:gd name="connsiteY81" fmla="*/ 597699 h 1650237"/>
                <a:gd name="connsiteX82" fmla="*/ 3179946 w 4158640"/>
                <a:gd name="connsiteY82" fmla="*/ 573884 h 1650237"/>
                <a:gd name="connsiteX83" fmla="*/ 3198997 w 4158640"/>
                <a:gd name="connsiteY83" fmla="*/ 561979 h 1650237"/>
                <a:gd name="connsiteX84" fmla="*/ 3241859 w 4158640"/>
                <a:gd name="connsiteY84" fmla="*/ 531021 h 1650237"/>
                <a:gd name="connsiteX85" fmla="*/ 3270434 w 4158640"/>
                <a:gd name="connsiteY85" fmla="*/ 511971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9624 h 1650237"/>
                <a:gd name="connsiteX70" fmla="*/ 2834665 w 4158640"/>
                <a:gd name="connsiteY70" fmla="*/ 792956 h 1650237"/>
                <a:gd name="connsiteX71" fmla="*/ 2860859 w 4158640"/>
                <a:gd name="connsiteY71" fmla="*/ 783431 h 1650237"/>
                <a:gd name="connsiteX72" fmla="*/ 2889435 w 4158640"/>
                <a:gd name="connsiteY72" fmla="*/ 766762 h 1650237"/>
                <a:gd name="connsiteX73" fmla="*/ 2918009 w 4158640"/>
                <a:gd name="connsiteY73" fmla="*/ 750093 h 1650237"/>
                <a:gd name="connsiteX74" fmla="*/ 2939440 w 4158640"/>
                <a:gd name="connsiteY74" fmla="*/ 731043 h 1650237"/>
                <a:gd name="connsiteX75" fmla="*/ 2968016 w 4158640"/>
                <a:gd name="connsiteY75" fmla="*/ 721519 h 1650237"/>
                <a:gd name="connsiteX76" fmla="*/ 2989446 w 4158640"/>
                <a:gd name="connsiteY76" fmla="*/ 707231 h 1650237"/>
                <a:gd name="connsiteX77" fmla="*/ 3018021 w 4158640"/>
                <a:gd name="connsiteY77" fmla="*/ 688181 h 1650237"/>
                <a:gd name="connsiteX78" fmla="*/ 3063265 w 4158640"/>
                <a:gd name="connsiteY78" fmla="*/ 673895 h 1650237"/>
                <a:gd name="connsiteX79" fmla="*/ 3103746 w 4158640"/>
                <a:gd name="connsiteY79" fmla="*/ 647704 h 1650237"/>
                <a:gd name="connsiteX80" fmla="*/ 3129940 w 4158640"/>
                <a:gd name="connsiteY80" fmla="*/ 626272 h 1650237"/>
                <a:gd name="connsiteX81" fmla="*/ 3158515 w 4158640"/>
                <a:gd name="connsiteY81" fmla="*/ 597699 h 1650237"/>
                <a:gd name="connsiteX82" fmla="*/ 3179946 w 4158640"/>
                <a:gd name="connsiteY82" fmla="*/ 573884 h 1650237"/>
                <a:gd name="connsiteX83" fmla="*/ 3198997 w 4158640"/>
                <a:gd name="connsiteY83" fmla="*/ 561979 h 1650237"/>
                <a:gd name="connsiteX84" fmla="*/ 3241859 w 4158640"/>
                <a:gd name="connsiteY84" fmla="*/ 531021 h 1650237"/>
                <a:gd name="connsiteX85" fmla="*/ 3270434 w 4158640"/>
                <a:gd name="connsiteY85" fmla="*/ 511971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9624 h 1650237"/>
                <a:gd name="connsiteX70" fmla="*/ 2834665 w 4158640"/>
                <a:gd name="connsiteY70" fmla="*/ 792956 h 1650237"/>
                <a:gd name="connsiteX71" fmla="*/ 2860859 w 4158640"/>
                <a:gd name="connsiteY71" fmla="*/ 783431 h 1650237"/>
                <a:gd name="connsiteX72" fmla="*/ 2889435 w 4158640"/>
                <a:gd name="connsiteY72" fmla="*/ 766762 h 1650237"/>
                <a:gd name="connsiteX73" fmla="*/ 2918009 w 4158640"/>
                <a:gd name="connsiteY73" fmla="*/ 750093 h 1650237"/>
                <a:gd name="connsiteX74" fmla="*/ 2939440 w 4158640"/>
                <a:gd name="connsiteY74" fmla="*/ 731043 h 1650237"/>
                <a:gd name="connsiteX75" fmla="*/ 2968016 w 4158640"/>
                <a:gd name="connsiteY75" fmla="*/ 721519 h 1650237"/>
                <a:gd name="connsiteX76" fmla="*/ 2989446 w 4158640"/>
                <a:gd name="connsiteY76" fmla="*/ 707231 h 1650237"/>
                <a:gd name="connsiteX77" fmla="*/ 3018021 w 4158640"/>
                <a:gd name="connsiteY77" fmla="*/ 688181 h 1650237"/>
                <a:gd name="connsiteX78" fmla="*/ 3063265 w 4158640"/>
                <a:gd name="connsiteY78" fmla="*/ 673895 h 1650237"/>
                <a:gd name="connsiteX79" fmla="*/ 3103746 w 4158640"/>
                <a:gd name="connsiteY79" fmla="*/ 647704 h 1650237"/>
                <a:gd name="connsiteX80" fmla="*/ 3129940 w 4158640"/>
                <a:gd name="connsiteY80" fmla="*/ 626272 h 1650237"/>
                <a:gd name="connsiteX81" fmla="*/ 3160896 w 4158640"/>
                <a:gd name="connsiteY81" fmla="*/ 604843 h 1650237"/>
                <a:gd name="connsiteX82" fmla="*/ 3179946 w 4158640"/>
                <a:gd name="connsiteY82" fmla="*/ 573884 h 1650237"/>
                <a:gd name="connsiteX83" fmla="*/ 3198997 w 4158640"/>
                <a:gd name="connsiteY83" fmla="*/ 561979 h 1650237"/>
                <a:gd name="connsiteX84" fmla="*/ 3241859 w 4158640"/>
                <a:gd name="connsiteY84" fmla="*/ 531021 h 1650237"/>
                <a:gd name="connsiteX85" fmla="*/ 3270434 w 4158640"/>
                <a:gd name="connsiteY85" fmla="*/ 511971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9624 h 1650237"/>
                <a:gd name="connsiteX70" fmla="*/ 2834665 w 4158640"/>
                <a:gd name="connsiteY70" fmla="*/ 792956 h 1650237"/>
                <a:gd name="connsiteX71" fmla="*/ 2860859 w 4158640"/>
                <a:gd name="connsiteY71" fmla="*/ 783431 h 1650237"/>
                <a:gd name="connsiteX72" fmla="*/ 2889435 w 4158640"/>
                <a:gd name="connsiteY72" fmla="*/ 766762 h 1650237"/>
                <a:gd name="connsiteX73" fmla="*/ 2918009 w 4158640"/>
                <a:gd name="connsiteY73" fmla="*/ 750093 h 1650237"/>
                <a:gd name="connsiteX74" fmla="*/ 2939440 w 4158640"/>
                <a:gd name="connsiteY74" fmla="*/ 731043 h 1650237"/>
                <a:gd name="connsiteX75" fmla="*/ 2968016 w 4158640"/>
                <a:gd name="connsiteY75" fmla="*/ 721519 h 1650237"/>
                <a:gd name="connsiteX76" fmla="*/ 2989446 w 4158640"/>
                <a:gd name="connsiteY76" fmla="*/ 707231 h 1650237"/>
                <a:gd name="connsiteX77" fmla="*/ 3018021 w 4158640"/>
                <a:gd name="connsiteY77" fmla="*/ 688181 h 1650237"/>
                <a:gd name="connsiteX78" fmla="*/ 3063265 w 4158640"/>
                <a:gd name="connsiteY78" fmla="*/ 673895 h 1650237"/>
                <a:gd name="connsiteX79" fmla="*/ 3103746 w 4158640"/>
                <a:gd name="connsiteY79" fmla="*/ 647704 h 1650237"/>
                <a:gd name="connsiteX80" fmla="*/ 3129940 w 4158640"/>
                <a:gd name="connsiteY80" fmla="*/ 626272 h 1650237"/>
                <a:gd name="connsiteX81" fmla="*/ 3160896 w 4158640"/>
                <a:gd name="connsiteY81" fmla="*/ 604843 h 1650237"/>
                <a:gd name="connsiteX82" fmla="*/ 3179946 w 4158640"/>
                <a:gd name="connsiteY82" fmla="*/ 573884 h 1650237"/>
                <a:gd name="connsiteX83" fmla="*/ 3208522 w 4158640"/>
                <a:gd name="connsiteY83" fmla="*/ 564360 h 1650237"/>
                <a:gd name="connsiteX84" fmla="*/ 3241859 w 4158640"/>
                <a:gd name="connsiteY84" fmla="*/ 531021 h 1650237"/>
                <a:gd name="connsiteX85" fmla="*/ 3270434 w 4158640"/>
                <a:gd name="connsiteY85" fmla="*/ 511971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9624 h 1650237"/>
                <a:gd name="connsiteX70" fmla="*/ 2834665 w 4158640"/>
                <a:gd name="connsiteY70" fmla="*/ 792956 h 1650237"/>
                <a:gd name="connsiteX71" fmla="*/ 2860859 w 4158640"/>
                <a:gd name="connsiteY71" fmla="*/ 783431 h 1650237"/>
                <a:gd name="connsiteX72" fmla="*/ 2889435 w 4158640"/>
                <a:gd name="connsiteY72" fmla="*/ 766762 h 1650237"/>
                <a:gd name="connsiteX73" fmla="*/ 2918009 w 4158640"/>
                <a:gd name="connsiteY73" fmla="*/ 750093 h 1650237"/>
                <a:gd name="connsiteX74" fmla="*/ 2939440 w 4158640"/>
                <a:gd name="connsiteY74" fmla="*/ 731043 h 1650237"/>
                <a:gd name="connsiteX75" fmla="*/ 2968016 w 4158640"/>
                <a:gd name="connsiteY75" fmla="*/ 721519 h 1650237"/>
                <a:gd name="connsiteX76" fmla="*/ 2989446 w 4158640"/>
                <a:gd name="connsiteY76" fmla="*/ 707231 h 1650237"/>
                <a:gd name="connsiteX77" fmla="*/ 3018021 w 4158640"/>
                <a:gd name="connsiteY77" fmla="*/ 688181 h 1650237"/>
                <a:gd name="connsiteX78" fmla="*/ 3063265 w 4158640"/>
                <a:gd name="connsiteY78" fmla="*/ 673895 h 1650237"/>
                <a:gd name="connsiteX79" fmla="*/ 3103746 w 4158640"/>
                <a:gd name="connsiteY79" fmla="*/ 647704 h 1650237"/>
                <a:gd name="connsiteX80" fmla="*/ 3129940 w 4158640"/>
                <a:gd name="connsiteY80" fmla="*/ 626272 h 1650237"/>
                <a:gd name="connsiteX81" fmla="*/ 3160896 w 4158640"/>
                <a:gd name="connsiteY81" fmla="*/ 604843 h 1650237"/>
                <a:gd name="connsiteX82" fmla="*/ 3187089 w 4158640"/>
                <a:gd name="connsiteY82" fmla="*/ 578647 h 1650237"/>
                <a:gd name="connsiteX83" fmla="*/ 3208522 w 4158640"/>
                <a:gd name="connsiteY83" fmla="*/ 564360 h 1650237"/>
                <a:gd name="connsiteX84" fmla="*/ 3241859 w 4158640"/>
                <a:gd name="connsiteY84" fmla="*/ 531021 h 1650237"/>
                <a:gd name="connsiteX85" fmla="*/ 3270434 w 4158640"/>
                <a:gd name="connsiteY85" fmla="*/ 511971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9624 h 1650237"/>
                <a:gd name="connsiteX70" fmla="*/ 2834665 w 4158640"/>
                <a:gd name="connsiteY70" fmla="*/ 792956 h 1650237"/>
                <a:gd name="connsiteX71" fmla="*/ 2860859 w 4158640"/>
                <a:gd name="connsiteY71" fmla="*/ 783431 h 1650237"/>
                <a:gd name="connsiteX72" fmla="*/ 2889435 w 4158640"/>
                <a:gd name="connsiteY72" fmla="*/ 766762 h 1650237"/>
                <a:gd name="connsiteX73" fmla="*/ 2918009 w 4158640"/>
                <a:gd name="connsiteY73" fmla="*/ 750093 h 1650237"/>
                <a:gd name="connsiteX74" fmla="*/ 2939440 w 4158640"/>
                <a:gd name="connsiteY74" fmla="*/ 731043 h 1650237"/>
                <a:gd name="connsiteX75" fmla="*/ 2968016 w 4158640"/>
                <a:gd name="connsiteY75" fmla="*/ 721519 h 1650237"/>
                <a:gd name="connsiteX76" fmla="*/ 2989446 w 4158640"/>
                <a:gd name="connsiteY76" fmla="*/ 707231 h 1650237"/>
                <a:gd name="connsiteX77" fmla="*/ 3018021 w 4158640"/>
                <a:gd name="connsiteY77" fmla="*/ 688181 h 1650237"/>
                <a:gd name="connsiteX78" fmla="*/ 3063265 w 4158640"/>
                <a:gd name="connsiteY78" fmla="*/ 673895 h 1650237"/>
                <a:gd name="connsiteX79" fmla="*/ 3103746 w 4158640"/>
                <a:gd name="connsiteY79" fmla="*/ 647704 h 1650237"/>
                <a:gd name="connsiteX80" fmla="*/ 3129940 w 4158640"/>
                <a:gd name="connsiteY80" fmla="*/ 626272 h 1650237"/>
                <a:gd name="connsiteX81" fmla="*/ 3160896 w 4158640"/>
                <a:gd name="connsiteY81" fmla="*/ 604843 h 1650237"/>
                <a:gd name="connsiteX82" fmla="*/ 3187089 w 4158640"/>
                <a:gd name="connsiteY82" fmla="*/ 578647 h 1650237"/>
                <a:gd name="connsiteX83" fmla="*/ 3208522 w 4158640"/>
                <a:gd name="connsiteY83" fmla="*/ 564360 h 1650237"/>
                <a:gd name="connsiteX84" fmla="*/ 3241859 w 4158640"/>
                <a:gd name="connsiteY84" fmla="*/ 540546 h 1650237"/>
                <a:gd name="connsiteX85" fmla="*/ 3270434 w 4158640"/>
                <a:gd name="connsiteY85" fmla="*/ 511971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17946 w 4158640"/>
                <a:gd name="connsiteY56" fmla="*/ 950119 h 1650237"/>
                <a:gd name="connsiteX57" fmla="*/ 2451284 w 4158640"/>
                <a:gd name="connsiteY57" fmla="*/ 938212 h 1650237"/>
                <a:gd name="connsiteX58" fmla="*/ 2477478 w 4158640"/>
                <a:gd name="connsiteY58" fmla="*/ 926306 h 1650237"/>
                <a:gd name="connsiteX59" fmla="*/ 2506053 w 4158640"/>
                <a:gd name="connsiteY59" fmla="*/ 921543 h 1650237"/>
                <a:gd name="connsiteX60" fmla="*/ 2527484 w 4158640"/>
                <a:gd name="connsiteY60" fmla="*/ 904875 h 1650237"/>
                <a:gd name="connsiteX61" fmla="*/ 2560821 w 4158640"/>
                <a:gd name="connsiteY61" fmla="*/ 888206 h 1650237"/>
                <a:gd name="connsiteX62" fmla="*/ 2594159 w 4158640"/>
                <a:gd name="connsiteY62" fmla="*/ 869156 h 1650237"/>
                <a:gd name="connsiteX63" fmla="*/ 2615590 w 4158640"/>
                <a:gd name="connsiteY63" fmla="*/ 857253 h 1650237"/>
                <a:gd name="connsiteX64" fmla="*/ 2653689 w 4158640"/>
                <a:gd name="connsiteY64" fmla="*/ 845343 h 1650237"/>
                <a:gd name="connsiteX65" fmla="*/ 2677503 w 4158640"/>
                <a:gd name="connsiteY65" fmla="*/ 838203 h 1650237"/>
                <a:gd name="connsiteX66" fmla="*/ 2701315 w 4158640"/>
                <a:gd name="connsiteY66" fmla="*/ 831056 h 1650237"/>
                <a:gd name="connsiteX67" fmla="*/ 2729890 w 4158640"/>
                <a:gd name="connsiteY67" fmla="*/ 821532 h 1650237"/>
                <a:gd name="connsiteX68" fmla="*/ 2758465 w 4158640"/>
                <a:gd name="connsiteY68" fmla="*/ 814387 h 1650237"/>
                <a:gd name="connsiteX69" fmla="*/ 2794185 w 4158640"/>
                <a:gd name="connsiteY69" fmla="*/ 809624 h 1650237"/>
                <a:gd name="connsiteX70" fmla="*/ 2834665 w 4158640"/>
                <a:gd name="connsiteY70" fmla="*/ 792956 h 1650237"/>
                <a:gd name="connsiteX71" fmla="*/ 2860859 w 4158640"/>
                <a:gd name="connsiteY71" fmla="*/ 783431 h 1650237"/>
                <a:gd name="connsiteX72" fmla="*/ 2889435 w 4158640"/>
                <a:gd name="connsiteY72" fmla="*/ 766762 h 1650237"/>
                <a:gd name="connsiteX73" fmla="*/ 2918009 w 4158640"/>
                <a:gd name="connsiteY73" fmla="*/ 750093 h 1650237"/>
                <a:gd name="connsiteX74" fmla="*/ 2939440 w 4158640"/>
                <a:gd name="connsiteY74" fmla="*/ 731043 h 1650237"/>
                <a:gd name="connsiteX75" fmla="*/ 2968016 w 4158640"/>
                <a:gd name="connsiteY75" fmla="*/ 721519 h 1650237"/>
                <a:gd name="connsiteX76" fmla="*/ 2989446 w 4158640"/>
                <a:gd name="connsiteY76" fmla="*/ 707231 h 1650237"/>
                <a:gd name="connsiteX77" fmla="*/ 3018021 w 4158640"/>
                <a:gd name="connsiteY77" fmla="*/ 688181 h 1650237"/>
                <a:gd name="connsiteX78" fmla="*/ 3063265 w 4158640"/>
                <a:gd name="connsiteY78" fmla="*/ 673895 h 1650237"/>
                <a:gd name="connsiteX79" fmla="*/ 3103746 w 4158640"/>
                <a:gd name="connsiteY79" fmla="*/ 647704 h 1650237"/>
                <a:gd name="connsiteX80" fmla="*/ 3129940 w 4158640"/>
                <a:gd name="connsiteY80" fmla="*/ 626272 h 1650237"/>
                <a:gd name="connsiteX81" fmla="*/ 3160896 w 4158640"/>
                <a:gd name="connsiteY81" fmla="*/ 604843 h 1650237"/>
                <a:gd name="connsiteX82" fmla="*/ 3187089 w 4158640"/>
                <a:gd name="connsiteY82" fmla="*/ 578647 h 1650237"/>
                <a:gd name="connsiteX83" fmla="*/ 3208522 w 4158640"/>
                <a:gd name="connsiteY83" fmla="*/ 564360 h 1650237"/>
                <a:gd name="connsiteX84" fmla="*/ 3241859 w 4158640"/>
                <a:gd name="connsiteY84" fmla="*/ 540546 h 1650237"/>
                <a:gd name="connsiteX85" fmla="*/ 3268053 w 4158640"/>
                <a:gd name="connsiteY85" fmla="*/ 519115 h 1650237"/>
                <a:gd name="connsiteX86" fmla="*/ 3308534 w 4158640"/>
                <a:gd name="connsiteY86" fmla="*/ 504828 h 1650237"/>
                <a:gd name="connsiteX87" fmla="*/ 3420452 w 4158640"/>
                <a:gd name="connsiteY87" fmla="*/ 471490 h 1650237"/>
                <a:gd name="connsiteX88" fmla="*/ 3527609 w 4158640"/>
                <a:gd name="connsiteY88" fmla="*/ 416721 h 1650237"/>
                <a:gd name="connsiteX89" fmla="*/ 3639528 w 4158640"/>
                <a:gd name="connsiteY89" fmla="*/ 366715 h 1650237"/>
                <a:gd name="connsiteX90" fmla="*/ 3706203 w 4158640"/>
                <a:gd name="connsiteY90" fmla="*/ 330996 h 1650237"/>
                <a:gd name="connsiteX91" fmla="*/ 3794309 w 4158640"/>
                <a:gd name="connsiteY91" fmla="*/ 254796 h 1650237"/>
                <a:gd name="connsiteX92" fmla="*/ 3894321 w 4158640"/>
                <a:gd name="connsiteY92" fmla="*/ 200028 h 1650237"/>
                <a:gd name="connsiteX93" fmla="*/ 4003858 w 4158640"/>
                <a:gd name="connsiteY93" fmla="*/ 147641 h 1650237"/>
                <a:gd name="connsiteX94" fmla="*/ 4077677 w 4158640"/>
                <a:gd name="connsiteY94" fmla="*/ 71440 h 1650237"/>
                <a:gd name="connsiteX95" fmla="*/ 4094346 w 4158640"/>
                <a:gd name="connsiteY95" fmla="*/ 45246 h 1650237"/>
                <a:gd name="connsiteX96" fmla="*/ 4118159 w 4158640"/>
                <a:gd name="connsiteY96" fmla="*/ 28578 h 1650237"/>
                <a:gd name="connsiteX97" fmla="*/ 4137209 w 4158640"/>
                <a:gd name="connsiteY97" fmla="*/ 21434 h 1650237"/>
                <a:gd name="connsiteX98" fmla="*/ 4158640 w 4158640"/>
                <a:gd name="connsiteY98"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384609 w 4158640"/>
                <a:gd name="connsiteY55" fmla="*/ 954881 h 1650237"/>
                <a:gd name="connsiteX56" fmla="*/ 2451284 w 4158640"/>
                <a:gd name="connsiteY56" fmla="*/ 938212 h 1650237"/>
                <a:gd name="connsiteX57" fmla="*/ 2477478 w 4158640"/>
                <a:gd name="connsiteY57" fmla="*/ 926306 h 1650237"/>
                <a:gd name="connsiteX58" fmla="*/ 2506053 w 4158640"/>
                <a:gd name="connsiteY58" fmla="*/ 921543 h 1650237"/>
                <a:gd name="connsiteX59" fmla="*/ 2527484 w 4158640"/>
                <a:gd name="connsiteY59" fmla="*/ 904875 h 1650237"/>
                <a:gd name="connsiteX60" fmla="*/ 2560821 w 4158640"/>
                <a:gd name="connsiteY60" fmla="*/ 888206 h 1650237"/>
                <a:gd name="connsiteX61" fmla="*/ 2594159 w 4158640"/>
                <a:gd name="connsiteY61" fmla="*/ 869156 h 1650237"/>
                <a:gd name="connsiteX62" fmla="*/ 2615590 w 4158640"/>
                <a:gd name="connsiteY62" fmla="*/ 857253 h 1650237"/>
                <a:gd name="connsiteX63" fmla="*/ 2653689 w 4158640"/>
                <a:gd name="connsiteY63" fmla="*/ 845343 h 1650237"/>
                <a:gd name="connsiteX64" fmla="*/ 2677503 w 4158640"/>
                <a:gd name="connsiteY64" fmla="*/ 838203 h 1650237"/>
                <a:gd name="connsiteX65" fmla="*/ 2701315 w 4158640"/>
                <a:gd name="connsiteY65" fmla="*/ 831056 h 1650237"/>
                <a:gd name="connsiteX66" fmla="*/ 2729890 w 4158640"/>
                <a:gd name="connsiteY66" fmla="*/ 821532 h 1650237"/>
                <a:gd name="connsiteX67" fmla="*/ 2758465 w 4158640"/>
                <a:gd name="connsiteY67" fmla="*/ 814387 h 1650237"/>
                <a:gd name="connsiteX68" fmla="*/ 2794185 w 4158640"/>
                <a:gd name="connsiteY68" fmla="*/ 809624 h 1650237"/>
                <a:gd name="connsiteX69" fmla="*/ 2834665 w 4158640"/>
                <a:gd name="connsiteY69" fmla="*/ 792956 h 1650237"/>
                <a:gd name="connsiteX70" fmla="*/ 2860859 w 4158640"/>
                <a:gd name="connsiteY70" fmla="*/ 783431 h 1650237"/>
                <a:gd name="connsiteX71" fmla="*/ 2889435 w 4158640"/>
                <a:gd name="connsiteY71" fmla="*/ 766762 h 1650237"/>
                <a:gd name="connsiteX72" fmla="*/ 2918009 w 4158640"/>
                <a:gd name="connsiteY72" fmla="*/ 750093 h 1650237"/>
                <a:gd name="connsiteX73" fmla="*/ 2939440 w 4158640"/>
                <a:gd name="connsiteY73" fmla="*/ 731043 h 1650237"/>
                <a:gd name="connsiteX74" fmla="*/ 2968016 w 4158640"/>
                <a:gd name="connsiteY74" fmla="*/ 721519 h 1650237"/>
                <a:gd name="connsiteX75" fmla="*/ 2989446 w 4158640"/>
                <a:gd name="connsiteY75" fmla="*/ 707231 h 1650237"/>
                <a:gd name="connsiteX76" fmla="*/ 3018021 w 4158640"/>
                <a:gd name="connsiteY76" fmla="*/ 688181 h 1650237"/>
                <a:gd name="connsiteX77" fmla="*/ 3063265 w 4158640"/>
                <a:gd name="connsiteY77" fmla="*/ 673895 h 1650237"/>
                <a:gd name="connsiteX78" fmla="*/ 3103746 w 4158640"/>
                <a:gd name="connsiteY78" fmla="*/ 647704 h 1650237"/>
                <a:gd name="connsiteX79" fmla="*/ 3129940 w 4158640"/>
                <a:gd name="connsiteY79" fmla="*/ 626272 h 1650237"/>
                <a:gd name="connsiteX80" fmla="*/ 3160896 w 4158640"/>
                <a:gd name="connsiteY80" fmla="*/ 604843 h 1650237"/>
                <a:gd name="connsiteX81" fmla="*/ 3187089 w 4158640"/>
                <a:gd name="connsiteY81" fmla="*/ 578647 h 1650237"/>
                <a:gd name="connsiteX82" fmla="*/ 3208522 w 4158640"/>
                <a:gd name="connsiteY82" fmla="*/ 564360 h 1650237"/>
                <a:gd name="connsiteX83" fmla="*/ 3241859 w 4158640"/>
                <a:gd name="connsiteY83" fmla="*/ 540546 h 1650237"/>
                <a:gd name="connsiteX84" fmla="*/ 3268053 w 4158640"/>
                <a:gd name="connsiteY84" fmla="*/ 519115 h 1650237"/>
                <a:gd name="connsiteX85" fmla="*/ 3308534 w 4158640"/>
                <a:gd name="connsiteY85" fmla="*/ 504828 h 1650237"/>
                <a:gd name="connsiteX86" fmla="*/ 3420452 w 4158640"/>
                <a:gd name="connsiteY86" fmla="*/ 471490 h 1650237"/>
                <a:gd name="connsiteX87" fmla="*/ 3527609 w 4158640"/>
                <a:gd name="connsiteY87" fmla="*/ 416721 h 1650237"/>
                <a:gd name="connsiteX88" fmla="*/ 3639528 w 4158640"/>
                <a:gd name="connsiteY88" fmla="*/ 366715 h 1650237"/>
                <a:gd name="connsiteX89" fmla="*/ 3706203 w 4158640"/>
                <a:gd name="connsiteY89" fmla="*/ 330996 h 1650237"/>
                <a:gd name="connsiteX90" fmla="*/ 3794309 w 4158640"/>
                <a:gd name="connsiteY90" fmla="*/ 254796 h 1650237"/>
                <a:gd name="connsiteX91" fmla="*/ 3894321 w 4158640"/>
                <a:gd name="connsiteY91" fmla="*/ 200028 h 1650237"/>
                <a:gd name="connsiteX92" fmla="*/ 4003858 w 4158640"/>
                <a:gd name="connsiteY92" fmla="*/ 147641 h 1650237"/>
                <a:gd name="connsiteX93" fmla="*/ 4077677 w 4158640"/>
                <a:gd name="connsiteY93" fmla="*/ 71440 h 1650237"/>
                <a:gd name="connsiteX94" fmla="*/ 4094346 w 4158640"/>
                <a:gd name="connsiteY94" fmla="*/ 45246 h 1650237"/>
                <a:gd name="connsiteX95" fmla="*/ 4118159 w 4158640"/>
                <a:gd name="connsiteY95" fmla="*/ 28578 h 1650237"/>
                <a:gd name="connsiteX96" fmla="*/ 4137209 w 4158640"/>
                <a:gd name="connsiteY96" fmla="*/ 21434 h 1650237"/>
                <a:gd name="connsiteX97" fmla="*/ 4158640 w 4158640"/>
                <a:gd name="connsiteY9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51284 w 4158640"/>
                <a:gd name="connsiteY55" fmla="*/ 938212 h 1650237"/>
                <a:gd name="connsiteX56" fmla="*/ 2477478 w 4158640"/>
                <a:gd name="connsiteY56" fmla="*/ 926306 h 1650237"/>
                <a:gd name="connsiteX57" fmla="*/ 2506053 w 4158640"/>
                <a:gd name="connsiteY57" fmla="*/ 921543 h 1650237"/>
                <a:gd name="connsiteX58" fmla="*/ 2527484 w 4158640"/>
                <a:gd name="connsiteY58" fmla="*/ 904875 h 1650237"/>
                <a:gd name="connsiteX59" fmla="*/ 2560821 w 4158640"/>
                <a:gd name="connsiteY59" fmla="*/ 888206 h 1650237"/>
                <a:gd name="connsiteX60" fmla="*/ 2594159 w 4158640"/>
                <a:gd name="connsiteY60" fmla="*/ 869156 h 1650237"/>
                <a:gd name="connsiteX61" fmla="*/ 2615590 w 4158640"/>
                <a:gd name="connsiteY61" fmla="*/ 857253 h 1650237"/>
                <a:gd name="connsiteX62" fmla="*/ 2653689 w 4158640"/>
                <a:gd name="connsiteY62" fmla="*/ 845343 h 1650237"/>
                <a:gd name="connsiteX63" fmla="*/ 2677503 w 4158640"/>
                <a:gd name="connsiteY63" fmla="*/ 83820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9624 h 1650237"/>
                <a:gd name="connsiteX68" fmla="*/ 2834665 w 4158640"/>
                <a:gd name="connsiteY68" fmla="*/ 792956 h 1650237"/>
                <a:gd name="connsiteX69" fmla="*/ 2860859 w 4158640"/>
                <a:gd name="connsiteY69" fmla="*/ 783431 h 1650237"/>
                <a:gd name="connsiteX70" fmla="*/ 2889435 w 4158640"/>
                <a:gd name="connsiteY70" fmla="*/ 766762 h 1650237"/>
                <a:gd name="connsiteX71" fmla="*/ 2918009 w 4158640"/>
                <a:gd name="connsiteY71" fmla="*/ 750093 h 1650237"/>
                <a:gd name="connsiteX72" fmla="*/ 2939440 w 4158640"/>
                <a:gd name="connsiteY72" fmla="*/ 731043 h 1650237"/>
                <a:gd name="connsiteX73" fmla="*/ 2968016 w 4158640"/>
                <a:gd name="connsiteY73" fmla="*/ 721519 h 1650237"/>
                <a:gd name="connsiteX74" fmla="*/ 2989446 w 4158640"/>
                <a:gd name="connsiteY74" fmla="*/ 707231 h 1650237"/>
                <a:gd name="connsiteX75" fmla="*/ 3018021 w 4158640"/>
                <a:gd name="connsiteY75" fmla="*/ 688181 h 1650237"/>
                <a:gd name="connsiteX76" fmla="*/ 3063265 w 4158640"/>
                <a:gd name="connsiteY76" fmla="*/ 673895 h 1650237"/>
                <a:gd name="connsiteX77" fmla="*/ 3103746 w 4158640"/>
                <a:gd name="connsiteY77" fmla="*/ 647704 h 1650237"/>
                <a:gd name="connsiteX78" fmla="*/ 3129940 w 4158640"/>
                <a:gd name="connsiteY78" fmla="*/ 626272 h 1650237"/>
                <a:gd name="connsiteX79" fmla="*/ 3160896 w 4158640"/>
                <a:gd name="connsiteY79" fmla="*/ 604843 h 1650237"/>
                <a:gd name="connsiteX80" fmla="*/ 3187089 w 4158640"/>
                <a:gd name="connsiteY80" fmla="*/ 578647 h 1650237"/>
                <a:gd name="connsiteX81" fmla="*/ 3208522 w 4158640"/>
                <a:gd name="connsiteY81" fmla="*/ 564360 h 1650237"/>
                <a:gd name="connsiteX82" fmla="*/ 3241859 w 4158640"/>
                <a:gd name="connsiteY82" fmla="*/ 540546 h 1650237"/>
                <a:gd name="connsiteX83" fmla="*/ 3268053 w 4158640"/>
                <a:gd name="connsiteY83" fmla="*/ 519115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51284 w 4158640"/>
                <a:gd name="connsiteY55" fmla="*/ 938212 h 1650237"/>
                <a:gd name="connsiteX56" fmla="*/ 2506053 w 4158640"/>
                <a:gd name="connsiteY56" fmla="*/ 921543 h 1650237"/>
                <a:gd name="connsiteX57" fmla="*/ 2527484 w 4158640"/>
                <a:gd name="connsiteY57" fmla="*/ 904875 h 1650237"/>
                <a:gd name="connsiteX58" fmla="*/ 2560821 w 4158640"/>
                <a:gd name="connsiteY58" fmla="*/ 888206 h 1650237"/>
                <a:gd name="connsiteX59" fmla="*/ 2594159 w 4158640"/>
                <a:gd name="connsiteY59" fmla="*/ 869156 h 1650237"/>
                <a:gd name="connsiteX60" fmla="*/ 2615590 w 4158640"/>
                <a:gd name="connsiteY60" fmla="*/ 857253 h 1650237"/>
                <a:gd name="connsiteX61" fmla="*/ 2653689 w 4158640"/>
                <a:gd name="connsiteY61" fmla="*/ 845343 h 1650237"/>
                <a:gd name="connsiteX62" fmla="*/ 2677503 w 4158640"/>
                <a:gd name="connsiteY62" fmla="*/ 838203 h 1650237"/>
                <a:gd name="connsiteX63" fmla="*/ 2701315 w 4158640"/>
                <a:gd name="connsiteY63" fmla="*/ 831056 h 1650237"/>
                <a:gd name="connsiteX64" fmla="*/ 2729890 w 4158640"/>
                <a:gd name="connsiteY64" fmla="*/ 821532 h 1650237"/>
                <a:gd name="connsiteX65" fmla="*/ 2758465 w 4158640"/>
                <a:gd name="connsiteY65" fmla="*/ 814387 h 1650237"/>
                <a:gd name="connsiteX66" fmla="*/ 2794185 w 4158640"/>
                <a:gd name="connsiteY66" fmla="*/ 809624 h 1650237"/>
                <a:gd name="connsiteX67" fmla="*/ 2834665 w 4158640"/>
                <a:gd name="connsiteY67" fmla="*/ 792956 h 1650237"/>
                <a:gd name="connsiteX68" fmla="*/ 2860859 w 4158640"/>
                <a:gd name="connsiteY68" fmla="*/ 783431 h 1650237"/>
                <a:gd name="connsiteX69" fmla="*/ 2889435 w 4158640"/>
                <a:gd name="connsiteY69" fmla="*/ 766762 h 1650237"/>
                <a:gd name="connsiteX70" fmla="*/ 2918009 w 4158640"/>
                <a:gd name="connsiteY70" fmla="*/ 750093 h 1650237"/>
                <a:gd name="connsiteX71" fmla="*/ 2939440 w 4158640"/>
                <a:gd name="connsiteY71" fmla="*/ 731043 h 1650237"/>
                <a:gd name="connsiteX72" fmla="*/ 2968016 w 4158640"/>
                <a:gd name="connsiteY72" fmla="*/ 721519 h 1650237"/>
                <a:gd name="connsiteX73" fmla="*/ 2989446 w 4158640"/>
                <a:gd name="connsiteY73" fmla="*/ 707231 h 1650237"/>
                <a:gd name="connsiteX74" fmla="*/ 3018021 w 4158640"/>
                <a:gd name="connsiteY74" fmla="*/ 688181 h 1650237"/>
                <a:gd name="connsiteX75" fmla="*/ 3063265 w 4158640"/>
                <a:gd name="connsiteY75" fmla="*/ 673895 h 1650237"/>
                <a:gd name="connsiteX76" fmla="*/ 3103746 w 4158640"/>
                <a:gd name="connsiteY76" fmla="*/ 647704 h 1650237"/>
                <a:gd name="connsiteX77" fmla="*/ 3129940 w 4158640"/>
                <a:gd name="connsiteY77" fmla="*/ 626272 h 1650237"/>
                <a:gd name="connsiteX78" fmla="*/ 3160896 w 4158640"/>
                <a:gd name="connsiteY78" fmla="*/ 604843 h 1650237"/>
                <a:gd name="connsiteX79" fmla="*/ 3187089 w 4158640"/>
                <a:gd name="connsiteY79" fmla="*/ 578647 h 1650237"/>
                <a:gd name="connsiteX80" fmla="*/ 3208522 w 4158640"/>
                <a:gd name="connsiteY80" fmla="*/ 564360 h 1650237"/>
                <a:gd name="connsiteX81" fmla="*/ 3241859 w 4158640"/>
                <a:gd name="connsiteY81" fmla="*/ 540546 h 1650237"/>
                <a:gd name="connsiteX82" fmla="*/ 3268053 w 4158640"/>
                <a:gd name="connsiteY82" fmla="*/ 519115 h 1650237"/>
                <a:gd name="connsiteX83" fmla="*/ 3308534 w 4158640"/>
                <a:gd name="connsiteY83" fmla="*/ 504828 h 1650237"/>
                <a:gd name="connsiteX84" fmla="*/ 3420452 w 4158640"/>
                <a:gd name="connsiteY84" fmla="*/ 471490 h 1650237"/>
                <a:gd name="connsiteX85" fmla="*/ 3527609 w 4158640"/>
                <a:gd name="connsiteY85" fmla="*/ 416721 h 1650237"/>
                <a:gd name="connsiteX86" fmla="*/ 3639528 w 4158640"/>
                <a:gd name="connsiteY86" fmla="*/ 366715 h 1650237"/>
                <a:gd name="connsiteX87" fmla="*/ 3706203 w 4158640"/>
                <a:gd name="connsiteY87" fmla="*/ 330996 h 1650237"/>
                <a:gd name="connsiteX88" fmla="*/ 3794309 w 4158640"/>
                <a:gd name="connsiteY88" fmla="*/ 254796 h 1650237"/>
                <a:gd name="connsiteX89" fmla="*/ 3894321 w 4158640"/>
                <a:gd name="connsiteY89" fmla="*/ 200028 h 1650237"/>
                <a:gd name="connsiteX90" fmla="*/ 4003858 w 4158640"/>
                <a:gd name="connsiteY90" fmla="*/ 147641 h 1650237"/>
                <a:gd name="connsiteX91" fmla="*/ 4077677 w 4158640"/>
                <a:gd name="connsiteY91" fmla="*/ 71440 h 1650237"/>
                <a:gd name="connsiteX92" fmla="*/ 4094346 w 4158640"/>
                <a:gd name="connsiteY92" fmla="*/ 45246 h 1650237"/>
                <a:gd name="connsiteX93" fmla="*/ 4118159 w 4158640"/>
                <a:gd name="connsiteY93" fmla="*/ 28578 h 1650237"/>
                <a:gd name="connsiteX94" fmla="*/ 4137209 w 4158640"/>
                <a:gd name="connsiteY94" fmla="*/ 21434 h 1650237"/>
                <a:gd name="connsiteX95" fmla="*/ 4158640 w 4158640"/>
                <a:gd name="connsiteY9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17946 w 4158640"/>
                <a:gd name="connsiteY55" fmla="*/ 947740 h 1650237"/>
                <a:gd name="connsiteX56" fmla="*/ 2451284 w 4158640"/>
                <a:gd name="connsiteY56" fmla="*/ 938212 h 1650237"/>
                <a:gd name="connsiteX57" fmla="*/ 2506053 w 4158640"/>
                <a:gd name="connsiteY57" fmla="*/ 921543 h 1650237"/>
                <a:gd name="connsiteX58" fmla="*/ 2527484 w 4158640"/>
                <a:gd name="connsiteY58" fmla="*/ 904875 h 1650237"/>
                <a:gd name="connsiteX59" fmla="*/ 2560821 w 4158640"/>
                <a:gd name="connsiteY59" fmla="*/ 888206 h 1650237"/>
                <a:gd name="connsiteX60" fmla="*/ 2594159 w 4158640"/>
                <a:gd name="connsiteY60" fmla="*/ 869156 h 1650237"/>
                <a:gd name="connsiteX61" fmla="*/ 2615590 w 4158640"/>
                <a:gd name="connsiteY61" fmla="*/ 857253 h 1650237"/>
                <a:gd name="connsiteX62" fmla="*/ 2653689 w 4158640"/>
                <a:gd name="connsiteY62" fmla="*/ 845343 h 1650237"/>
                <a:gd name="connsiteX63" fmla="*/ 2677503 w 4158640"/>
                <a:gd name="connsiteY63" fmla="*/ 83820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9624 h 1650237"/>
                <a:gd name="connsiteX68" fmla="*/ 2834665 w 4158640"/>
                <a:gd name="connsiteY68" fmla="*/ 792956 h 1650237"/>
                <a:gd name="connsiteX69" fmla="*/ 2860859 w 4158640"/>
                <a:gd name="connsiteY69" fmla="*/ 783431 h 1650237"/>
                <a:gd name="connsiteX70" fmla="*/ 2889435 w 4158640"/>
                <a:gd name="connsiteY70" fmla="*/ 766762 h 1650237"/>
                <a:gd name="connsiteX71" fmla="*/ 2918009 w 4158640"/>
                <a:gd name="connsiteY71" fmla="*/ 750093 h 1650237"/>
                <a:gd name="connsiteX72" fmla="*/ 2939440 w 4158640"/>
                <a:gd name="connsiteY72" fmla="*/ 731043 h 1650237"/>
                <a:gd name="connsiteX73" fmla="*/ 2968016 w 4158640"/>
                <a:gd name="connsiteY73" fmla="*/ 721519 h 1650237"/>
                <a:gd name="connsiteX74" fmla="*/ 2989446 w 4158640"/>
                <a:gd name="connsiteY74" fmla="*/ 707231 h 1650237"/>
                <a:gd name="connsiteX75" fmla="*/ 3018021 w 4158640"/>
                <a:gd name="connsiteY75" fmla="*/ 688181 h 1650237"/>
                <a:gd name="connsiteX76" fmla="*/ 3063265 w 4158640"/>
                <a:gd name="connsiteY76" fmla="*/ 673895 h 1650237"/>
                <a:gd name="connsiteX77" fmla="*/ 3103746 w 4158640"/>
                <a:gd name="connsiteY77" fmla="*/ 647704 h 1650237"/>
                <a:gd name="connsiteX78" fmla="*/ 3129940 w 4158640"/>
                <a:gd name="connsiteY78" fmla="*/ 626272 h 1650237"/>
                <a:gd name="connsiteX79" fmla="*/ 3160896 w 4158640"/>
                <a:gd name="connsiteY79" fmla="*/ 604843 h 1650237"/>
                <a:gd name="connsiteX80" fmla="*/ 3187089 w 4158640"/>
                <a:gd name="connsiteY80" fmla="*/ 578647 h 1650237"/>
                <a:gd name="connsiteX81" fmla="*/ 3208522 w 4158640"/>
                <a:gd name="connsiteY81" fmla="*/ 564360 h 1650237"/>
                <a:gd name="connsiteX82" fmla="*/ 3241859 w 4158640"/>
                <a:gd name="connsiteY82" fmla="*/ 540546 h 1650237"/>
                <a:gd name="connsiteX83" fmla="*/ 3268053 w 4158640"/>
                <a:gd name="connsiteY83" fmla="*/ 519115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03659 w 4158640"/>
                <a:gd name="connsiteY55" fmla="*/ 959646 h 1650237"/>
                <a:gd name="connsiteX56" fmla="*/ 2451284 w 4158640"/>
                <a:gd name="connsiteY56" fmla="*/ 938212 h 1650237"/>
                <a:gd name="connsiteX57" fmla="*/ 2506053 w 4158640"/>
                <a:gd name="connsiteY57" fmla="*/ 921543 h 1650237"/>
                <a:gd name="connsiteX58" fmla="*/ 2527484 w 4158640"/>
                <a:gd name="connsiteY58" fmla="*/ 904875 h 1650237"/>
                <a:gd name="connsiteX59" fmla="*/ 2560821 w 4158640"/>
                <a:gd name="connsiteY59" fmla="*/ 888206 h 1650237"/>
                <a:gd name="connsiteX60" fmla="*/ 2594159 w 4158640"/>
                <a:gd name="connsiteY60" fmla="*/ 869156 h 1650237"/>
                <a:gd name="connsiteX61" fmla="*/ 2615590 w 4158640"/>
                <a:gd name="connsiteY61" fmla="*/ 857253 h 1650237"/>
                <a:gd name="connsiteX62" fmla="*/ 2653689 w 4158640"/>
                <a:gd name="connsiteY62" fmla="*/ 845343 h 1650237"/>
                <a:gd name="connsiteX63" fmla="*/ 2677503 w 4158640"/>
                <a:gd name="connsiteY63" fmla="*/ 83820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9624 h 1650237"/>
                <a:gd name="connsiteX68" fmla="*/ 2834665 w 4158640"/>
                <a:gd name="connsiteY68" fmla="*/ 792956 h 1650237"/>
                <a:gd name="connsiteX69" fmla="*/ 2860859 w 4158640"/>
                <a:gd name="connsiteY69" fmla="*/ 783431 h 1650237"/>
                <a:gd name="connsiteX70" fmla="*/ 2889435 w 4158640"/>
                <a:gd name="connsiteY70" fmla="*/ 766762 h 1650237"/>
                <a:gd name="connsiteX71" fmla="*/ 2918009 w 4158640"/>
                <a:gd name="connsiteY71" fmla="*/ 750093 h 1650237"/>
                <a:gd name="connsiteX72" fmla="*/ 2939440 w 4158640"/>
                <a:gd name="connsiteY72" fmla="*/ 731043 h 1650237"/>
                <a:gd name="connsiteX73" fmla="*/ 2968016 w 4158640"/>
                <a:gd name="connsiteY73" fmla="*/ 721519 h 1650237"/>
                <a:gd name="connsiteX74" fmla="*/ 2989446 w 4158640"/>
                <a:gd name="connsiteY74" fmla="*/ 707231 h 1650237"/>
                <a:gd name="connsiteX75" fmla="*/ 3018021 w 4158640"/>
                <a:gd name="connsiteY75" fmla="*/ 688181 h 1650237"/>
                <a:gd name="connsiteX76" fmla="*/ 3063265 w 4158640"/>
                <a:gd name="connsiteY76" fmla="*/ 673895 h 1650237"/>
                <a:gd name="connsiteX77" fmla="*/ 3103746 w 4158640"/>
                <a:gd name="connsiteY77" fmla="*/ 647704 h 1650237"/>
                <a:gd name="connsiteX78" fmla="*/ 3129940 w 4158640"/>
                <a:gd name="connsiteY78" fmla="*/ 626272 h 1650237"/>
                <a:gd name="connsiteX79" fmla="*/ 3160896 w 4158640"/>
                <a:gd name="connsiteY79" fmla="*/ 604843 h 1650237"/>
                <a:gd name="connsiteX80" fmla="*/ 3187089 w 4158640"/>
                <a:gd name="connsiteY80" fmla="*/ 578647 h 1650237"/>
                <a:gd name="connsiteX81" fmla="*/ 3208522 w 4158640"/>
                <a:gd name="connsiteY81" fmla="*/ 564360 h 1650237"/>
                <a:gd name="connsiteX82" fmla="*/ 3241859 w 4158640"/>
                <a:gd name="connsiteY82" fmla="*/ 540546 h 1650237"/>
                <a:gd name="connsiteX83" fmla="*/ 3268053 w 4158640"/>
                <a:gd name="connsiteY83" fmla="*/ 519115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03659 w 4158640"/>
                <a:gd name="connsiteY55" fmla="*/ 959646 h 1650237"/>
                <a:gd name="connsiteX56" fmla="*/ 2456047 w 4158640"/>
                <a:gd name="connsiteY56" fmla="*/ 942975 h 1650237"/>
                <a:gd name="connsiteX57" fmla="*/ 2506053 w 4158640"/>
                <a:gd name="connsiteY57" fmla="*/ 921543 h 1650237"/>
                <a:gd name="connsiteX58" fmla="*/ 2527484 w 4158640"/>
                <a:gd name="connsiteY58" fmla="*/ 904875 h 1650237"/>
                <a:gd name="connsiteX59" fmla="*/ 2560821 w 4158640"/>
                <a:gd name="connsiteY59" fmla="*/ 888206 h 1650237"/>
                <a:gd name="connsiteX60" fmla="*/ 2594159 w 4158640"/>
                <a:gd name="connsiteY60" fmla="*/ 869156 h 1650237"/>
                <a:gd name="connsiteX61" fmla="*/ 2615590 w 4158640"/>
                <a:gd name="connsiteY61" fmla="*/ 857253 h 1650237"/>
                <a:gd name="connsiteX62" fmla="*/ 2653689 w 4158640"/>
                <a:gd name="connsiteY62" fmla="*/ 845343 h 1650237"/>
                <a:gd name="connsiteX63" fmla="*/ 2677503 w 4158640"/>
                <a:gd name="connsiteY63" fmla="*/ 838203 h 1650237"/>
                <a:gd name="connsiteX64" fmla="*/ 2701315 w 4158640"/>
                <a:gd name="connsiteY64" fmla="*/ 831056 h 1650237"/>
                <a:gd name="connsiteX65" fmla="*/ 2729890 w 4158640"/>
                <a:gd name="connsiteY65" fmla="*/ 821532 h 1650237"/>
                <a:gd name="connsiteX66" fmla="*/ 2758465 w 4158640"/>
                <a:gd name="connsiteY66" fmla="*/ 814387 h 1650237"/>
                <a:gd name="connsiteX67" fmla="*/ 2794185 w 4158640"/>
                <a:gd name="connsiteY67" fmla="*/ 809624 h 1650237"/>
                <a:gd name="connsiteX68" fmla="*/ 2834665 w 4158640"/>
                <a:gd name="connsiteY68" fmla="*/ 792956 h 1650237"/>
                <a:gd name="connsiteX69" fmla="*/ 2860859 w 4158640"/>
                <a:gd name="connsiteY69" fmla="*/ 783431 h 1650237"/>
                <a:gd name="connsiteX70" fmla="*/ 2889435 w 4158640"/>
                <a:gd name="connsiteY70" fmla="*/ 766762 h 1650237"/>
                <a:gd name="connsiteX71" fmla="*/ 2918009 w 4158640"/>
                <a:gd name="connsiteY71" fmla="*/ 750093 h 1650237"/>
                <a:gd name="connsiteX72" fmla="*/ 2939440 w 4158640"/>
                <a:gd name="connsiteY72" fmla="*/ 731043 h 1650237"/>
                <a:gd name="connsiteX73" fmla="*/ 2968016 w 4158640"/>
                <a:gd name="connsiteY73" fmla="*/ 721519 h 1650237"/>
                <a:gd name="connsiteX74" fmla="*/ 2989446 w 4158640"/>
                <a:gd name="connsiteY74" fmla="*/ 707231 h 1650237"/>
                <a:gd name="connsiteX75" fmla="*/ 3018021 w 4158640"/>
                <a:gd name="connsiteY75" fmla="*/ 688181 h 1650237"/>
                <a:gd name="connsiteX76" fmla="*/ 3063265 w 4158640"/>
                <a:gd name="connsiteY76" fmla="*/ 673895 h 1650237"/>
                <a:gd name="connsiteX77" fmla="*/ 3103746 w 4158640"/>
                <a:gd name="connsiteY77" fmla="*/ 647704 h 1650237"/>
                <a:gd name="connsiteX78" fmla="*/ 3129940 w 4158640"/>
                <a:gd name="connsiteY78" fmla="*/ 626272 h 1650237"/>
                <a:gd name="connsiteX79" fmla="*/ 3160896 w 4158640"/>
                <a:gd name="connsiteY79" fmla="*/ 604843 h 1650237"/>
                <a:gd name="connsiteX80" fmla="*/ 3187089 w 4158640"/>
                <a:gd name="connsiteY80" fmla="*/ 578647 h 1650237"/>
                <a:gd name="connsiteX81" fmla="*/ 3208522 w 4158640"/>
                <a:gd name="connsiteY81" fmla="*/ 564360 h 1650237"/>
                <a:gd name="connsiteX82" fmla="*/ 3241859 w 4158640"/>
                <a:gd name="connsiteY82" fmla="*/ 540546 h 1650237"/>
                <a:gd name="connsiteX83" fmla="*/ 3268053 w 4158640"/>
                <a:gd name="connsiteY83" fmla="*/ 519115 h 1650237"/>
                <a:gd name="connsiteX84" fmla="*/ 3308534 w 4158640"/>
                <a:gd name="connsiteY84" fmla="*/ 504828 h 1650237"/>
                <a:gd name="connsiteX85" fmla="*/ 3420452 w 4158640"/>
                <a:gd name="connsiteY85" fmla="*/ 471490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03659 w 4158640"/>
                <a:gd name="connsiteY55" fmla="*/ 959646 h 1650237"/>
                <a:gd name="connsiteX56" fmla="*/ 2456047 w 4158640"/>
                <a:gd name="connsiteY56" fmla="*/ 942975 h 1650237"/>
                <a:gd name="connsiteX57" fmla="*/ 2506053 w 4158640"/>
                <a:gd name="connsiteY57" fmla="*/ 921543 h 1650237"/>
                <a:gd name="connsiteX58" fmla="*/ 2527484 w 4158640"/>
                <a:gd name="connsiteY58" fmla="*/ 904875 h 1650237"/>
                <a:gd name="connsiteX59" fmla="*/ 2560821 w 4158640"/>
                <a:gd name="connsiteY59" fmla="*/ 888206 h 1650237"/>
                <a:gd name="connsiteX60" fmla="*/ 2594159 w 4158640"/>
                <a:gd name="connsiteY60" fmla="*/ 869156 h 1650237"/>
                <a:gd name="connsiteX61" fmla="*/ 2653689 w 4158640"/>
                <a:gd name="connsiteY61" fmla="*/ 845343 h 1650237"/>
                <a:gd name="connsiteX62" fmla="*/ 2677503 w 4158640"/>
                <a:gd name="connsiteY62" fmla="*/ 838203 h 1650237"/>
                <a:gd name="connsiteX63" fmla="*/ 2701315 w 4158640"/>
                <a:gd name="connsiteY63" fmla="*/ 831056 h 1650237"/>
                <a:gd name="connsiteX64" fmla="*/ 2729890 w 4158640"/>
                <a:gd name="connsiteY64" fmla="*/ 821532 h 1650237"/>
                <a:gd name="connsiteX65" fmla="*/ 2758465 w 4158640"/>
                <a:gd name="connsiteY65" fmla="*/ 814387 h 1650237"/>
                <a:gd name="connsiteX66" fmla="*/ 2794185 w 4158640"/>
                <a:gd name="connsiteY66" fmla="*/ 809624 h 1650237"/>
                <a:gd name="connsiteX67" fmla="*/ 2834665 w 4158640"/>
                <a:gd name="connsiteY67" fmla="*/ 792956 h 1650237"/>
                <a:gd name="connsiteX68" fmla="*/ 2860859 w 4158640"/>
                <a:gd name="connsiteY68" fmla="*/ 783431 h 1650237"/>
                <a:gd name="connsiteX69" fmla="*/ 2889435 w 4158640"/>
                <a:gd name="connsiteY69" fmla="*/ 766762 h 1650237"/>
                <a:gd name="connsiteX70" fmla="*/ 2918009 w 4158640"/>
                <a:gd name="connsiteY70" fmla="*/ 750093 h 1650237"/>
                <a:gd name="connsiteX71" fmla="*/ 2939440 w 4158640"/>
                <a:gd name="connsiteY71" fmla="*/ 731043 h 1650237"/>
                <a:gd name="connsiteX72" fmla="*/ 2968016 w 4158640"/>
                <a:gd name="connsiteY72" fmla="*/ 721519 h 1650237"/>
                <a:gd name="connsiteX73" fmla="*/ 2989446 w 4158640"/>
                <a:gd name="connsiteY73" fmla="*/ 707231 h 1650237"/>
                <a:gd name="connsiteX74" fmla="*/ 3018021 w 4158640"/>
                <a:gd name="connsiteY74" fmla="*/ 688181 h 1650237"/>
                <a:gd name="connsiteX75" fmla="*/ 3063265 w 4158640"/>
                <a:gd name="connsiteY75" fmla="*/ 673895 h 1650237"/>
                <a:gd name="connsiteX76" fmla="*/ 3103746 w 4158640"/>
                <a:gd name="connsiteY76" fmla="*/ 647704 h 1650237"/>
                <a:gd name="connsiteX77" fmla="*/ 3129940 w 4158640"/>
                <a:gd name="connsiteY77" fmla="*/ 626272 h 1650237"/>
                <a:gd name="connsiteX78" fmla="*/ 3160896 w 4158640"/>
                <a:gd name="connsiteY78" fmla="*/ 604843 h 1650237"/>
                <a:gd name="connsiteX79" fmla="*/ 3187089 w 4158640"/>
                <a:gd name="connsiteY79" fmla="*/ 578647 h 1650237"/>
                <a:gd name="connsiteX80" fmla="*/ 3208522 w 4158640"/>
                <a:gd name="connsiteY80" fmla="*/ 564360 h 1650237"/>
                <a:gd name="connsiteX81" fmla="*/ 3241859 w 4158640"/>
                <a:gd name="connsiteY81" fmla="*/ 540546 h 1650237"/>
                <a:gd name="connsiteX82" fmla="*/ 3268053 w 4158640"/>
                <a:gd name="connsiteY82" fmla="*/ 519115 h 1650237"/>
                <a:gd name="connsiteX83" fmla="*/ 3308534 w 4158640"/>
                <a:gd name="connsiteY83" fmla="*/ 504828 h 1650237"/>
                <a:gd name="connsiteX84" fmla="*/ 3420452 w 4158640"/>
                <a:gd name="connsiteY84" fmla="*/ 471490 h 1650237"/>
                <a:gd name="connsiteX85" fmla="*/ 3527609 w 4158640"/>
                <a:gd name="connsiteY85" fmla="*/ 416721 h 1650237"/>
                <a:gd name="connsiteX86" fmla="*/ 3639528 w 4158640"/>
                <a:gd name="connsiteY86" fmla="*/ 366715 h 1650237"/>
                <a:gd name="connsiteX87" fmla="*/ 3706203 w 4158640"/>
                <a:gd name="connsiteY87" fmla="*/ 330996 h 1650237"/>
                <a:gd name="connsiteX88" fmla="*/ 3794309 w 4158640"/>
                <a:gd name="connsiteY88" fmla="*/ 254796 h 1650237"/>
                <a:gd name="connsiteX89" fmla="*/ 3894321 w 4158640"/>
                <a:gd name="connsiteY89" fmla="*/ 200028 h 1650237"/>
                <a:gd name="connsiteX90" fmla="*/ 4003858 w 4158640"/>
                <a:gd name="connsiteY90" fmla="*/ 147641 h 1650237"/>
                <a:gd name="connsiteX91" fmla="*/ 4077677 w 4158640"/>
                <a:gd name="connsiteY91" fmla="*/ 71440 h 1650237"/>
                <a:gd name="connsiteX92" fmla="*/ 4094346 w 4158640"/>
                <a:gd name="connsiteY92" fmla="*/ 45246 h 1650237"/>
                <a:gd name="connsiteX93" fmla="*/ 4118159 w 4158640"/>
                <a:gd name="connsiteY93" fmla="*/ 28578 h 1650237"/>
                <a:gd name="connsiteX94" fmla="*/ 4137209 w 4158640"/>
                <a:gd name="connsiteY94" fmla="*/ 21434 h 1650237"/>
                <a:gd name="connsiteX95" fmla="*/ 4158640 w 4158640"/>
                <a:gd name="connsiteY9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03659 w 4158640"/>
                <a:gd name="connsiteY55" fmla="*/ 959646 h 1650237"/>
                <a:gd name="connsiteX56" fmla="*/ 2456047 w 4158640"/>
                <a:gd name="connsiteY56" fmla="*/ 942975 h 1650237"/>
                <a:gd name="connsiteX57" fmla="*/ 2506053 w 4158640"/>
                <a:gd name="connsiteY57" fmla="*/ 921543 h 1650237"/>
                <a:gd name="connsiteX58" fmla="*/ 2560821 w 4158640"/>
                <a:gd name="connsiteY58" fmla="*/ 888206 h 1650237"/>
                <a:gd name="connsiteX59" fmla="*/ 2594159 w 4158640"/>
                <a:gd name="connsiteY59" fmla="*/ 869156 h 1650237"/>
                <a:gd name="connsiteX60" fmla="*/ 2653689 w 4158640"/>
                <a:gd name="connsiteY60" fmla="*/ 845343 h 1650237"/>
                <a:gd name="connsiteX61" fmla="*/ 2677503 w 4158640"/>
                <a:gd name="connsiteY61" fmla="*/ 838203 h 1650237"/>
                <a:gd name="connsiteX62" fmla="*/ 2701315 w 4158640"/>
                <a:gd name="connsiteY62" fmla="*/ 831056 h 1650237"/>
                <a:gd name="connsiteX63" fmla="*/ 2729890 w 4158640"/>
                <a:gd name="connsiteY63" fmla="*/ 821532 h 1650237"/>
                <a:gd name="connsiteX64" fmla="*/ 2758465 w 4158640"/>
                <a:gd name="connsiteY64" fmla="*/ 814387 h 1650237"/>
                <a:gd name="connsiteX65" fmla="*/ 2794185 w 4158640"/>
                <a:gd name="connsiteY65" fmla="*/ 809624 h 1650237"/>
                <a:gd name="connsiteX66" fmla="*/ 2834665 w 4158640"/>
                <a:gd name="connsiteY66" fmla="*/ 792956 h 1650237"/>
                <a:gd name="connsiteX67" fmla="*/ 2860859 w 4158640"/>
                <a:gd name="connsiteY67" fmla="*/ 783431 h 1650237"/>
                <a:gd name="connsiteX68" fmla="*/ 2889435 w 4158640"/>
                <a:gd name="connsiteY68" fmla="*/ 766762 h 1650237"/>
                <a:gd name="connsiteX69" fmla="*/ 2918009 w 4158640"/>
                <a:gd name="connsiteY69" fmla="*/ 750093 h 1650237"/>
                <a:gd name="connsiteX70" fmla="*/ 2939440 w 4158640"/>
                <a:gd name="connsiteY70" fmla="*/ 731043 h 1650237"/>
                <a:gd name="connsiteX71" fmla="*/ 2968016 w 4158640"/>
                <a:gd name="connsiteY71" fmla="*/ 721519 h 1650237"/>
                <a:gd name="connsiteX72" fmla="*/ 2989446 w 4158640"/>
                <a:gd name="connsiteY72" fmla="*/ 707231 h 1650237"/>
                <a:gd name="connsiteX73" fmla="*/ 3018021 w 4158640"/>
                <a:gd name="connsiteY73" fmla="*/ 688181 h 1650237"/>
                <a:gd name="connsiteX74" fmla="*/ 3063265 w 4158640"/>
                <a:gd name="connsiteY74" fmla="*/ 673895 h 1650237"/>
                <a:gd name="connsiteX75" fmla="*/ 3103746 w 4158640"/>
                <a:gd name="connsiteY75" fmla="*/ 647704 h 1650237"/>
                <a:gd name="connsiteX76" fmla="*/ 3129940 w 4158640"/>
                <a:gd name="connsiteY76" fmla="*/ 626272 h 1650237"/>
                <a:gd name="connsiteX77" fmla="*/ 3160896 w 4158640"/>
                <a:gd name="connsiteY77" fmla="*/ 604843 h 1650237"/>
                <a:gd name="connsiteX78" fmla="*/ 3187089 w 4158640"/>
                <a:gd name="connsiteY78" fmla="*/ 578647 h 1650237"/>
                <a:gd name="connsiteX79" fmla="*/ 3208522 w 4158640"/>
                <a:gd name="connsiteY79" fmla="*/ 564360 h 1650237"/>
                <a:gd name="connsiteX80" fmla="*/ 3241859 w 4158640"/>
                <a:gd name="connsiteY80" fmla="*/ 540546 h 1650237"/>
                <a:gd name="connsiteX81" fmla="*/ 3268053 w 4158640"/>
                <a:gd name="connsiteY81" fmla="*/ 519115 h 1650237"/>
                <a:gd name="connsiteX82" fmla="*/ 3308534 w 4158640"/>
                <a:gd name="connsiteY82" fmla="*/ 504828 h 1650237"/>
                <a:gd name="connsiteX83" fmla="*/ 3420452 w 4158640"/>
                <a:gd name="connsiteY83" fmla="*/ 471490 h 1650237"/>
                <a:gd name="connsiteX84" fmla="*/ 3527609 w 4158640"/>
                <a:gd name="connsiteY84" fmla="*/ 416721 h 1650237"/>
                <a:gd name="connsiteX85" fmla="*/ 3639528 w 4158640"/>
                <a:gd name="connsiteY85" fmla="*/ 366715 h 1650237"/>
                <a:gd name="connsiteX86" fmla="*/ 3706203 w 4158640"/>
                <a:gd name="connsiteY86" fmla="*/ 330996 h 1650237"/>
                <a:gd name="connsiteX87" fmla="*/ 3794309 w 4158640"/>
                <a:gd name="connsiteY87" fmla="*/ 254796 h 1650237"/>
                <a:gd name="connsiteX88" fmla="*/ 3894321 w 4158640"/>
                <a:gd name="connsiteY88" fmla="*/ 200028 h 1650237"/>
                <a:gd name="connsiteX89" fmla="*/ 4003858 w 4158640"/>
                <a:gd name="connsiteY89" fmla="*/ 147641 h 1650237"/>
                <a:gd name="connsiteX90" fmla="*/ 4077677 w 4158640"/>
                <a:gd name="connsiteY90" fmla="*/ 71440 h 1650237"/>
                <a:gd name="connsiteX91" fmla="*/ 4094346 w 4158640"/>
                <a:gd name="connsiteY91" fmla="*/ 45246 h 1650237"/>
                <a:gd name="connsiteX92" fmla="*/ 4118159 w 4158640"/>
                <a:gd name="connsiteY92" fmla="*/ 28578 h 1650237"/>
                <a:gd name="connsiteX93" fmla="*/ 4137209 w 4158640"/>
                <a:gd name="connsiteY93" fmla="*/ 21434 h 1650237"/>
                <a:gd name="connsiteX94" fmla="*/ 4158640 w 4158640"/>
                <a:gd name="connsiteY94"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03659 w 4158640"/>
                <a:gd name="connsiteY55" fmla="*/ 959646 h 1650237"/>
                <a:gd name="connsiteX56" fmla="*/ 2456047 w 4158640"/>
                <a:gd name="connsiteY56" fmla="*/ 942975 h 1650237"/>
                <a:gd name="connsiteX57" fmla="*/ 2506053 w 4158640"/>
                <a:gd name="connsiteY57" fmla="*/ 921543 h 1650237"/>
                <a:gd name="connsiteX58" fmla="*/ 2560821 w 4158640"/>
                <a:gd name="connsiteY58" fmla="*/ 888206 h 1650237"/>
                <a:gd name="connsiteX59" fmla="*/ 2594159 w 4158640"/>
                <a:gd name="connsiteY59" fmla="*/ 869156 h 1650237"/>
                <a:gd name="connsiteX60" fmla="*/ 2653689 w 4158640"/>
                <a:gd name="connsiteY60" fmla="*/ 845343 h 1650237"/>
                <a:gd name="connsiteX61" fmla="*/ 2677503 w 4158640"/>
                <a:gd name="connsiteY61" fmla="*/ 838203 h 1650237"/>
                <a:gd name="connsiteX62" fmla="*/ 2701315 w 4158640"/>
                <a:gd name="connsiteY62" fmla="*/ 831056 h 1650237"/>
                <a:gd name="connsiteX63" fmla="*/ 2729890 w 4158640"/>
                <a:gd name="connsiteY63" fmla="*/ 821532 h 1650237"/>
                <a:gd name="connsiteX64" fmla="*/ 2758465 w 4158640"/>
                <a:gd name="connsiteY64" fmla="*/ 814387 h 1650237"/>
                <a:gd name="connsiteX65" fmla="*/ 2794185 w 4158640"/>
                <a:gd name="connsiteY65" fmla="*/ 809624 h 1650237"/>
                <a:gd name="connsiteX66" fmla="*/ 2834665 w 4158640"/>
                <a:gd name="connsiteY66" fmla="*/ 792956 h 1650237"/>
                <a:gd name="connsiteX67" fmla="*/ 2860859 w 4158640"/>
                <a:gd name="connsiteY67" fmla="*/ 783431 h 1650237"/>
                <a:gd name="connsiteX68" fmla="*/ 2889435 w 4158640"/>
                <a:gd name="connsiteY68" fmla="*/ 766762 h 1650237"/>
                <a:gd name="connsiteX69" fmla="*/ 2918009 w 4158640"/>
                <a:gd name="connsiteY69" fmla="*/ 750093 h 1650237"/>
                <a:gd name="connsiteX70" fmla="*/ 2939440 w 4158640"/>
                <a:gd name="connsiteY70" fmla="*/ 731043 h 1650237"/>
                <a:gd name="connsiteX71" fmla="*/ 2968016 w 4158640"/>
                <a:gd name="connsiteY71" fmla="*/ 721519 h 1650237"/>
                <a:gd name="connsiteX72" fmla="*/ 2989446 w 4158640"/>
                <a:gd name="connsiteY72" fmla="*/ 707231 h 1650237"/>
                <a:gd name="connsiteX73" fmla="*/ 3018021 w 4158640"/>
                <a:gd name="connsiteY73" fmla="*/ 688181 h 1650237"/>
                <a:gd name="connsiteX74" fmla="*/ 3063265 w 4158640"/>
                <a:gd name="connsiteY74" fmla="*/ 673895 h 1650237"/>
                <a:gd name="connsiteX75" fmla="*/ 3103746 w 4158640"/>
                <a:gd name="connsiteY75" fmla="*/ 647704 h 1650237"/>
                <a:gd name="connsiteX76" fmla="*/ 3129940 w 4158640"/>
                <a:gd name="connsiteY76" fmla="*/ 626272 h 1650237"/>
                <a:gd name="connsiteX77" fmla="*/ 3160896 w 4158640"/>
                <a:gd name="connsiteY77" fmla="*/ 604843 h 1650237"/>
                <a:gd name="connsiteX78" fmla="*/ 3187089 w 4158640"/>
                <a:gd name="connsiteY78" fmla="*/ 578647 h 1650237"/>
                <a:gd name="connsiteX79" fmla="*/ 3208522 w 4158640"/>
                <a:gd name="connsiteY79" fmla="*/ 564360 h 1650237"/>
                <a:gd name="connsiteX80" fmla="*/ 3241859 w 4158640"/>
                <a:gd name="connsiteY80" fmla="*/ 540546 h 1650237"/>
                <a:gd name="connsiteX81" fmla="*/ 3268053 w 4158640"/>
                <a:gd name="connsiteY81" fmla="*/ 519115 h 1650237"/>
                <a:gd name="connsiteX82" fmla="*/ 3308534 w 4158640"/>
                <a:gd name="connsiteY82" fmla="*/ 504828 h 1650237"/>
                <a:gd name="connsiteX83" fmla="*/ 3370446 w 4158640"/>
                <a:gd name="connsiteY83" fmla="*/ 490540 h 1650237"/>
                <a:gd name="connsiteX84" fmla="*/ 3420452 w 4158640"/>
                <a:gd name="connsiteY84" fmla="*/ 471490 h 1650237"/>
                <a:gd name="connsiteX85" fmla="*/ 3527609 w 4158640"/>
                <a:gd name="connsiteY85" fmla="*/ 416721 h 1650237"/>
                <a:gd name="connsiteX86" fmla="*/ 3639528 w 4158640"/>
                <a:gd name="connsiteY86" fmla="*/ 366715 h 1650237"/>
                <a:gd name="connsiteX87" fmla="*/ 3706203 w 4158640"/>
                <a:gd name="connsiteY87" fmla="*/ 330996 h 1650237"/>
                <a:gd name="connsiteX88" fmla="*/ 3794309 w 4158640"/>
                <a:gd name="connsiteY88" fmla="*/ 254796 h 1650237"/>
                <a:gd name="connsiteX89" fmla="*/ 3894321 w 4158640"/>
                <a:gd name="connsiteY89" fmla="*/ 200028 h 1650237"/>
                <a:gd name="connsiteX90" fmla="*/ 4003858 w 4158640"/>
                <a:gd name="connsiteY90" fmla="*/ 147641 h 1650237"/>
                <a:gd name="connsiteX91" fmla="*/ 4077677 w 4158640"/>
                <a:gd name="connsiteY91" fmla="*/ 71440 h 1650237"/>
                <a:gd name="connsiteX92" fmla="*/ 4094346 w 4158640"/>
                <a:gd name="connsiteY92" fmla="*/ 45246 h 1650237"/>
                <a:gd name="connsiteX93" fmla="*/ 4118159 w 4158640"/>
                <a:gd name="connsiteY93" fmla="*/ 28578 h 1650237"/>
                <a:gd name="connsiteX94" fmla="*/ 4137209 w 4158640"/>
                <a:gd name="connsiteY94" fmla="*/ 21434 h 1650237"/>
                <a:gd name="connsiteX95" fmla="*/ 4158640 w 4158640"/>
                <a:gd name="connsiteY95"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03659 w 4158640"/>
                <a:gd name="connsiteY55" fmla="*/ 959646 h 1650237"/>
                <a:gd name="connsiteX56" fmla="*/ 2456047 w 4158640"/>
                <a:gd name="connsiteY56" fmla="*/ 942975 h 1650237"/>
                <a:gd name="connsiteX57" fmla="*/ 2506053 w 4158640"/>
                <a:gd name="connsiteY57" fmla="*/ 921543 h 1650237"/>
                <a:gd name="connsiteX58" fmla="*/ 2560821 w 4158640"/>
                <a:gd name="connsiteY58" fmla="*/ 888206 h 1650237"/>
                <a:gd name="connsiteX59" fmla="*/ 2594159 w 4158640"/>
                <a:gd name="connsiteY59" fmla="*/ 869156 h 1650237"/>
                <a:gd name="connsiteX60" fmla="*/ 2653689 w 4158640"/>
                <a:gd name="connsiteY60" fmla="*/ 845343 h 1650237"/>
                <a:gd name="connsiteX61" fmla="*/ 2677503 w 4158640"/>
                <a:gd name="connsiteY61" fmla="*/ 838203 h 1650237"/>
                <a:gd name="connsiteX62" fmla="*/ 2701315 w 4158640"/>
                <a:gd name="connsiteY62" fmla="*/ 831056 h 1650237"/>
                <a:gd name="connsiteX63" fmla="*/ 2729890 w 4158640"/>
                <a:gd name="connsiteY63" fmla="*/ 821532 h 1650237"/>
                <a:gd name="connsiteX64" fmla="*/ 2758465 w 4158640"/>
                <a:gd name="connsiteY64" fmla="*/ 814387 h 1650237"/>
                <a:gd name="connsiteX65" fmla="*/ 2794185 w 4158640"/>
                <a:gd name="connsiteY65" fmla="*/ 809624 h 1650237"/>
                <a:gd name="connsiteX66" fmla="*/ 2834665 w 4158640"/>
                <a:gd name="connsiteY66" fmla="*/ 792956 h 1650237"/>
                <a:gd name="connsiteX67" fmla="*/ 2860859 w 4158640"/>
                <a:gd name="connsiteY67" fmla="*/ 783431 h 1650237"/>
                <a:gd name="connsiteX68" fmla="*/ 2889435 w 4158640"/>
                <a:gd name="connsiteY68" fmla="*/ 766762 h 1650237"/>
                <a:gd name="connsiteX69" fmla="*/ 2918009 w 4158640"/>
                <a:gd name="connsiteY69" fmla="*/ 750093 h 1650237"/>
                <a:gd name="connsiteX70" fmla="*/ 2939440 w 4158640"/>
                <a:gd name="connsiteY70" fmla="*/ 731043 h 1650237"/>
                <a:gd name="connsiteX71" fmla="*/ 2968016 w 4158640"/>
                <a:gd name="connsiteY71" fmla="*/ 721519 h 1650237"/>
                <a:gd name="connsiteX72" fmla="*/ 2989446 w 4158640"/>
                <a:gd name="connsiteY72" fmla="*/ 707231 h 1650237"/>
                <a:gd name="connsiteX73" fmla="*/ 3018021 w 4158640"/>
                <a:gd name="connsiteY73" fmla="*/ 688181 h 1650237"/>
                <a:gd name="connsiteX74" fmla="*/ 3063265 w 4158640"/>
                <a:gd name="connsiteY74" fmla="*/ 673895 h 1650237"/>
                <a:gd name="connsiteX75" fmla="*/ 3103746 w 4158640"/>
                <a:gd name="connsiteY75" fmla="*/ 647704 h 1650237"/>
                <a:gd name="connsiteX76" fmla="*/ 3129940 w 4158640"/>
                <a:gd name="connsiteY76" fmla="*/ 626272 h 1650237"/>
                <a:gd name="connsiteX77" fmla="*/ 3160896 w 4158640"/>
                <a:gd name="connsiteY77" fmla="*/ 604843 h 1650237"/>
                <a:gd name="connsiteX78" fmla="*/ 3187089 w 4158640"/>
                <a:gd name="connsiteY78" fmla="*/ 578647 h 1650237"/>
                <a:gd name="connsiteX79" fmla="*/ 3208522 w 4158640"/>
                <a:gd name="connsiteY79" fmla="*/ 564360 h 1650237"/>
                <a:gd name="connsiteX80" fmla="*/ 3241859 w 4158640"/>
                <a:gd name="connsiteY80" fmla="*/ 540546 h 1650237"/>
                <a:gd name="connsiteX81" fmla="*/ 3268053 w 4158640"/>
                <a:gd name="connsiteY81" fmla="*/ 519115 h 1650237"/>
                <a:gd name="connsiteX82" fmla="*/ 3308534 w 4158640"/>
                <a:gd name="connsiteY82" fmla="*/ 504828 h 1650237"/>
                <a:gd name="connsiteX83" fmla="*/ 3370446 w 4158640"/>
                <a:gd name="connsiteY83" fmla="*/ 490540 h 1650237"/>
                <a:gd name="connsiteX84" fmla="*/ 3420452 w 4158640"/>
                <a:gd name="connsiteY84" fmla="*/ 471490 h 1650237"/>
                <a:gd name="connsiteX85" fmla="*/ 3456171 w 4158640"/>
                <a:gd name="connsiteY85" fmla="*/ 454821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03659 w 4158640"/>
                <a:gd name="connsiteY55" fmla="*/ 959646 h 1650237"/>
                <a:gd name="connsiteX56" fmla="*/ 2456047 w 4158640"/>
                <a:gd name="connsiteY56" fmla="*/ 942975 h 1650237"/>
                <a:gd name="connsiteX57" fmla="*/ 2506053 w 4158640"/>
                <a:gd name="connsiteY57" fmla="*/ 921543 h 1650237"/>
                <a:gd name="connsiteX58" fmla="*/ 2560821 w 4158640"/>
                <a:gd name="connsiteY58" fmla="*/ 888206 h 1650237"/>
                <a:gd name="connsiteX59" fmla="*/ 2594159 w 4158640"/>
                <a:gd name="connsiteY59" fmla="*/ 869156 h 1650237"/>
                <a:gd name="connsiteX60" fmla="*/ 2653689 w 4158640"/>
                <a:gd name="connsiteY60" fmla="*/ 845343 h 1650237"/>
                <a:gd name="connsiteX61" fmla="*/ 2677503 w 4158640"/>
                <a:gd name="connsiteY61" fmla="*/ 838203 h 1650237"/>
                <a:gd name="connsiteX62" fmla="*/ 2701315 w 4158640"/>
                <a:gd name="connsiteY62" fmla="*/ 831056 h 1650237"/>
                <a:gd name="connsiteX63" fmla="*/ 2729890 w 4158640"/>
                <a:gd name="connsiteY63" fmla="*/ 821532 h 1650237"/>
                <a:gd name="connsiteX64" fmla="*/ 2758465 w 4158640"/>
                <a:gd name="connsiteY64" fmla="*/ 814387 h 1650237"/>
                <a:gd name="connsiteX65" fmla="*/ 2794185 w 4158640"/>
                <a:gd name="connsiteY65" fmla="*/ 809624 h 1650237"/>
                <a:gd name="connsiteX66" fmla="*/ 2834665 w 4158640"/>
                <a:gd name="connsiteY66" fmla="*/ 792956 h 1650237"/>
                <a:gd name="connsiteX67" fmla="*/ 2860859 w 4158640"/>
                <a:gd name="connsiteY67" fmla="*/ 783431 h 1650237"/>
                <a:gd name="connsiteX68" fmla="*/ 2889435 w 4158640"/>
                <a:gd name="connsiteY68" fmla="*/ 766762 h 1650237"/>
                <a:gd name="connsiteX69" fmla="*/ 2918009 w 4158640"/>
                <a:gd name="connsiteY69" fmla="*/ 750093 h 1650237"/>
                <a:gd name="connsiteX70" fmla="*/ 2939440 w 4158640"/>
                <a:gd name="connsiteY70" fmla="*/ 731043 h 1650237"/>
                <a:gd name="connsiteX71" fmla="*/ 2968016 w 4158640"/>
                <a:gd name="connsiteY71" fmla="*/ 721519 h 1650237"/>
                <a:gd name="connsiteX72" fmla="*/ 2989446 w 4158640"/>
                <a:gd name="connsiteY72" fmla="*/ 707231 h 1650237"/>
                <a:gd name="connsiteX73" fmla="*/ 3018021 w 4158640"/>
                <a:gd name="connsiteY73" fmla="*/ 688181 h 1650237"/>
                <a:gd name="connsiteX74" fmla="*/ 3063265 w 4158640"/>
                <a:gd name="connsiteY74" fmla="*/ 673895 h 1650237"/>
                <a:gd name="connsiteX75" fmla="*/ 3103746 w 4158640"/>
                <a:gd name="connsiteY75" fmla="*/ 647704 h 1650237"/>
                <a:gd name="connsiteX76" fmla="*/ 3129940 w 4158640"/>
                <a:gd name="connsiteY76" fmla="*/ 626272 h 1650237"/>
                <a:gd name="connsiteX77" fmla="*/ 3160896 w 4158640"/>
                <a:gd name="connsiteY77" fmla="*/ 604843 h 1650237"/>
                <a:gd name="connsiteX78" fmla="*/ 3187089 w 4158640"/>
                <a:gd name="connsiteY78" fmla="*/ 578647 h 1650237"/>
                <a:gd name="connsiteX79" fmla="*/ 3208522 w 4158640"/>
                <a:gd name="connsiteY79" fmla="*/ 564360 h 1650237"/>
                <a:gd name="connsiteX80" fmla="*/ 3241859 w 4158640"/>
                <a:gd name="connsiteY80" fmla="*/ 540546 h 1650237"/>
                <a:gd name="connsiteX81" fmla="*/ 3268053 w 4158640"/>
                <a:gd name="connsiteY81" fmla="*/ 519115 h 1650237"/>
                <a:gd name="connsiteX82" fmla="*/ 3308534 w 4158640"/>
                <a:gd name="connsiteY82" fmla="*/ 504828 h 1650237"/>
                <a:gd name="connsiteX83" fmla="*/ 3370446 w 4158640"/>
                <a:gd name="connsiteY83" fmla="*/ 490540 h 1650237"/>
                <a:gd name="connsiteX84" fmla="*/ 3420452 w 4158640"/>
                <a:gd name="connsiteY84" fmla="*/ 471490 h 1650237"/>
                <a:gd name="connsiteX85" fmla="*/ 3468077 w 4158640"/>
                <a:gd name="connsiteY85" fmla="*/ 442915 h 1650237"/>
                <a:gd name="connsiteX86" fmla="*/ 3527609 w 4158640"/>
                <a:gd name="connsiteY86" fmla="*/ 416721 h 1650237"/>
                <a:gd name="connsiteX87" fmla="*/ 3639528 w 4158640"/>
                <a:gd name="connsiteY87" fmla="*/ 366715 h 1650237"/>
                <a:gd name="connsiteX88" fmla="*/ 3706203 w 4158640"/>
                <a:gd name="connsiteY88" fmla="*/ 330996 h 1650237"/>
                <a:gd name="connsiteX89" fmla="*/ 3794309 w 4158640"/>
                <a:gd name="connsiteY89" fmla="*/ 254796 h 1650237"/>
                <a:gd name="connsiteX90" fmla="*/ 3894321 w 4158640"/>
                <a:gd name="connsiteY90" fmla="*/ 200028 h 1650237"/>
                <a:gd name="connsiteX91" fmla="*/ 4003858 w 4158640"/>
                <a:gd name="connsiteY91" fmla="*/ 147641 h 1650237"/>
                <a:gd name="connsiteX92" fmla="*/ 4077677 w 4158640"/>
                <a:gd name="connsiteY92" fmla="*/ 71440 h 1650237"/>
                <a:gd name="connsiteX93" fmla="*/ 4094346 w 4158640"/>
                <a:gd name="connsiteY93" fmla="*/ 45246 h 1650237"/>
                <a:gd name="connsiteX94" fmla="*/ 4118159 w 4158640"/>
                <a:gd name="connsiteY94" fmla="*/ 28578 h 1650237"/>
                <a:gd name="connsiteX95" fmla="*/ 4137209 w 4158640"/>
                <a:gd name="connsiteY95" fmla="*/ 21434 h 1650237"/>
                <a:gd name="connsiteX96" fmla="*/ 4158640 w 4158640"/>
                <a:gd name="connsiteY96"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03659 w 4158640"/>
                <a:gd name="connsiteY55" fmla="*/ 959646 h 1650237"/>
                <a:gd name="connsiteX56" fmla="*/ 2456047 w 4158640"/>
                <a:gd name="connsiteY56" fmla="*/ 942975 h 1650237"/>
                <a:gd name="connsiteX57" fmla="*/ 2506053 w 4158640"/>
                <a:gd name="connsiteY57" fmla="*/ 921543 h 1650237"/>
                <a:gd name="connsiteX58" fmla="*/ 2560821 w 4158640"/>
                <a:gd name="connsiteY58" fmla="*/ 888206 h 1650237"/>
                <a:gd name="connsiteX59" fmla="*/ 2594159 w 4158640"/>
                <a:gd name="connsiteY59" fmla="*/ 869156 h 1650237"/>
                <a:gd name="connsiteX60" fmla="*/ 2653689 w 4158640"/>
                <a:gd name="connsiteY60" fmla="*/ 845343 h 1650237"/>
                <a:gd name="connsiteX61" fmla="*/ 2677503 w 4158640"/>
                <a:gd name="connsiteY61" fmla="*/ 838203 h 1650237"/>
                <a:gd name="connsiteX62" fmla="*/ 2701315 w 4158640"/>
                <a:gd name="connsiteY62" fmla="*/ 831056 h 1650237"/>
                <a:gd name="connsiteX63" fmla="*/ 2729890 w 4158640"/>
                <a:gd name="connsiteY63" fmla="*/ 821532 h 1650237"/>
                <a:gd name="connsiteX64" fmla="*/ 2758465 w 4158640"/>
                <a:gd name="connsiteY64" fmla="*/ 814387 h 1650237"/>
                <a:gd name="connsiteX65" fmla="*/ 2794185 w 4158640"/>
                <a:gd name="connsiteY65" fmla="*/ 809624 h 1650237"/>
                <a:gd name="connsiteX66" fmla="*/ 2834665 w 4158640"/>
                <a:gd name="connsiteY66" fmla="*/ 792956 h 1650237"/>
                <a:gd name="connsiteX67" fmla="*/ 2860859 w 4158640"/>
                <a:gd name="connsiteY67" fmla="*/ 783431 h 1650237"/>
                <a:gd name="connsiteX68" fmla="*/ 2889435 w 4158640"/>
                <a:gd name="connsiteY68" fmla="*/ 766762 h 1650237"/>
                <a:gd name="connsiteX69" fmla="*/ 2918009 w 4158640"/>
                <a:gd name="connsiteY69" fmla="*/ 750093 h 1650237"/>
                <a:gd name="connsiteX70" fmla="*/ 2939440 w 4158640"/>
                <a:gd name="connsiteY70" fmla="*/ 731043 h 1650237"/>
                <a:gd name="connsiteX71" fmla="*/ 2968016 w 4158640"/>
                <a:gd name="connsiteY71" fmla="*/ 721519 h 1650237"/>
                <a:gd name="connsiteX72" fmla="*/ 2989446 w 4158640"/>
                <a:gd name="connsiteY72" fmla="*/ 707231 h 1650237"/>
                <a:gd name="connsiteX73" fmla="*/ 3018021 w 4158640"/>
                <a:gd name="connsiteY73" fmla="*/ 688181 h 1650237"/>
                <a:gd name="connsiteX74" fmla="*/ 3063265 w 4158640"/>
                <a:gd name="connsiteY74" fmla="*/ 673895 h 1650237"/>
                <a:gd name="connsiteX75" fmla="*/ 3103746 w 4158640"/>
                <a:gd name="connsiteY75" fmla="*/ 647704 h 1650237"/>
                <a:gd name="connsiteX76" fmla="*/ 3129940 w 4158640"/>
                <a:gd name="connsiteY76" fmla="*/ 626272 h 1650237"/>
                <a:gd name="connsiteX77" fmla="*/ 3160896 w 4158640"/>
                <a:gd name="connsiteY77" fmla="*/ 604843 h 1650237"/>
                <a:gd name="connsiteX78" fmla="*/ 3187089 w 4158640"/>
                <a:gd name="connsiteY78" fmla="*/ 578647 h 1650237"/>
                <a:gd name="connsiteX79" fmla="*/ 3208522 w 4158640"/>
                <a:gd name="connsiteY79" fmla="*/ 564360 h 1650237"/>
                <a:gd name="connsiteX80" fmla="*/ 3241859 w 4158640"/>
                <a:gd name="connsiteY80" fmla="*/ 540546 h 1650237"/>
                <a:gd name="connsiteX81" fmla="*/ 3268053 w 4158640"/>
                <a:gd name="connsiteY81" fmla="*/ 519115 h 1650237"/>
                <a:gd name="connsiteX82" fmla="*/ 3308534 w 4158640"/>
                <a:gd name="connsiteY82" fmla="*/ 504828 h 1650237"/>
                <a:gd name="connsiteX83" fmla="*/ 3370446 w 4158640"/>
                <a:gd name="connsiteY83" fmla="*/ 490540 h 1650237"/>
                <a:gd name="connsiteX84" fmla="*/ 3420452 w 4158640"/>
                <a:gd name="connsiteY84" fmla="*/ 471490 h 1650237"/>
                <a:gd name="connsiteX85" fmla="*/ 3468077 w 4158640"/>
                <a:gd name="connsiteY85" fmla="*/ 442915 h 1650237"/>
                <a:gd name="connsiteX86" fmla="*/ 3527609 w 4158640"/>
                <a:gd name="connsiteY86" fmla="*/ 416721 h 1650237"/>
                <a:gd name="connsiteX87" fmla="*/ 3579996 w 4158640"/>
                <a:gd name="connsiteY87" fmla="*/ 390528 h 1650237"/>
                <a:gd name="connsiteX88" fmla="*/ 3639528 w 4158640"/>
                <a:gd name="connsiteY88" fmla="*/ 366715 h 1650237"/>
                <a:gd name="connsiteX89" fmla="*/ 3706203 w 4158640"/>
                <a:gd name="connsiteY89" fmla="*/ 330996 h 1650237"/>
                <a:gd name="connsiteX90" fmla="*/ 3794309 w 4158640"/>
                <a:gd name="connsiteY90" fmla="*/ 254796 h 1650237"/>
                <a:gd name="connsiteX91" fmla="*/ 3894321 w 4158640"/>
                <a:gd name="connsiteY91" fmla="*/ 200028 h 1650237"/>
                <a:gd name="connsiteX92" fmla="*/ 4003858 w 4158640"/>
                <a:gd name="connsiteY92" fmla="*/ 147641 h 1650237"/>
                <a:gd name="connsiteX93" fmla="*/ 4077677 w 4158640"/>
                <a:gd name="connsiteY93" fmla="*/ 71440 h 1650237"/>
                <a:gd name="connsiteX94" fmla="*/ 4094346 w 4158640"/>
                <a:gd name="connsiteY94" fmla="*/ 45246 h 1650237"/>
                <a:gd name="connsiteX95" fmla="*/ 4118159 w 4158640"/>
                <a:gd name="connsiteY95" fmla="*/ 28578 h 1650237"/>
                <a:gd name="connsiteX96" fmla="*/ 4137209 w 4158640"/>
                <a:gd name="connsiteY96" fmla="*/ 21434 h 1650237"/>
                <a:gd name="connsiteX97" fmla="*/ 4158640 w 4158640"/>
                <a:gd name="connsiteY9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03659 w 4158640"/>
                <a:gd name="connsiteY55" fmla="*/ 959646 h 1650237"/>
                <a:gd name="connsiteX56" fmla="*/ 2456047 w 4158640"/>
                <a:gd name="connsiteY56" fmla="*/ 942975 h 1650237"/>
                <a:gd name="connsiteX57" fmla="*/ 2506053 w 4158640"/>
                <a:gd name="connsiteY57" fmla="*/ 921543 h 1650237"/>
                <a:gd name="connsiteX58" fmla="*/ 2560821 w 4158640"/>
                <a:gd name="connsiteY58" fmla="*/ 888206 h 1650237"/>
                <a:gd name="connsiteX59" fmla="*/ 2594159 w 4158640"/>
                <a:gd name="connsiteY59" fmla="*/ 869156 h 1650237"/>
                <a:gd name="connsiteX60" fmla="*/ 2653689 w 4158640"/>
                <a:gd name="connsiteY60" fmla="*/ 845343 h 1650237"/>
                <a:gd name="connsiteX61" fmla="*/ 2677503 w 4158640"/>
                <a:gd name="connsiteY61" fmla="*/ 838203 h 1650237"/>
                <a:gd name="connsiteX62" fmla="*/ 2701315 w 4158640"/>
                <a:gd name="connsiteY62" fmla="*/ 831056 h 1650237"/>
                <a:gd name="connsiteX63" fmla="*/ 2729890 w 4158640"/>
                <a:gd name="connsiteY63" fmla="*/ 821532 h 1650237"/>
                <a:gd name="connsiteX64" fmla="*/ 2758465 w 4158640"/>
                <a:gd name="connsiteY64" fmla="*/ 814387 h 1650237"/>
                <a:gd name="connsiteX65" fmla="*/ 2794185 w 4158640"/>
                <a:gd name="connsiteY65" fmla="*/ 809624 h 1650237"/>
                <a:gd name="connsiteX66" fmla="*/ 2834665 w 4158640"/>
                <a:gd name="connsiteY66" fmla="*/ 792956 h 1650237"/>
                <a:gd name="connsiteX67" fmla="*/ 2860859 w 4158640"/>
                <a:gd name="connsiteY67" fmla="*/ 783431 h 1650237"/>
                <a:gd name="connsiteX68" fmla="*/ 2889435 w 4158640"/>
                <a:gd name="connsiteY68" fmla="*/ 766762 h 1650237"/>
                <a:gd name="connsiteX69" fmla="*/ 2918009 w 4158640"/>
                <a:gd name="connsiteY69" fmla="*/ 750093 h 1650237"/>
                <a:gd name="connsiteX70" fmla="*/ 2939440 w 4158640"/>
                <a:gd name="connsiteY70" fmla="*/ 731043 h 1650237"/>
                <a:gd name="connsiteX71" fmla="*/ 2968016 w 4158640"/>
                <a:gd name="connsiteY71" fmla="*/ 721519 h 1650237"/>
                <a:gd name="connsiteX72" fmla="*/ 2989446 w 4158640"/>
                <a:gd name="connsiteY72" fmla="*/ 707231 h 1650237"/>
                <a:gd name="connsiteX73" fmla="*/ 3018021 w 4158640"/>
                <a:gd name="connsiteY73" fmla="*/ 688181 h 1650237"/>
                <a:gd name="connsiteX74" fmla="*/ 3063265 w 4158640"/>
                <a:gd name="connsiteY74" fmla="*/ 673895 h 1650237"/>
                <a:gd name="connsiteX75" fmla="*/ 3103746 w 4158640"/>
                <a:gd name="connsiteY75" fmla="*/ 647704 h 1650237"/>
                <a:gd name="connsiteX76" fmla="*/ 3129940 w 4158640"/>
                <a:gd name="connsiteY76" fmla="*/ 626272 h 1650237"/>
                <a:gd name="connsiteX77" fmla="*/ 3160896 w 4158640"/>
                <a:gd name="connsiteY77" fmla="*/ 604843 h 1650237"/>
                <a:gd name="connsiteX78" fmla="*/ 3187089 w 4158640"/>
                <a:gd name="connsiteY78" fmla="*/ 578647 h 1650237"/>
                <a:gd name="connsiteX79" fmla="*/ 3208522 w 4158640"/>
                <a:gd name="connsiteY79" fmla="*/ 564360 h 1650237"/>
                <a:gd name="connsiteX80" fmla="*/ 3241859 w 4158640"/>
                <a:gd name="connsiteY80" fmla="*/ 540546 h 1650237"/>
                <a:gd name="connsiteX81" fmla="*/ 3268053 w 4158640"/>
                <a:gd name="connsiteY81" fmla="*/ 519115 h 1650237"/>
                <a:gd name="connsiteX82" fmla="*/ 3308534 w 4158640"/>
                <a:gd name="connsiteY82" fmla="*/ 504828 h 1650237"/>
                <a:gd name="connsiteX83" fmla="*/ 3370446 w 4158640"/>
                <a:gd name="connsiteY83" fmla="*/ 490540 h 1650237"/>
                <a:gd name="connsiteX84" fmla="*/ 3420452 w 4158640"/>
                <a:gd name="connsiteY84" fmla="*/ 471490 h 1650237"/>
                <a:gd name="connsiteX85" fmla="*/ 3468077 w 4158640"/>
                <a:gd name="connsiteY85" fmla="*/ 442915 h 1650237"/>
                <a:gd name="connsiteX86" fmla="*/ 3527609 w 4158640"/>
                <a:gd name="connsiteY86" fmla="*/ 416721 h 1650237"/>
                <a:gd name="connsiteX87" fmla="*/ 3568090 w 4158640"/>
                <a:gd name="connsiteY87" fmla="*/ 390528 h 1650237"/>
                <a:gd name="connsiteX88" fmla="*/ 3639528 w 4158640"/>
                <a:gd name="connsiteY88" fmla="*/ 366715 h 1650237"/>
                <a:gd name="connsiteX89" fmla="*/ 3706203 w 4158640"/>
                <a:gd name="connsiteY89" fmla="*/ 330996 h 1650237"/>
                <a:gd name="connsiteX90" fmla="*/ 3794309 w 4158640"/>
                <a:gd name="connsiteY90" fmla="*/ 254796 h 1650237"/>
                <a:gd name="connsiteX91" fmla="*/ 3894321 w 4158640"/>
                <a:gd name="connsiteY91" fmla="*/ 200028 h 1650237"/>
                <a:gd name="connsiteX92" fmla="*/ 4003858 w 4158640"/>
                <a:gd name="connsiteY92" fmla="*/ 147641 h 1650237"/>
                <a:gd name="connsiteX93" fmla="*/ 4077677 w 4158640"/>
                <a:gd name="connsiteY93" fmla="*/ 71440 h 1650237"/>
                <a:gd name="connsiteX94" fmla="*/ 4094346 w 4158640"/>
                <a:gd name="connsiteY94" fmla="*/ 45246 h 1650237"/>
                <a:gd name="connsiteX95" fmla="*/ 4118159 w 4158640"/>
                <a:gd name="connsiteY95" fmla="*/ 28578 h 1650237"/>
                <a:gd name="connsiteX96" fmla="*/ 4137209 w 4158640"/>
                <a:gd name="connsiteY96" fmla="*/ 21434 h 1650237"/>
                <a:gd name="connsiteX97" fmla="*/ 4158640 w 4158640"/>
                <a:gd name="connsiteY9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03659 w 4158640"/>
                <a:gd name="connsiteY55" fmla="*/ 959646 h 1650237"/>
                <a:gd name="connsiteX56" fmla="*/ 2456047 w 4158640"/>
                <a:gd name="connsiteY56" fmla="*/ 942975 h 1650237"/>
                <a:gd name="connsiteX57" fmla="*/ 2506053 w 4158640"/>
                <a:gd name="connsiteY57" fmla="*/ 921543 h 1650237"/>
                <a:gd name="connsiteX58" fmla="*/ 2560821 w 4158640"/>
                <a:gd name="connsiteY58" fmla="*/ 888206 h 1650237"/>
                <a:gd name="connsiteX59" fmla="*/ 2594159 w 4158640"/>
                <a:gd name="connsiteY59" fmla="*/ 869156 h 1650237"/>
                <a:gd name="connsiteX60" fmla="*/ 2653689 w 4158640"/>
                <a:gd name="connsiteY60" fmla="*/ 845343 h 1650237"/>
                <a:gd name="connsiteX61" fmla="*/ 2677503 w 4158640"/>
                <a:gd name="connsiteY61" fmla="*/ 838203 h 1650237"/>
                <a:gd name="connsiteX62" fmla="*/ 2701315 w 4158640"/>
                <a:gd name="connsiteY62" fmla="*/ 831056 h 1650237"/>
                <a:gd name="connsiteX63" fmla="*/ 2729890 w 4158640"/>
                <a:gd name="connsiteY63" fmla="*/ 821532 h 1650237"/>
                <a:gd name="connsiteX64" fmla="*/ 2758465 w 4158640"/>
                <a:gd name="connsiteY64" fmla="*/ 814387 h 1650237"/>
                <a:gd name="connsiteX65" fmla="*/ 2794185 w 4158640"/>
                <a:gd name="connsiteY65" fmla="*/ 809624 h 1650237"/>
                <a:gd name="connsiteX66" fmla="*/ 2834665 w 4158640"/>
                <a:gd name="connsiteY66" fmla="*/ 792956 h 1650237"/>
                <a:gd name="connsiteX67" fmla="*/ 2860859 w 4158640"/>
                <a:gd name="connsiteY67" fmla="*/ 783431 h 1650237"/>
                <a:gd name="connsiteX68" fmla="*/ 2889435 w 4158640"/>
                <a:gd name="connsiteY68" fmla="*/ 766762 h 1650237"/>
                <a:gd name="connsiteX69" fmla="*/ 2918009 w 4158640"/>
                <a:gd name="connsiteY69" fmla="*/ 750093 h 1650237"/>
                <a:gd name="connsiteX70" fmla="*/ 2939440 w 4158640"/>
                <a:gd name="connsiteY70" fmla="*/ 731043 h 1650237"/>
                <a:gd name="connsiteX71" fmla="*/ 2968016 w 4158640"/>
                <a:gd name="connsiteY71" fmla="*/ 721519 h 1650237"/>
                <a:gd name="connsiteX72" fmla="*/ 2989446 w 4158640"/>
                <a:gd name="connsiteY72" fmla="*/ 707231 h 1650237"/>
                <a:gd name="connsiteX73" fmla="*/ 3018021 w 4158640"/>
                <a:gd name="connsiteY73" fmla="*/ 688181 h 1650237"/>
                <a:gd name="connsiteX74" fmla="*/ 3063265 w 4158640"/>
                <a:gd name="connsiteY74" fmla="*/ 673895 h 1650237"/>
                <a:gd name="connsiteX75" fmla="*/ 3103746 w 4158640"/>
                <a:gd name="connsiteY75" fmla="*/ 647704 h 1650237"/>
                <a:gd name="connsiteX76" fmla="*/ 3129940 w 4158640"/>
                <a:gd name="connsiteY76" fmla="*/ 626272 h 1650237"/>
                <a:gd name="connsiteX77" fmla="*/ 3160896 w 4158640"/>
                <a:gd name="connsiteY77" fmla="*/ 604843 h 1650237"/>
                <a:gd name="connsiteX78" fmla="*/ 3187089 w 4158640"/>
                <a:gd name="connsiteY78" fmla="*/ 578647 h 1650237"/>
                <a:gd name="connsiteX79" fmla="*/ 3208522 w 4158640"/>
                <a:gd name="connsiteY79" fmla="*/ 564360 h 1650237"/>
                <a:gd name="connsiteX80" fmla="*/ 3241859 w 4158640"/>
                <a:gd name="connsiteY80" fmla="*/ 540546 h 1650237"/>
                <a:gd name="connsiteX81" fmla="*/ 3268053 w 4158640"/>
                <a:gd name="connsiteY81" fmla="*/ 519115 h 1650237"/>
                <a:gd name="connsiteX82" fmla="*/ 3308534 w 4158640"/>
                <a:gd name="connsiteY82" fmla="*/ 504828 h 1650237"/>
                <a:gd name="connsiteX83" fmla="*/ 3370446 w 4158640"/>
                <a:gd name="connsiteY83" fmla="*/ 490540 h 1650237"/>
                <a:gd name="connsiteX84" fmla="*/ 3420452 w 4158640"/>
                <a:gd name="connsiteY84" fmla="*/ 471490 h 1650237"/>
                <a:gd name="connsiteX85" fmla="*/ 3468077 w 4158640"/>
                <a:gd name="connsiteY85" fmla="*/ 442915 h 1650237"/>
                <a:gd name="connsiteX86" fmla="*/ 3508559 w 4158640"/>
                <a:gd name="connsiteY86" fmla="*/ 423864 h 1650237"/>
                <a:gd name="connsiteX87" fmla="*/ 3568090 w 4158640"/>
                <a:gd name="connsiteY87" fmla="*/ 390528 h 1650237"/>
                <a:gd name="connsiteX88" fmla="*/ 3639528 w 4158640"/>
                <a:gd name="connsiteY88" fmla="*/ 366715 h 1650237"/>
                <a:gd name="connsiteX89" fmla="*/ 3706203 w 4158640"/>
                <a:gd name="connsiteY89" fmla="*/ 330996 h 1650237"/>
                <a:gd name="connsiteX90" fmla="*/ 3794309 w 4158640"/>
                <a:gd name="connsiteY90" fmla="*/ 254796 h 1650237"/>
                <a:gd name="connsiteX91" fmla="*/ 3894321 w 4158640"/>
                <a:gd name="connsiteY91" fmla="*/ 200028 h 1650237"/>
                <a:gd name="connsiteX92" fmla="*/ 4003858 w 4158640"/>
                <a:gd name="connsiteY92" fmla="*/ 147641 h 1650237"/>
                <a:gd name="connsiteX93" fmla="*/ 4077677 w 4158640"/>
                <a:gd name="connsiteY93" fmla="*/ 71440 h 1650237"/>
                <a:gd name="connsiteX94" fmla="*/ 4094346 w 4158640"/>
                <a:gd name="connsiteY94" fmla="*/ 45246 h 1650237"/>
                <a:gd name="connsiteX95" fmla="*/ 4118159 w 4158640"/>
                <a:gd name="connsiteY95" fmla="*/ 28578 h 1650237"/>
                <a:gd name="connsiteX96" fmla="*/ 4137209 w 4158640"/>
                <a:gd name="connsiteY96" fmla="*/ 21434 h 1650237"/>
                <a:gd name="connsiteX97" fmla="*/ 4158640 w 4158640"/>
                <a:gd name="connsiteY97" fmla="*/ 0 h 1650237"/>
                <a:gd name="connsiteX0" fmla="*/ 4158640 w 4158640"/>
                <a:gd name="connsiteY0" fmla="*/ 0 h 1650237"/>
                <a:gd name="connsiteX1" fmla="*/ 4158640 w 4158640"/>
                <a:gd name="connsiteY1" fmla="*/ 1638300 h 1650237"/>
                <a:gd name="connsiteX2" fmla="*/ 301015 w 4158640"/>
                <a:gd name="connsiteY2" fmla="*/ 1638300 h 1650237"/>
                <a:gd name="connsiteX3" fmla="*/ 430396 w 4158640"/>
                <a:gd name="connsiteY3" fmla="*/ 1617662 h 1650237"/>
                <a:gd name="connsiteX4" fmla="*/ 384358 w 4158640"/>
                <a:gd name="connsiteY4" fmla="*/ 1631157 h 1650237"/>
                <a:gd name="connsiteX5" fmla="*/ 472465 w 4158640"/>
                <a:gd name="connsiteY5" fmla="*/ 1604962 h 1650237"/>
                <a:gd name="connsiteX6" fmla="*/ 527234 w 4158640"/>
                <a:gd name="connsiteY6" fmla="*/ 1595438 h 1650237"/>
                <a:gd name="connsiteX7" fmla="*/ 584384 w 4158640"/>
                <a:gd name="connsiteY7" fmla="*/ 1590675 h 1650237"/>
                <a:gd name="connsiteX8" fmla="*/ 636771 w 4158640"/>
                <a:gd name="connsiteY8" fmla="*/ 1585913 h 1650237"/>
                <a:gd name="connsiteX9" fmla="*/ 717734 w 4158640"/>
                <a:gd name="connsiteY9" fmla="*/ 1566864 h 1650237"/>
                <a:gd name="connsiteX10" fmla="*/ 774884 w 4158640"/>
                <a:gd name="connsiteY10" fmla="*/ 1547813 h 1650237"/>
                <a:gd name="connsiteX11" fmla="*/ 855847 w 4158640"/>
                <a:gd name="connsiteY11" fmla="*/ 1538287 h 1650237"/>
                <a:gd name="connsiteX12" fmla="*/ 941569 w 4158640"/>
                <a:gd name="connsiteY12" fmla="*/ 1524000 h 1650237"/>
                <a:gd name="connsiteX13" fmla="*/ 1008247 w 4158640"/>
                <a:gd name="connsiteY13" fmla="*/ 1519238 h 1650237"/>
                <a:gd name="connsiteX14" fmla="*/ 1060634 w 4158640"/>
                <a:gd name="connsiteY14" fmla="*/ 1512093 h 1650237"/>
                <a:gd name="connsiteX15" fmla="*/ 1117785 w 4158640"/>
                <a:gd name="connsiteY15" fmla="*/ 1495424 h 1650237"/>
                <a:gd name="connsiteX16" fmla="*/ 1163027 w 4158640"/>
                <a:gd name="connsiteY16" fmla="*/ 1481137 h 1650237"/>
                <a:gd name="connsiteX17" fmla="*/ 1213034 w 4158640"/>
                <a:gd name="connsiteY17" fmla="*/ 1473994 h 1650237"/>
                <a:gd name="connsiteX18" fmla="*/ 1258278 w 4158640"/>
                <a:gd name="connsiteY18" fmla="*/ 1469231 h 1650237"/>
                <a:gd name="connsiteX19" fmla="*/ 1301139 w 4158640"/>
                <a:gd name="connsiteY19" fmla="*/ 1452562 h 1650237"/>
                <a:gd name="connsiteX20" fmla="*/ 1336860 w 4158640"/>
                <a:gd name="connsiteY20" fmla="*/ 1421606 h 1650237"/>
                <a:gd name="connsiteX21" fmla="*/ 1363052 w 4158640"/>
                <a:gd name="connsiteY21" fmla="*/ 1404937 h 1650237"/>
                <a:gd name="connsiteX22" fmla="*/ 1386865 w 4158640"/>
                <a:gd name="connsiteY22" fmla="*/ 1390651 h 1650237"/>
                <a:gd name="connsiteX23" fmla="*/ 1424966 w 4158640"/>
                <a:gd name="connsiteY23" fmla="*/ 1373982 h 1650237"/>
                <a:gd name="connsiteX24" fmla="*/ 1455922 w 4158640"/>
                <a:gd name="connsiteY24" fmla="*/ 1357312 h 1650237"/>
                <a:gd name="connsiteX25" fmla="*/ 1494021 w 4158640"/>
                <a:gd name="connsiteY25" fmla="*/ 1345407 h 1650237"/>
                <a:gd name="connsiteX26" fmla="*/ 1534503 w 4158640"/>
                <a:gd name="connsiteY26" fmla="*/ 1321593 h 1650237"/>
                <a:gd name="connsiteX27" fmla="*/ 1563078 w 4158640"/>
                <a:gd name="connsiteY27" fmla="*/ 1312069 h 1650237"/>
                <a:gd name="connsiteX28" fmla="*/ 1589271 w 4158640"/>
                <a:gd name="connsiteY28" fmla="*/ 1304924 h 1650237"/>
                <a:gd name="connsiteX29" fmla="*/ 1617847 w 4158640"/>
                <a:gd name="connsiteY29" fmla="*/ 1304925 h 1650237"/>
                <a:gd name="connsiteX30" fmla="*/ 1648802 w 4158640"/>
                <a:gd name="connsiteY30" fmla="*/ 1297781 h 1650237"/>
                <a:gd name="connsiteX31" fmla="*/ 1682140 w 4158640"/>
                <a:gd name="connsiteY31" fmla="*/ 1288256 h 1650237"/>
                <a:gd name="connsiteX32" fmla="*/ 1715479 w 4158640"/>
                <a:gd name="connsiteY32" fmla="*/ 1276350 h 1650237"/>
                <a:gd name="connsiteX33" fmla="*/ 1741671 w 4158640"/>
                <a:gd name="connsiteY33" fmla="*/ 1257301 h 1650237"/>
                <a:gd name="connsiteX34" fmla="*/ 1777391 w 4158640"/>
                <a:gd name="connsiteY34" fmla="*/ 1243012 h 1650237"/>
                <a:gd name="connsiteX35" fmla="*/ 1803584 w 4158640"/>
                <a:gd name="connsiteY35" fmla="*/ 1228725 h 1650237"/>
                <a:gd name="connsiteX36" fmla="*/ 1832159 w 4158640"/>
                <a:gd name="connsiteY36" fmla="*/ 1214437 h 1650237"/>
                <a:gd name="connsiteX37" fmla="*/ 1858353 w 4158640"/>
                <a:gd name="connsiteY37" fmla="*/ 1202531 h 1650237"/>
                <a:gd name="connsiteX38" fmla="*/ 1875022 w 4158640"/>
                <a:gd name="connsiteY38" fmla="*/ 1188244 h 1650237"/>
                <a:gd name="connsiteX39" fmla="*/ 1903596 w 4158640"/>
                <a:gd name="connsiteY39" fmla="*/ 1181100 h 1650237"/>
                <a:gd name="connsiteX40" fmla="*/ 1932170 w 4158640"/>
                <a:gd name="connsiteY40" fmla="*/ 1169194 h 1650237"/>
                <a:gd name="connsiteX41" fmla="*/ 1970271 w 4158640"/>
                <a:gd name="connsiteY41" fmla="*/ 1150142 h 1650237"/>
                <a:gd name="connsiteX42" fmla="*/ 2010753 w 4158640"/>
                <a:gd name="connsiteY42" fmla="*/ 1131093 h 1650237"/>
                <a:gd name="connsiteX43" fmla="*/ 2044090 w 4158640"/>
                <a:gd name="connsiteY43" fmla="*/ 1126331 h 1650237"/>
                <a:gd name="connsiteX44" fmla="*/ 2070284 w 4158640"/>
                <a:gd name="connsiteY44" fmla="*/ 1109662 h 1650237"/>
                <a:gd name="connsiteX45" fmla="*/ 2108384 w 4158640"/>
                <a:gd name="connsiteY45" fmla="*/ 1102518 h 1650237"/>
                <a:gd name="connsiteX46" fmla="*/ 2139340 w 4158640"/>
                <a:gd name="connsiteY46" fmla="*/ 1085850 h 1650237"/>
                <a:gd name="connsiteX47" fmla="*/ 2170296 w 4158640"/>
                <a:gd name="connsiteY47" fmla="*/ 1078706 h 1650237"/>
                <a:gd name="connsiteX48" fmla="*/ 2198871 w 4158640"/>
                <a:gd name="connsiteY48" fmla="*/ 1059656 h 1650237"/>
                <a:gd name="connsiteX49" fmla="*/ 2241734 w 4158640"/>
                <a:gd name="connsiteY49" fmla="*/ 1045368 h 1650237"/>
                <a:gd name="connsiteX50" fmla="*/ 2267928 w 4158640"/>
                <a:gd name="connsiteY50" fmla="*/ 1035843 h 1650237"/>
                <a:gd name="connsiteX51" fmla="*/ 2306028 w 4158640"/>
                <a:gd name="connsiteY51" fmla="*/ 1016793 h 1650237"/>
                <a:gd name="connsiteX52" fmla="*/ 2322696 w 4158640"/>
                <a:gd name="connsiteY52" fmla="*/ 1009650 h 1650237"/>
                <a:gd name="connsiteX53" fmla="*/ 2346508 w 4158640"/>
                <a:gd name="connsiteY53" fmla="*/ 990600 h 1650237"/>
                <a:gd name="connsiteX54" fmla="*/ 2367940 w 4158640"/>
                <a:gd name="connsiteY54" fmla="*/ 966788 h 1650237"/>
                <a:gd name="connsiteX55" fmla="*/ 2403659 w 4158640"/>
                <a:gd name="connsiteY55" fmla="*/ 959646 h 1650237"/>
                <a:gd name="connsiteX56" fmla="*/ 2456047 w 4158640"/>
                <a:gd name="connsiteY56" fmla="*/ 942975 h 1650237"/>
                <a:gd name="connsiteX57" fmla="*/ 2506053 w 4158640"/>
                <a:gd name="connsiteY57" fmla="*/ 921543 h 1650237"/>
                <a:gd name="connsiteX58" fmla="*/ 2560821 w 4158640"/>
                <a:gd name="connsiteY58" fmla="*/ 888206 h 1650237"/>
                <a:gd name="connsiteX59" fmla="*/ 2594159 w 4158640"/>
                <a:gd name="connsiteY59" fmla="*/ 869156 h 1650237"/>
                <a:gd name="connsiteX60" fmla="*/ 2653689 w 4158640"/>
                <a:gd name="connsiteY60" fmla="*/ 845343 h 1650237"/>
                <a:gd name="connsiteX61" fmla="*/ 2677503 w 4158640"/>
                <a:gd name="connsiteY61" fmla="*/ 838203 h 1650237"/>
                <a:gd name="connsiteX62" fmla="*/ 2701315 w 4158640"/>
                <a:gd name="connsiteY62" fmla="*/ 831056 h 1650237"/>
                <a:gd name="connsiteX63" fmla="*/ 2729890 w 4158640"/>
                <a:gd name="connsiteY63" fmla="*/ 821532 h 1650237"/>
                <a:gd name="connsiteX64" fmla="*/ 2758465 w 4158640"/>
                <a:gd name="connsiteY64" fmla="*/ 814387 h 1650237"/>
                <a:gd name="connsiteX65" fmla="*/ 2794185 w 4158640"/>
                <a:gd name="connsiteY65" fmla="*/ 809624 h 1650237"/>
                <a:gd name="connsiteX66" fmla="*/ 2834665 w 4158640"/>
                <a:gd name="connsiteY66" fmla="*/ 792956 h 1650237"/>
                <a:gd name="connsiteX67" fmla="*/ 2860859 w 4158640"/>
                <a:gd name="connsiteY67" fmla="*/ 783431 h 1650237"/>
                <a:gd name="connsiteX68" fmla="*/ 2889435 w 4158640"/>
                <a:gd name="connsiteY68" fmla="*/ 766762 h 1650237"/>
                <a:gd name="connsiteX69" fmla="*/ 2918009 w 4158640"/>
                <a:gd name="connsiteY69" fmla="*/ 750093 h 1650237"/>
                <a:gd name="connsiteX70" fmla="*/ 2939440 w 4158640"/>
                <a:gd name="connsiteY70" fmla="*/ 731043 h 1650237"/>
                <a:gd name="connsiteX71" fmla="*/ 2968016 w 4158640"/>
                <a:gd name="connsiteY71" fmla="*/ 721519 h 1650237"/>
                <a:gd name="connsiteX72" fmla="*/ 2989446 w 4158640"/>
                <a:gd name="connsiteY72" fmla="*/ 707231 h 1650237"/>
                <a:gd name="connsiteX73" fmla="*/ 3018021 w 4158640"/>
                <a:gd name="connsiteY73" fmla="*/ 688181 h 1650237"/>
                <a:gd name="connsiteX74" fmla="*/ 3063265 w 4158640"/>
                <a:gd name="connsiteY74" fmla="*/ 673895 h 1650237"/>
                <a:gd name="connsiteX75" fmla="*/ 3103746 w 4158640"/>
                <a:gd name="connsiteY75" fmla="*/ 647704 h 1650237"/>
                <a:gd name="connsiteX76" fmla="*/ 3129940 w 4158640"/>
                <a:gd name="connsiteY76" fmla="*/ 626272 h 1650237"/>
                <a:gd name="connsiteX77" fmla="*/ 3160896 w 4158640"/>
                <a:gd name="connsiteY77" fmla="*/ 604843 h 1650237"/>
                <a:gd name="connsiteX78" fmla="*/ 3187089 w 4158640"/>
                <a:gd name="connsiteY78" fmla="*/ 578647 h 1650237"/>
                <a:gd name="connsiteX79" fmla="*/ 3208522 w 4158640"/>
                <a:gd name="connsiteY79" fmla="*/ 564360 h 1650237"/>
                <a:gd name="connsiteX80" fmla="*/ 3241859 w 4158640"/>
                <a:gd name="connsiteY80" fmla="*/ 540546 h 1650237"/>
                <a:gd name="connsiteX81" fmla="*/ 3268053 w 4158640"/>
                <a:gd name="connsiteY81" fmla="*/ 519115 h 1650237"/>
                <a:gd name="connsiteX82" fmla="*/ 3308534 w 4158640"/>
                <a:gd name="connsiteY82" fmla="*/ 504828 h 1650237"/>
                <a:gd name="connsiteX83" fmla="*/ 3370446 w 4158640"/>
                <a:gd name="connsiteY83" fmla="*/ 490540 h 1650237"/>
                <a:gd name="connsiteX84" fmla="*/ 3420452 w 4158640"/>
                <a:gd name="connsiteY84" fmla="*/ 471490 h 1650237"/>
                <a:gd name="connsiteX85" fmla="*/ 3458552 w 4158640"/>
                <a:gd name="connsiteY85" fmla="*/ 445296 h 1650237"/>
                <a:gd name="connsiteX86" fmla="*/ 3508559 w 4158640"/>
                <a:gd name="connsiteY86" fmla="*/ 423864 h 1650237"/>
                <a:gd name="connsiteX87" fmla="*/ 3568090 w 4158640"/>
                <a:gd name="connsiteY87" fmla="*/ 390528 h 1650237"/>
                <a:gd name="connsiteX88" fmla="*/ 3639528 w 4158640"/>
                <a:gd name="connsiteY88" fmla="*/ 366715 h 1650237"/>
                <a:gd name="connsiteX89" fmla="*/ 3706203 w 4158640"/>
                <a:gd name="connsiteY89" fmla="*/ 330996 h 1650237"/>
                <a:gd name="connsiteX90" fmla="*/ 3794309 w 4158640"/>
                <a:gd name="connsiteY90" fmla="*/ 254796 h 1650237"/>
                <a:gd name="connsiteX91" fmla="*/ 3894321 w 4158640"/>
                <a:gd name="connsiteY91" fmla="*/ 200028 h 1650237"/>
                <a:gd name="connsiteX92" fmla="*/ 4003858 w 4158640"/>
                <a:gd name="connsiteY92" fmla="*/ 147641 h 1650237"/>
                <a:gd name="connsiteX93" fmla="*/ 4077677 w 4158640"/>
                <a:gd name="connsiteY93" fmla="*/ 71440 h 1650237"/>
                <a:gd name="connsiteX94" fmla="*/ 4094346 w 4158640"/>
                <a:gd name="connsiteY94" fmla="*/ 45246 h 1650237"/>
                <a:gd name="connsiteX95" fmla="*/ 4118159 w 4158640"/>
                <a:gd name="connsiteY95" fmla="*/ 28578 h 1650237"/>
                <a:gd name="connsiteX96" fmla="*/ 4137209 w 4158640"/>
                <a:gd name="connsiteY96" fmla="*/ 21434 h 1650237"/>
                <a:gd name="connsiteX97" fmla="*/ 4158640 w 4158640"/>
                <a:gd name="connsiteY97" fmla="*/ 0 h 1650237"/>
                <a:gd name="connsiteX0" fmla="*/ 3903679 w 3903679"/>
                <a:gd name="connsiteY0" fmla="*/ 0 h 1654021"/>
                <a:gd name="connsiteX1" fmla="*/ 3903679 w 3903679"/>
                <a:gd name="connsiteY1" fmla="*/ 1638300 h 1654021"/>
                <a:gd name="connsiteX2" fmla="*/ 46054 w 3903679"/>
                <a:gd name="connsiteY2" fmla="*/ 1638300 h 1654021"/>
                <a:gd name="connsiteX3" fmla="*/ 175435 w 3903679"/>
                <a:gd name="connsiteY3" fmla="*/ 1617662 h 1654021"/>
                <a:gd name="connsiteX4" fmla="*/ 129397 w 3903679"/>
                <a:gd name="connsiteY4" fmla="*/ 1631157 h 1654021"/>
                <a:gd name="connsiteX5" fmla="*/ 217504 w 3903679"/>
                <a:gd name="connsiteY5" fmla="*/ 1604962 h 1654021"/>
                <a:gd name="connsiteX6" fmla="*/ 272273 w 3903679"/>
                <a:gd name="connsiteY6" fmla="*/ 1595438 h 1654021"/>
                <a:gd name="connsiteX7" fmla="*/ 329423 w 3903679"/>
                <a:gd name="connsiteY7" fmla="*/ 1590675 h 1654021"/>
                <a:gd name="connsiteX8" fmla="*/ 381810 w 3903679"/>
                <a:gd name="connsiteY8" fmla="*/ 1585913 h 1654021"/>
                <a:gd name="connsiteX9" fmla="*/ 462773 w 3903679"/>
                <a:gd name="connsiteY9" fmla="*/ 1566864 h 1654021"/>
                <a:gd name="connsiteX10" fmla="*/ 519923 w 3903679"/>
                <a:gd name="connsiteY10" fmla="*/ 1547813 h 1654021"/>
                <a:gd name="connsiteX11" fmla="*/ 600886 w 3903679"/>
                <a:gd name="connsiteY11" fmla="*/ 1538287 h 1654021"/>
                <a:gd name="connsiteX12" fmla="*/ 686608 w 3903679"/>
                <a:gd name="connsiteY12" fmla="*/ 1524000 h 1654021"/>
                <a:gd name="connsiteX13" fmla="*/ 753286 w 3903679"/>
                <a:gd name="connsiteY13" fmla="*/ 1519238 h 1654021"/>
                <a:gd name="connsiteX14" fmla="*/ 805673 w 3903679"/>
                <a:gd name="connsiteY14" fmla="*/ 1512093 h 1654021"/>
                <a:gd name="connsiteX15" fmla="*/ 862824 w 3903679"/>
                <a:gd name="connsiteY15" fmla="*/ 1495424 h 1654021"/>
                <a:gd name="connsiteX16" fmla="*/ 908066 w 3903679"/>
                <a:gd name="connsiteY16" fmla="*/ 1481137 h 1654021"/>
                <a:gd name="connsiteX17" fmla="*/ 958073 w 3903679"/>
                <a:gd name="connsiteY17" fmla="*/ 1473994 h 1654021"/>
                <a:gd name="connsiteX18" fmla="*/ 1003317 w 3903679"/>
                <a:gd name="connsiteY18" fmla="*/ 1469231 h 1654021"/>
                <a:gd name="connsiteX19" fmla="*/ 1046178 w 3903679"/>
                <a:gd name="connsiteY19" fmla="*/ 1452562 h 1654021"/>
                <a:gd name="connsiteX20" fmla="*/ 1081899 w 3903679"/>
                <a:gd name="connsiteY20" fmla="*/ 1421606 h 1654021"/>
                <a:gd name="connsiteX21" fmla="*/ 1108091 w 3903679"/>
                <a:gd name="connsiteY21" fmla="*/ 1404937 h 1654021"/>
                <a:gd name="connsiteX22" fmla="*/ 1131904 w 3903679"/>
                <a:gd name="connsiteY22" fmla="*/ 1390651 h 1654021"/>
                <a:gd name="connsiteX23" fmla="*/ 1170005 w 3903679"/>
                <a:gd name="connsiteY23" fmla="*/ 1373982 h 1654021"/>
                <a:gd name="connsiteX24" fmla="*/ 1200961 w 3903679"/>
                <a:gd name="connsiteY24" fmla="*/ 1357312 h 1654021"/>
                <a:gd name="connsiteX25" fmla="*/ 1239060 w 3903679"/>
                <a:gd name="connsiteY25" fmla="*/ 1345407 h 1654021"/>
                <a:gd name="connsiteX26" fmla="*/ 1279542 w 3903679"/>
                <a:gd name="connsiteY26" fmla="*/ 1321593 h 1654021"/>
                <a:gd name="connsiteX27" fmla="*/ 1308117 w 3903679"/>
                <a:gd name="connsiteY27" fmla="*/ 1312069 h 1654021"/>
                <a:gd name="connsiteX28" fmla="*/ 1334310 w 3903679"/>
                <a:gd name="connsiteY28" fmla="*/ 1304924 h 1654021"/>
                <a:gd name="connsiteX29" fmla="*/ 1362886 w 3903679"/>
                <a:gd name="connsiteY29" fmla="*/ 1304925 h 1654021"/>
                <a:gd name="connsiteX30" fmla="*/ 1393841 w 3903679"/>
                <a:gd name="connsiteY30" fmla="*/ 1297781 h 1654021"/>
                <a:gd name="connsiteX31" fmla="*/ 1427179 w 3903679"/>
                <a:gd name="connsiteY31" fmla="*/ 1288256 h 1654021"/>
                <a:gd name="connsiteX32" fmla="*/ 1460518 w 3903679"/>
                <a:gd name="connsiteY32" fmla="*/ 1276350 h 1654021"/>
                <a:gd name="connsiteX33" fmla="*/ 1486710 w 3903679"/>
                <a:gd name="connsiteY33" fmla="*/ 1257301 h 1654021"/>
                <a:gd name="connsiteX34" fmla="*/ 1522430 w 3903679"/>
                <a:gd name="connsiteY34" fmla="*/ 1243012 h 1654021"/>
                <a:gd name="connsiteX35" fmla="*/ 1548623 w 3903679"/>
                <a:gd name="connsiteY35" fmla="*/ 1228725 h 1654021"/>
                <a:gd name="connsiteX36" fmla="*/ 1577198 w 3903679"/>
                <a:gd name="connsiteY36" fmla="*/ 1214437 h 1654021"/>
                <a:gd name="connsiteX37" fmla="*/ 1603392 w 3903679"/>
                <a:gd name="connsiteY37" fmla="*/ 1202531 h 1654021"/>
                <a:gd name="connsiteX38" fmla="*/ 1620061 w 3903679"/>
                <a:gd name="connsiteY38" fmla="*/ 1188244 h 1654021"/>
                <a:gd name="connsiteX39" fmla="*/ 1648635 w 3903679"/>
                <a:gd name="connsiteY39" fmla="*/ 1181100 h 1654021"/>
                <a:gd name="connsiteX40" fmla="*/ 1677209 w 3903679"/>
                <a:gd name="connsiteY40" fmla="*/ 1169194 h 1654021"/>
                <a:gd name="connsiteX41" fmla="*/ 1715310 w 3903679"/>
                <a:gd name="connsiteY41" fmla="*/ 1150142 h 1654021"/>
                <a:gd name="connsiteX42" fmla="*/ 1755792 w 3903679"/>
                <a:gd name="connsiteY42" fmla="*/ 1131093 h 1654021"/>
                <a:gd name="connsiteX43" fmla="*/ 1789129 w 3903679"/>
                <a:gd name="connsiteY43" fmla="*/ 1126331 h 1654021"/>
                <a:gd name="connsiteX44" fmla="*/ 1815323 w 3903679"/>
                <a:gd name="connsiteY44" fmla="*/ 1109662 h 1654021"/>
                <a:gd name="connsiteX45" fmla="*/ 1853423 w 3903679"/>
                <a:gd name="connsiteY45" fmla="*/ 1102518 h 1654021"/>
                <a:gd name="connsiteX46" fmla="*/ 1884379 w 3903679"/>
                <a:gd name="connsiteY46" fmla="*/ 1085850 h 1654021"/>
                <a:gd name="connsiteX47" fmla="*/ 1915335 w 3903679"/>
                <a:gd name="connsiteY47" fmla="*/ 1078706 h 1654021"/>
                <a:gd name="connsiteX48" fmla="*/ 1943910 w 3903679"/>
                <a:gd name="connsiteY48" fmla="*/ 1059656 h 1654021"/>
                <a:gd name="connsiteX49" fmla="*/ 1986773 w 3903679"/>
                <a:gd name="connsiteY49" fmla="*/ 1045368 h 1654021"/>
                <a:gd name="connsiteX50" fmla="*/ 2012967 w 3903679"/>
                <a:gd name="connsiteY50" fmla="*/ 1035843 h 1654021"/>
                <a:gd name="connsiteX51" fmla="*/ 2051067 w 3903679"/>
                <a:gd name="connsiteY51" fmla="*/ 1016793 h 1654021"/>
                <a:gd name="connsiteX52" fmla="*/ 2067735 w 3903679"/>
                <a:gd name="connsiteY52" fmla="*/ 1009650 h 1654021"/>
                <a:gd name="connsiteX53" fmla="*/ 2091547 w 3903679"/>
                <a:gd name="connsiteY53" fmla="*/ 990600 h 1654021"/>
                <a:gd name="connsiteX54" fmla="*/ 2112979 w 3903679"/>
                <a:gd name="connsiteY54" fmla="*/ 966788 h 1654021"/>
                <a:gd name="connsiteX55" fmla="*/ 2148698 w 3903679"/>
                <a:gd name="connsiteY55" fmla="*/ 959646 h 1654021"/>
                <a:gd name="connsiteX56" fmla="*/ 2201086 w 3903679"/>
                <a:gd name="connsiteY56" fmla="*/ 942975 h 1654021"/>
                <a:gd name="connsiteX57" fmla="*/ 2251092 w 3903679"/>
                <a:gd name="connsiteY57" fmla="*/ 921543 h 1654021"/>
                <a:gd name="connsiteX58" fmla="*/ 2305860 w 3903679"/>
                <a:gd name="connsiteY58" fmla="*/ 888206 h 1654021"/>
                <a:gd name="connsiteX59" fmla="*/ 2339198 w 3903679"/>
                <a:gd name="connsiteY59" fmla="*/ 869156 h 1654021"/>
                <a:gd name="connsiteX60" fmla="*/ 2398728 w 3903679"/>
                <a:gd name="connsiteY60" fmla="*/ 845343 h 1654021"/>
                <a:gd name="connsiteX61" fmla="*/ 2422542 w 3903679"/>
                <a:gd name="connsiteY61" fmla="*/ 838203 h 1654021"/>
                <a:gd name="connsiteX62" fmla="*/ 2446354 w 3903679"/>
                <a:gd name="connsiteY62" fmla="*/ 831056 h 1654021"/>
                <a:gd name="connsiteX63" fmla="*/ 2474929 w 3903679"/>
                <a:gd name="connsiteY63" fmla="*/ 821532 h 1654021"/>
                <a:gd name="connsiteX64" fmla="*/ 2503504 w 3903679"/>
                <a:gd name="connsiteY64" fmla="*/ 814387 h 1654021"/>
                <a:gd name="connsiteX65" fmla="*/ 2539224 w 3903679"/>
                <a:gd name="connsiteY65" fmla="*/ 809624 h 1654021"/>
                <a:gd name="connsiteX66" fmla="*/ 2579704 w 3903679"/>
                <a:gd name="connsiteY66" fmla="*/ 792956 h 1654021"/>
                <a:gd name="connsiteX67" fmla="*/ 2605898 w 3903679"/>
                <a:gd name="connsiteY67" fmla="*/ 783431 h 1654021"/>
                <a:gd name="connsiteX68" fmla="*/ 2634474 w 3903679"/>
                <a:gd name="connsiteY68" fmla="*/ 766762 h 1654021"/>
                <a:gd name="connsiteX69" fmla="*/ 2663048 w 3903679"/>
                <a:gd name="connsiteY69" fmla="*/ 750093 h 1654021"/>
                <a:gd name="connsiteX70" fmla="*/ 2684479 w 3903679"/>
                <a:gd name="connsiteY70" fmla="*/ 731043 h 1654021"/>
                <a:gd name="connsiteX71" fmla="*/ 2713055 w 3903679"/>
                <a:gd name="connsiteY71" fmla="*/ 721519 h 1654021"/>
                <a:gd name="connsiteX72" fmla="*/ 2734485 w 3903679"/>
                <a:gd name="connsiteY72" fmla="*/ 707231 h 1654021"/>
                <a:gd name="connsiteX73" fmla="*/ 2763060 w 3903679"/>
                <a:gd name="connsiteY73" fmla="*/ 688181 h 1654021"/>
                <a:gd name="connsiteX74" fmla="*/ 2808304 w 3903679"/>
                <a:gd name="connsiteY74" fmla="*/ 673895 h 1654021"/>
                <a:gd name="connsiteX75" fmla="*/ 2848785 w 3903679"/>
                <a:gd name="connsiteY75" fmla="*/ 647704 h 1654021"/>
                <a:gd name="connsiteX76" fmla="*/ 2874979 w 3903679"/>
                <a:gd name="connsiteY76" fmla="*/ 626272 h 1654021"/>
                <a:gd name="connsiteX77" fmla="*/ 2905935 w 3903679"/>
                <a:gd name="connsiteY77" fmla="*/ 604843 h 1654021"/>
                <a:gd name="connsiteX78" fmla="*/ 2932128 w 3903679"/>
                <a:gd name="connsiteY78" fmla="*/ 578647 h 1654021"/>
                <a:gd name="connsiteX79" fmla="*/ 2953561 w 3903679"/>
                <a:gd name="connsiteY79" fmla="*/ 564360 h 1654021"/>
                <a:gd name="connsiteX80" fmla="*/ 2986898 w 3903679"/>
                <a:gd name="connsiteY80" fmla="*/ 540546 h 1654021"/>
                <a:gd name="connsiteX81" fmla="*/ 3013092 w 3903679"/>
                <a:gd name="connsiteY81" fmla="*/ 519115 h 1654021"/>
                <a:gd name="connsiteX82" fmla="*/ 3053573 w 3903679"/>
                <a:gd name="connsiteY82" fmla="*/ 504828 h 1654021"/>
                <a:gd name="connsiteX83" fmla="*/ 3115485 w 3903679"/>
                <a:gd name="connsiteY83" fmla="*/ 490540 h 1654021"/>
                <a:gd name="connsiteX84" fmla="*/ 3165491 w 3903679"/>
                <a:gd name="connsiteY84" fmla="*/ 471490 h 1654021"/>
                <a:gd name="connsiteX85" fmla="*/ 3203591 w 3903679"/>
                <a:gd name="connsiteY85" fmla="*/ 445296 h 1654021"/>
                <a:gd name="connsiteX86" fmla="*/ 3253598 w 3903679"/>
                <a:gd name="connsiteY86" fmla="*/ 423864 h 1654021"/>
                <a:gd name="connsiteX87" fmla="*/ 3313129 w 3903679"/>
                <a:gd name="connsiteY87" fmla="*/ 390528 h 1654021"/>
                <a:gd name="connsiteX88" fmla="*/ 3384567 w 3903679"/>
                <a:gd name="connsiteY88" fmla="*/ 366715 h 1654021"/>
                <a:gd name="connsiteX89" fmla="*/ 3451242 w 3903679"/>
                <a:gd name="connsiteY89" fmla="*/ 330996 h 1654021"/>
                <a:gd name="connsiteX90" fmla="*/ 3539348 w 3903679"/>
                <a:gd name="connsiteY90" fmla="*/ 254796 h 1654021"/>
                <a:gd name="connsiteX91" fmla="*/ 3639360 w 3903679"/>
                <a:gd name="connsiteY91" fmla="*/ 200028 h 1654021"/>
                <a:gd name="connsiteX92" fmla="*/ 3748897 w 3903679"/>
                <a:gd name="connsiteY92" fmla="*/ 147641 h 1654021"/>
                <a:gd name="connsiteX93" fmla="*/ 3822716 w 3903679"/>
                <a:gd name="connsiteY93" fmla="*/ 71440 h 1654021"/>
                <a:gd name="connsiteX94" fmla="*/ 3839385 w 3903679"/>
                <a:gd name="connsiteY94" fmla="*/ 45246 h 1654021"/>
                <a:gd name="connsiteX95" fmla="*/ 3863198 w 3903679"/>
                <a:gd name="connsiteY95" fmla="*/ 28578 h 1654021"/>
                <a:gd name="connsiteX96" fmla="*/ 3882248 w 3903679"/>
                <a:gd name="connsiteY96" fmla="*/ 21434 h 1654021"/>
                <a:gd name="connsiteX97" fmla="*/ 3903679 w 3903679"/>
                <a:gd name="connsiteY97" fmla="*/ 0 h 1654021"/>
                <a:gd name="connsiteX0" fmla="*/ 3895298 w 3895298"/>
                <a:gd name="connsiteY0" fmla="*/ 0 h 1651693"/>
                <a:gd name="connsiteX1" fmla="*/ 3895298 w 3895298"/>
                <a:gd name="connsiteY1" fmla="*/ 1638300 h 1651693"/>
                <a:gd name="connsiteX2" fmla="*/ 37673 w 3895298"/>
                <a:gd name="connsiteY2" fmla="*/ 1638300 h 1651693"/>
                <a:gd name="connsiteX3" fmla="*/ 167054 w 3895298"/>
                <a:gd name="connsiteY3" fmla="*/ 1617662 h 1651693"/>
                <a:gd name="connsiteX4" fmla="*/ 121016 w 3895298"/>
                <a:gd name="connsiteY4" fmla="*/ 1631157 h 1651693"/>
                <a:gd name="connsiteX5" fmla="*/ 209123 w 3895298"/>
                <a:gd name="connsiteY5" fmla="*/ 1604962 h 1651693"/>
                <a:gd name="connsiteX6" fmla="*/ 263892 w 3895298"/>
                <a:gd name="connsiteY6" fmla="*/ 1595438 h 1651693"/>
                <a:gd name="connsiteX7" fmla="*/ 321042 w 3895298"/>
                <a:gd name="connsiteY7" fmla="*/ 1590675 h 1651693"/>
                <a:gd name="connsiteX8" fmla="*/ 373429 w 3895298"/>
                <a:gd name="connsiteY8" fmla="*/ 1585913 h 1651693"/>
                <a:gd name="connsiteX9" fmla="*/ 454392 w 3895298"/>
                <a:gd name="connsiteY9" fmla="*/ 1566864 h 1651693"/>
                <a:gd name="connsiteX10" fmla="*/ 511542 w 3895298"/>
                <a:gd name="connsiteY10" fmla="*/ 1547813 h 1651693"/>
                <a:gd name="connsiteX11" fmla="*/ 592505 w 3895298"/>
                <a:gd name="connsiteY11" fmla="*/ 1538287 h 1651693"/>
                <a:gd name="connsiteX12" fmla="*/ 678227 w 3895298"/>
                <a:gd name="connsiteY12" fmla="*/ 1524000 h 1651693"/>
                <a:gd name="connsiteX13" fmla="*/ 744905 w 3895298"/>
                <a:gd name="connsiteY13" fmla="*/ 1519238 h 1651693"/>
                <a:gd name="connsiteX14" fmla="*/ 797292 w 3895298"/>
                <a:gd name="connsiteY14" fmla="*/ 1512093 h 1651693"/>
                <a:gd name="connsiteX15" fmla="*/ 854443 w 3895298"/>
                <a:gd name="connsiteY15" fmla="*/ 1495424 h 1651693"/>
                <a:gd name="connsiteX16" fmla="*/ 899685 w 3895298"/>
                <a:gd name="connsiteY16" fmla="*/ 1481137 h 1651693"/>
                <a:gd name="connsiteX17" fmla="*/ 949692 w 3895298"/>
                <a:gd name="connsiteY17" fmla="*/ 1473994 h 1651693"/>
                <a:gd name="connsiteX18" fmla="*/ 994936 w 3895298"/>
                <a:gd name="connsiteY18" fmla="*/ 1469231 h 1651693"/>
                <a:gd name="connsiteX19" fmla="*/ 1037797 w 3895298"/>
                <a:gd name="connsiteY19" fmla="*/ 1452562 h 1651693"/>
                <a:gd name="connsiteX20" fmla="*/ 1073518 w 3895298"/>
                <a:gd name="connsiteY20" fmla="*/ 1421606 h 1651693"/>
                <a:gd name="connsiteX21" fmla="*/ 1099710 w 3895298"/>
                <a:gd name="connsiteY21" fmla="*/ 1404937 h 1651693"/>
                <a:gd name="connsiteX22" fmla="*/ 1123523 w 3895298"/>
                <a:gd name="connsiteY22" fmla="*/ 1390651 h 1651693"/>
                <a:gd name="connsiteX23" fmla="*/ 1161624 w 3895298"/>
                <a:gd name="connsiteY23" fmla="*/ 1373982 h 1651693"/>
                <a:gd name="connsiteX24" fmla="*/ 1192580 w 3895298"/>
                <a:gd name="connsiteY24" fmla="*/ 1357312 h 1651693"/>
                <a:gd name="connsiteX25" fmla="*/ 1230679 w 3895298"/>
                <a:gd name="connsiteY25" fmla="*/ 1345407 h 1651693"/>
                <a:gd name="connsiteX26" fmla="*/ 1271161 w 3895298"/>
                <a:gd name="connsiteY26" fmla="*/ 1321593 h 1651693"/>
                <a:gd name="connsiteX27" fmla="*/ 1299736 w 3895298"/>
                <a:gd name="connsiteY27" fmla="*/ 1312069 h 1651693"/>
                <a:gd name="connsiteX28" fmla="*/ 1325929 w 3895298"/>
                <a:gd name="connsiteY28" fmla="*/ 1304924 h 1651693"/>
                <a:gd name="connsiteX29" fmla="*/ 1354505 w 3895298"/>
                <a:gd name="connsiteY29" fmla="*/ 1304925 h 1651693"/>
                <a:gd name="connsiteX30" fmla="*/ 1385460 w 3895298"/>
                <a:gd name="connsiteY30" fmla="*/ 1297781 h 1651693"/>
                <a:gd name="connsiteX31" fmla="*/ 1418798 w 3895298"/>
                <a:gd name="connsiteY31" fmla="*/ 1288256 h 1651693"/>
                <a:gd name="connsiteX32" fmla="*/ 1452137 w 3895298"/>
                <a:gd name="connsiteY32" fmla="*/ 1276350 h 1651693"/>
                <a:gd name="connsiteX33" fmla="*/ 1478329 w 3895298"/>
                <a:gd name="connsiteY33" fmla="*/ 1257301 h 1651693"/>
                <a:gd name="connsiteX34" fmla="*/ 1514049 w 3895298"/>
                <a:gd name="connsiteY34" fmla="*/ 1243012 h 1651693"/>
                <a:gd name="connsiteX35" fmla="*/ 1540242 w 3895298"/>
                <a:gd name="connsiteY35" fmla="*/ 1228725 h 1651693"/>
                <a:gd name="connsiteX36" fmla="*/ 1568817 w 3895298"/>
                <a:gd name="connsiteY36" fmla="*/ 1214437 h 1651693"/>
                <a:gd name="connsiteX37" fmla="*/ 1595011 w 3895298"/>
                <a:gd name="connsiteY37" fmla="*/ 1202531 h 1651693"/>
                <a:gd name="connsiteX38" fmla="*/ 1611680 w 3895298"/>
                <a:gd name="connsiteY38" fmla="*/ 1188244 h 1651693"/>
                <a:gd name="connsiteX39" fmla="*/ 1640254 w 3895298"/>
                <a:gd name="connsiteY39" fmla="*/ 1181100 h 1651693"/>
                <a:gd name="connsiteX40" fmla="*/ 1668828 w 3895298"/>
                <a:gd name="connsiteY40" fmla="*/ 1169194 h 1651693"/>
                <a:gd name="connsiteX41" fmla="*/ 1706929 w 3895298"/>
                <a:gd name="connsiteY41" fmla="*/ 1150142 h 1651693"/>
                <a:gd name="connsiteX42" fmla="*/ 1747411 w 3895298"/>
                <a:gd name="connsiteY42" fmla="*/ 1131093 h 1651693"/>
                <a:gd name="connsiteX43" fmla="*/ 1780748 w 3895298"/>
                <a:gd name="connsiteY43" fmla="*/ 1126331 h 1651693"/>
                <a:gd name="connsiteX44" fmla="*/ 1806942 w 3895298"/>
                <a:gd name="connsiteY44" fmla="*/ 1109662 h 1651693"/>
                <a:gd name="connsiteX45" fmla="*/ 1845042 w 3895298"/>
                <a:gd name="connsiteY45" fmla="*/ 1102518 h 1651693"/>
                <a:gd name="connsiteX46" fmla="*/ 1875998 w 3895298"/>
                <a:gd name="connsiteY46" fmla="*/ 1085850 h 1651693"/>
                <a:gd name="connsiteX47" fmla="*/ 1906954 w 3895298"/>
                <a:gd name="connsiteY47" fmla="*/ 1078706 h 1651693"/>
                <a:gd name="connsiteX48" fmla="*/ 1935529 w 3895298"/>
                <a:gd name="connsiteY48" fmla="*/ 1059656 h 1651693"/>
                <a:gd name="connsiteX49" fmla="*/ 1978392 w 3895298"/>
                <a:gd name="connsiteY49" fmla="*/ 1045368 h 1651693"/>
                <a:gd name="connsiteX50" fmla="*/ 2004586 w 3895298"/>
                <a:gd name="connsiteY50" fmla="*/ 1035843 h 1651693"/>
                <a:gd name="connsiteX51" fmla="*/ 2042686 w 3895298"/>
                <a:gd name="connsiteY51" fmla="*/ 1016793 h 1651693"/>
                <a:gd name="connsiteX52" fmla="*/ 2059354 w 3895298"/>
                <a:gd name="connsiteY52" fmla="*/ 1009650 h 1651693"/>
                <a:gd name="connsiteX53" fmla="*/ 2083166 w 3895298"/>
                <a:gd name="connsiteY53" fmla="*/ 990600 h 1651693"/>
                <a:gd name="connsiteX54" fmla="*/ 2104598 w 3895298"/>
                <a:gd name="connsiteY54" fmla="*/ 966788 h 1651693"/>
                <a:gd name="connsiteX55" fmla="*/ 2140317 w 3895298"/>
                <a:gd name="connsiteY55" fmla="*/ 959646 h 1651693"/>
                <a:gd name="connsiteX56" fmla="*/ 2192705 w 3895298"/>
                <a:gd name="connsiteY56" fmla="*/ 942975 h 1651693"/>
                <a:gd name="connsiteX57" fmla="*/ 2242711 w 3895298"/>
                <a:gd name="connsiteY57" fmla="*/ 921543 h 1651693"/>
                <a:gd name="connsiteX58" fmla="*/ 2297479 w 3895298"/>
                <a:gd name="connsiteY58" fmla="*/ 888206 h 1651693"/>
                <a:gd name="connsiteX59" fmla="*/ 2330817 w 3895298"/>
                <a:gd name="connsiteY59" fmla="*/ 869156 h 1651693"/>
                <a:gd name="connsiteX60" fmla="*/ 2390347 w 3895298"/>
                <a:gd name="connsiteY60" fmla="*/ 845343 h 1651693"/>
                <a:gd name="connsiteX61" fmla="*/ 2414161 w 3895298"/>
                <a:gd name="connsiteY61" fmla="*/ 838203 h 1651693"/>
                <a:gd name="connsiteX62" fmla="*/ 2437973 w 3895298"/>
                <a:gd name="connsiteY62" fmla="*/ 831056 h 1651693"/>
                <a:gd name="connsiteX63" fmla="*/ 2466548 w 3895298"/>
                <a:gd name="connsiteY63" fmla="*/ 821532 h 1651693"/>
                <a:gd name="connsiteX64" fmla="*/ 2495123 w 3895298"/>
                <a:gd name="connsiteY64" fmla="*/ 814387 h 1651693"/>
                <a:gd name="connsiteX65" fmla="*/ 2530843 w 3895298"/>
                <a:gd name="connsiteY65" fmla="*/ 809624 h 1651693"/>
                <a:gd name="connsiteX66" fmla="*/ 2571323 w 3895298"/>
                <a:gd name="connsiteY66" fmla="*/ 792956 h 1651693"/>
                <a:gd name="connsiteX67" fmla="*/ 2597517 w 3895298"/>
                <a:gd name="connsiteY67" fmla="*/ 783431 h 1651693"/>
                <a:gd name="connsiteX68" fmla="*/ 2626093 w 3895298"/>
                <a:gd name="connsiteY68" fmla="*/ 766762 h 1651693"/>
                <a:gd name="connsiteX69" fmla="*/ 2654667 w 3895298"/>
                <a:gd name="connsiteY69" fmla="*/ 750093 h 1651693"/>
                <a:gd name="connsiteX70" fmla="*/ 2676098 w 3895298"/>
                <a:gd name="connsiteY70" fmla="*/ 731043 h 1651693"/>
                <a:gd name="connsiteX71" fmla="*/ 2704674 w 3895298"/>
                <a:gd name="connsiteY71" fmla="*/ 721519 h 1651693"/>
                <a:gd name="connsiteX72" fmla="*/ 2726104 w 3895298"/>
                <a:gd name="connsiteY72" fmla="*/ 707231 h 1651693"/>
                <a:gd name="connsiteX73" fmla="*/ 2754679 w 3895298"/>
                <a:gd name="connsiteY73" fmla="*/ 688181 h 1651693"/>
                <a:gd name="connsiteX74" fmla="*/ 2799923 w 3895298"/>
                <a:gd name="connsiteY74" fmla="*/ 673895 h 1651693"/>
                <a:gd name="connsiteX75" fmla="*/ 2840404 w 3895298"/>
                <a:gd name="connsiteY75" fmla="*/ 647704 h 1651693"/>
                <a:gd name="connsiteX76" fmla="*/ 2866598 w 3895298"/>
                <a:gd name="connsiteY76" fmla="*/ 626272 h 1651693"/>
                <a:gd name="connsiteX77" fmla="*/ 2897554 w 3895298"/>
                <a:gd name="connsiteY77" fmla="*/ 604843 h 1651693"/>
                <a:gd name="connsiteX78" fmla="*/ 2923747 w 3895298"/>
                <a:gd name="connsiteY78" fmla="*/ 578647 h 1651693"/>
                <a:gd name="connsiteX79" fmla="*/ 2945180 w 3895298"/>
                <a:gd name="connsiteY79" fmla="*/ 564360 h 1651693"/>
                <a:gd name="connsiteX80" fmla="*/ 2978517 w 3895298"/>
                <a:gd name="connsiteY80" fmla="*/ 540546 h 1651693"/>
                <a:gd name="connsiteX81" fmla="*/ 3004711 w 3895298"/>
                <a:gd name="connsiteY81" fmla="*/ 519115 h 1651693"/>
                <a:gd name="connsiteX82" fmla="*/ 3045192 w 3895298"/>
                <a:gd name="connsiteY82" fmla="*/ 504828 h 1651693"/>
                <a:gd name="connsiteX83" fmla="*/ 3107104 w 3895298"/>
                <a:gd name="connsiteY83" fmla="*/ 490540 h 1651693"/>
                <a:gd name="connsiteX84" fmla="*/ 3157110 w 3895298"/>
                <a:gd name="connsiteY84" fmla="*/ 471490 h 1651693"/>
                <a:gd name="connsiteX85" fmla="*/ 3195210 w 3895298"/>
                <a:gd name="connsiteY85" fmla="*/ 445296 h 1651693"/>
                <a:gd name="connsiteX86" fmla="*/ 3245217 w 3895298"/>
                <a:gd name="connsiteY86" fmla="*/ 423864 h 1651693"/>
                <a:gd name="connsiteX87" fmla="*/ 3304748 w 3895298"/>
                <a:gd name="connsiteY87" fmla="*/ 390528 h 1651693"/>
                <a:gd name="connsiteX88" fmla="*/ 3376186 w 3895298"/>
                <a:gd name="connsiteY88" fmla="*/ 366715 h 1651693"/>
                <a:gd name="connsiteX89" fmla="*/ 3442861 w 3895298"/>
                <a:gd name="connsiteY89" fmla="*/ 330996 h 1651693"/>
                <a:gd name="connsiteX90" fmla="*/ 3530967 w 3895298"/>
                <a:gd name="connsiteY90" fmla="*/ 254796 h 1651693"/>
                <a:gd name="connsiteX91" fmla="*/ 3630979 w 3895298"/>
                <a:gd name="connsiteY91" fmla="*/ 200028 h 1651693"/>
                <a:gd name="connsiteX92" fmla="*/ 3740516 w 3895298"/>
                <a:gd name="connsiteY92" fmla="*/ 147641 h 1651693"/>
                <a:gd name="connsiteX93" fmla="*/ 3814335 w 3895298"/>
                <a:gd name="connsiteY93" fmla="*/ 71440 h 1651693"/>
                <a:gd name="connsiteX94" fmla="*/ 3831004 w 3895298"/>
                <a:gd name="connsiteY94" fmla="*/ 45246 h 1651693"/>
                <a:gd name="connsiteX95" fmla="*/ 3854817 w 3895298"/>
                <a:gd name="connsiteY95" fmla="*/ 28578 h 1651693"/>
                <a:gd name="connsiteX96" fmla="*/ 3873867 w 3895298"/>
                <a:gd name="connsiteY96" fmla="*/ 21434 h 1651693"/>
                <a:gd name="connsiteX97" fmla="*/ 3895298 w 3895298"/>
                <a:gd name="connsiteY97" fmla="*/ 0 h 1651693"/>
                <a:gd name="connsiteX0" fmla="*/ 3891657 w 3891657"/>
                <a:gd name="connsiteY0" fmla="*/ 0 h 1651693"/>
                <a:gd name="connsiteX1" fmla="*/ 3891657 w 3891657"/>
                <a:gd name="connsiteY1" fmla="*/ 1638300 h 1651693"/>
                <a:gd name="connsiteX2" fmla="*/ 41176 w 3891657"/>
                <a:gd name="connsiteY2" fmla="*/ 1638300 h 1651693"/>
                <a:gd name="connsiteX3" fmla="*/ 163413 w 3891657"/>
                <a:gd name="connsiteY3" fmla="*/ 1617662 h 1651693"/>
                <a:gd name="connsiteX4" fmla="*/ 117375 w 3891657"/>
                <a:gd name="connsiteY4" fmla="*/ 1631157 h 1651693"/>
                <a:gd name="connsiteX5" fmla="*/ 205482 w 3891657"/>
                <a:gd name="connsiteY5" fmla="*/ 1604962 h 1651693"/>
                <a:gd name="connsiteX6" fmla="*/ 260251 w 3891657"/>
                <a:gd name="connsiteY6" fmla="*/ 1595438 h 1651693"/>
                <a:gd name="connsiteX7" fmla="*/ 317401 w 3891657"/>
                <a:gd name="connsiteY7" fmla="*/ 1590675 h 1651693"/>
                <a:gd name="connsiteX8" fmla="*/ 369788 w 3891657"/>
                <a:gd name="connsiteY8" fmla="*/ 1585913 h 1651693"/>
                <a:gd name="connsiteX9" fmla="*/ 450751 w 3891657"/>
                <a:gd name="connsiteY9" fmla="*/ 1566864 h 1651693"/>
                <a:gd name="connsiteX10" fmla="*/ 507901 w 3891657"/>
                <a:gd name="connsiteY10" fmla="*/ 1547813 h 1651693"/>
                <a:gd name="connsiteX11" fmla="*/ 588864 w 3891657"/>
                <a:gd name="connsiteY11" fmla="*/ 1538287 h 1651693"/>
                <a:gd name="connsiteX12" fmla="*/ 674586 w 3891657"/>
                <a:gd name="connsiteY12" fmla="*/ 1524000 h 1651693"/>
                <a:gd name="connsiteX13" fmla="*/ 741264 w 3891657"/>
                <a:gd name="connsiteY13" fmla="*/ 1519238 h 1651693"/>
                <a:gd name="connsiteX14" fmla="*/ 793651 w 3891657"/>
                <a:gd name="connsiteY14" fmla="*/ 1512093 h 1651693"/>
                <a:gd name="connsiteX15" fmla="*/ 850802 w 3891657"/>
                <a:gd name="connsiteY15" fmla="*/ 1495424 h 1651693"/>
                <a:gd name="connsiteX16" fmla="*/ 896044 w 3891657"/>
                <a:gd name="connsiteY16" fmla="*/ 1481137 h 1651693"/>
                <a:gd name="connsiteX17" fmla="*/ 946051 w 3891657"/>
                <a:gd name="connsiteY17" fmla="*/ 1473994 h 1651693"/>
                <a:gd name="connsiteX18" fmla="*/ 991295 w 3891657"/>
                <a:gd name="connsiteY18" fmla="*/ 1469231 h 1651693"/>
                <a:gd name="connsiteX19" fmla="*/ 1034156 w 3891657"/>
                <a:gd name="connsiteY19" fmla="*/ 1452562 h 1651693"/>
                <a:gd name="connsiteX20" fmla="*/ 1069877 w 3891657"/>
                <a:gd name="connsiteY20" fmla="*/ 1421606 h 1651693"/>
                <a:gd name="connsiteX21" fmla="*/ 1096069 w 3891657"/>
                <a:gd name="connsiteY21" fmla="*/ 1404937 h 1651693"/>
                <a:gd name="connsiteX22" fmla="*/ 1119882 w 3891657"/>
                <a:gd name="connsiteY22" fmla="*/ 1390651 h 1651693"/>
                <a:gd name="connsiteX23" fmla="*/ 1157983 w 3891657"/>
                <a:gd name="connsiteY23" fmla="*/ 1373982 h 1651693"/>
                <a:gd name="connsiteX24" fmla="*/ 1188939 w 3891657"/>
                <a:gd name="connsiteY24" fmla="*/ 1357312 h 1651693"/>
                <a:gd name="connsiteX25" fmla="*/ 1227038 w 3891657"/>
                <a:gd name="connsiteY25" fmla="*/ 1345407 h 1651693"/>
                <a:gd name="connsiteX26" fmla="*/ 1267520 w 3891657"/>
                <a:gd name="connsiteY26" fmla="*/ 1321593 h 1651693"/>
                <a:gd name="connsiteX27" fmla="*/ 1296095 w 3891657"/>
                <a:gd name="connsiteY27" fmla="*/ 1312069 h 1651693"/>
                <a:gd name="connsiteX28" fmla="*/ 1322288 w 3891657"/>
                <a:gd name="connsiteY28" fmla="*/ 1304924 h 1651693"/>
                <a:gd name="connsiteX29" fmla="*/ 1350864 w 3891657"/>
                <a:gd name="connsiteY29" fmla="*/ 1304925 h 1651693"/>
                <a:gd name="connsiteX30" fmla="*/ 1381819 w 3891657"/>
                <a:gd name="connsiteY30" fmla="*/ 1297781 h 1651693"/>
                <a:gd name="connsiteX31" fmla="*/ 1415157 w 3891657"/>
                <a:gd name="connsiteY31" fmla="*/ 1288256 h 1651693"/>
                <a:gd name="connsiteX32" fmla="*/ 1448496 w 3891657"/>
                <a:gd name="connsiteY32" fmla="*/ 1276350 h 1651693"/>
                <a:gd name="connsiteX33" fmla="*/ 1474688 w 3891657"/>
                <a:gd name="connsiteY33" fmla="*/ 1257301 h 1651693"/>
                <a:gd name="connsiteX34" fmla="*/ 1510408 w 3891657"/>
                <a:gd name="connsiteY34" fmla="*/ 1243012 h 1651693"/>
                <a:gd name="connsiteX35" fmla="*/ 1536601 w 3891657"/>
                <a:gd name="connsiteY35" fmla="*/ 1228725 h 1651693"/>
                <a:gd name="connsiteX36" fmla="*/ 1565176 w 3891657"/>
                <a:gd name="connsiteY36" fmla="*/ 1214437 h 1651693"/>
                <a:gd name="connsiteX37" fmla="*/ 1591370 w 3891657"/>
                <a:gd name="connsiteY37" fmla="*/ 1202531 h 1651693"/>
                <a:gd name="connsiteX38" fmla="*/ 1608039 w 3891657"/>
                <a:gd name="connsiteY38" fmla="*/ 1188244 h 1651693"/>
                <a:gd name="connsiteX39" fmla="*/ 1636613 w 3891657"/>
                <a:gd name="connsiteY39" fmla="*/ 1181100 h 1651693"/>
                <a:gd name="connsiteX40" fmla="*/ 1665187 w 3891657"/>
                <a:gd name="connsiteY40" fmla="*/ 1169194 h 1651693"/>
                <a:gd name="connsiteX41" fmla="*/ 1703288 w 3891657"/>
                <a:gd name="connsiteY41" fmla="*/ 1150142 h 1651693"/>
                <a:gd name="connsiteX42" fmla="*/ 1743770 w 3891657"/>
                <a:gd name="connsiteY42" fmla="*/ 1131093 h 1651693"/>
                <a:gd name="connsiteX43" fmla="*/ 1777107 w 3891657"/>
                <a:gd name="connsiteY43" fmla="*/ 1126331 h 1651693"/>
                <a:gd name="connsiteX44" fmla="*/ 1803301 w 3891657"/>
                <a:gd name="connsiteY44" fmla="*/ 1109662 h 1651693"/>
                <a:gd name="connsiteX45" fmla="*/ 1841401 w 3891657"/>
                <a:gd name="connsiteY45" fmla="*/ 1102518 h 1651693"/>
                <a:gd name="connsiteX46" fmla="*/ 1872357 w 3891657"/>
                <a:gd name="connsiteY46" fmla="*/ 1085850 h 1651693"/>
                <a:gd name="connsiteX47" fmla="*/ 1903313 w 3891657"/>
                <a:gd name="connsiteY47" fmla="*/ 1078706 h 1651693"/>
                <a:gd name="connsiteX48" fmla="*/ 1931888 w 3891657"/>
                <a:gd name="connsiteY48" fmla="*/ 1059656 h 1651693"/>
                <a:gd name="connsiteX49" fmla="*/ 1974751 w 3891657"/>
                <a:gd name="connsiteY49" fmla="*/ 1045368 h 1651693"/>
                <a:gd name="connsiteX50" fmla="*/ 2000945 w 3891657"/>
                <a:gd name="connsiteY50" fmla="*/ 1035843 h 1651693"/>
                <a:gd name="connsiteX51" fmla="*/ 2039045 w 3891657"/>
                <a:gd name="connsiteY51" fmla="*/ 1016793 h 1651693"/>
                <a:gd name="connsiteX52" fmla="*/ 2055713 w 3891657"/>
                <a:gd name="connsiteY52" fmla="*/ 1009650 h 1651693"/>
                <a:gd name="connsiteX53" fmla="*/ 2079525 w 3891657"/>
                <a:gd name="connsiteY53" fmla="*/ 990600 h 1651693"/>
                <a:gd name="connsiteX54" fmla="*/ 2100957 w 3891657"/>
                <a:gd name="connsiteY54" fmla="*/ 966788 h 1651693"/>
                <a:gd name="connsiteX55" fmla="*/ 2136676 w 3891657"/>
                <a:gd name="connsiteY55" fmla="*/ 959646 h 1651693"/>
                <a:gd name="connsiteX56" fmla="*/ 2189064 w 3891657"/>
                <a:gd name="connsiteY56" fmla="*/ 942975 h 1651693"/>
                <a:gd name="connsiteX57" fmla="*/ 2239070 w 3891657"/>
                <a:gd name="connsiteY57" fmla="*/ 921543 h 1651693"/>
                <a:gd name="connsiteX58" fmla="*/ 2293838 w 3891657"/>
                <a:gd name="connsiteY58" fmla="*/ 888206 h 1651693"/>
                <a:gd name="connsiteX59" fmla="*/ 2327176 w 3891657"/>
                <a:gd name="connsiteY59" fmla="*/ 869156 h 1651693"/>
                <a:gd name="connsiteX60" fmla="*/ 2386706 w 3891657"/>
                <a:gd name="connsiteY60" fmla="*/ 845343 h 1651693"/>
                <a:gd name="connsiteX61" fmla="*/ 2410520 w 3891657"/>
                <a:gd name="connsiteY61" fmla="*/ 838203 h 1651693"/>
                <a:gd name="connsiteX62" fmla="*/ 2434332 w 3891657"/>
                <a:gd name="connsiteY62" fmla="*/ 831056 h 1651693"/>
                <a:gd name="connsiteX63" fmla="*/ 2462907 w 3891657"/>
                <a:gd name="connsiteY63" fmla="*/ 821532 h 1651693"/>
                <a:gd name="connsiteX64" fmla="*/ 2491482 w 3891657"/>
                <a:gd name="connsiteY64" fmla="*/ 814387 h 1651693"/>
                <a:gd name="connsiteX65" fmla="*/ 2527202 w 3891657"/>
                <a:gd name="connsiteY65" fmla="*/ 809624 h 1651693"/>
                <a:gd name="connsiteX66" fmla="*/ 2567682 w 3891657"/>
                <a:gd name="connsiteY66" fmla="*/ 792956 h 1651693"/>
                <a:gd name="connsiteX67" fmla="*/ 2593876 w 3891657"/>
                <a:gd name="connsiteY67" fmla="*/ 783431 h 1651693"/>
                <a:gd name="connsiteX68" fmla="*/ 2622452 w 3891657"/>
                <a:gd name="connsiteY68" fmla="*/ 766762 h 1651693"/>
                <a:gd name="connsiteX69" fmla="*/ 2651026 w 3891657"/>
                <a:gd name="connsiteY69" fmla="*/ 750093 h 1651693"/>
                <a:gd name="connsiteX70" fmla="*/ 2672457 w 3891657"/>
                <a:gd name="connsiteY70" fmla="*/ 731043 h 1651693"/>
                <a:gd name="connsiteX71" fmla="*/ 2701033 w 3891657"/>
                <a:gd name="connsiteY71" fmla="*/ 721519 h 1651693"/>
                <a:gd name="connsiteX72" fmla="*/ 2722463 w 3891657"/>
                <a:gd name="connsiteY72" fmla="*/ 707231 h 1651693"/>
                <a:gd name="connsiteX73" fmla="*/ 2751038 w 3891657"/>
                <a:gd name="connsiteY73" fmla="*/ 688181 h 1651693"/>
                <a:gd name="connsiteX74" fmla="*/ 2796282 w 3891657"/>
                <a:gd name="connsiteY74" fmla="*/ 673895 h 1651693"/>
                <a:gd name="connsiteX75" fmla="*/ 2836763 w 3891657"/>
                <a:gd name="connsiteY75" fmla="*/ 647704 h 1651693"/>
                <a:gd name="connsiteX76" fmla="*/ 2862957 w 3891657"/>
                <a:gd name="connsiteY76" fmla="*/ 626272 h 1651693"/>
                <a:gd name="connsiteX77" fmla="*/ 2893913 w 3891657"/>
                <a:gd name="connsiteY77" fmla="*/ 604843 h 1651693"/>
                <a:gd name="connsiteX78" fmla="*/ 2920106 w 3891657"/>
                <a:gd name="connsiteY78" fmla="*/ 578647 h 1651693"/>
                <a:gd name="connsiteX79" fmla="*/ 2941539 w 3891657"/>
                <a:gd name="connsiteY79" fmla="*/ 564360 h 1651693"/>
                <a:gd name="connsiteX80" fmla="*/ 2974876 w 3891657"/>
                <a:gd name="connsiteY80" fmla="*/ 540546 h 1651693"/>
                <a:gd name="connsiteX81" fmla="*/ 3001070 w 3891657"/>
                <a:gd name="connsiteY81" fmla="*/ 519115 h 1651693"/>
                <a:gd name="connsiteX82" fmla="*/ 3041551 w 3891657"/>
                <a:gd name="connsiteY82" fmla="*/ 504828 h 1651693"/>
                <a:gd name="connsiteX83" fmla="*/ 3103463 w 3891657"/>
                <a:gd name="connsiteY83" fmla="*/ 490540 h 1651693"/>
                <a:gd name="connsiteX84" fmla="*/ 3153469 w 3891657"/>
                <a:gd name="connsiteY84" fmla="*/ 471490 h 1651693"/>
                <a:gd name="connsiteX85" fmla="*/ 3191569 w 3891657"/>
                <a:gd name="connsiteY85" fmla="*/ 445296 h 1651693"/>
                <a:gd name="connsiteX86" fmla="*/ 3241576 w 3891657"/>
                <a:gd name="connsiteY86" fmla="*/ 423864 h 1651693"/>
                <a:gd name="connsiteX87" fmla="*/ 3301107 w 3891657"/>
                <a:gd name="connsiteY87" fmla="*/ 390528 h 1651693"/>
                <a:gd name="connsiteX88" fmla="*/ 3372545 w 3891657"/>
                <a:gd name="connsiteY88" fmla="*/ 366715 h 1651693"/>
                <a:gd name="connsiteX89" fmla="*/ 3439220 w 3891657"/>
                <a:gd name="connsiteY89" fmla="*/ 330996 h 1651693"/>
                <a:gd name="connsiteX90" fmla="*/ 3527326 w 3891657"/>
                <a:gd name="connsiteY90" fmla="*/ 254796 h 1651693"/>
                <a:gd name="connsiteX91" fmla="*/ 3627338 w 3891657"/>
                <a:gd name="connsiteY91" fmla="*/ 200028 h 1651693"/>
                <a:gd name="connsiteX92" fmla="*/ 3736875 w 3891657"/>
                <a:gd name="connsiteY92" fmla="*/ 147641 h 1651693"/>
                <a:gd name="connsiteX93" fmla="*/ 3810694 w 3891657"/>
                <a:gd name="connsiteY93" fmla="*/ 71440 h 1651693"/>
                <a:gd name="connsiteX94" fmla="*/ 3827363 w 3891657"/>
                <a:gd name="connsiteY94" fmla="*/ 45246 h 1651693"/>
                <a:gd name="connsiteX95" fmla="*/ 3851176 w 3891657"/>
                <a:gd name="connsiteY95" fmla="*/ 28578 h 1651693"/>
                <a:gd name="connsiteX96" fmla="*/ 3870226 w 3891657"/>
                <a:gd name="connsiteY96" fmla="*/ 21434 h 1651693"/>
                <a:gd name="connsiteX97" fmla="*/ 3891657 w 3891657"/>
                <a:gd name="connsiteY97" fmla="*/ 0 h 16516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Lst>
              <a:rect l="l" t="t" r="r" b="b"/>
              <a:pathLst>
                <a:path w="3891657" h="1651693">
                  <a:moveTo>
                    <a:pt x="3891657" y="0"/>
                  </a:moveTo>
                  <a:lnTo>
                    <a:pt x="3891657" y="1638300"/>
                  </a:lnTo>
                  <a:lnTo>
                    <a:pt x="41176" y="1638300"/>
                  </a:lnTo>
                  <a:cubicBezTo>
                    <a:pt x="27153" y="1638035"/>
                    <a:pt x="-95349" y="1679574"/>
                    <a:pt x="163413" y="1617662"/>
                  </a:cubicBezTo>
                  <a:cubicBezTo>
                    <a:pt x="178891" y="1612106"/>
                    <a:pt x="109967" y="1633670"/>
                    <a:pt x="117375" y="1631157"/>
                  </a:cubicBezTo>
                  <a:cubicBezTo>
                    <a:pt x="124783" y="1628644"/>
                    <a:pt x="185638" y="1609724"/>
                    <a:pt x="205482" y="1604962"/>
                  </a:cubicBezTo>
                  <a:cubicBezTo>
                    <a:pt x="222812" y="1601258"/>
                    <a:pt x="234057" y="1599804"/>
                    <a:pt x="260251" y="1595438"/>
                  </a:cubicBezTo>
                  <a:cubicBezTo>
                    <a:pt x="286445" y="1591072"/>
                    <a:pt x="278110" y="1599009"/>
                    <a:pt x="317401" y="1590675"/>
                  </a:cubicBezTo>
                  <a:cubicBezTo>
                    <a:pt x="370582" y="1580753"/>
                    <a:pt x="347563" y="1589881"/>
                    <a:pt x="369788" y="1585913"/>
                  </a:cubicBezTo>
                  <a:cubicBezTo>
                    <a:pt x="392013" y="1581945"/>
                    <a:pt x="427732" y="1573214"/>
                    <a:pt x="450751" y="1566864"/>
                  </a:cubicBezTo>
                  <a:cubicBezTo>
                    <a:pt x="473770" y="1560514"/>
                    <a:pt x="355898" y="1586310"/>
                    <a:pt x="507901" y="1547813"/>
                  </a:cubicBezTo>
                  <a:cubicBezTo>
                    <a:pt x="535285" y="1541463"/>
                    <a:pt x="561083" y="1542256"/>
                    <a:pt x="588864" y="1538287"/>
                  </a:cubicBezTo>
                  <a:cubicBezTo>
                    <a:pt x="616645" y="1534318"/>
                    <a:pt x="649186" y="1527175"/>
                    <a:pt x="674586" y="1524000"/>
                  </a:cubicBezTo>
                  <a:cubicBezTo>
                    <a:pt x="699986" y="1520825"/>
                    <a:pt x="721420" y="1521222"/>
                    <a:pt x="741264" y="1519238"/>
                  </a:cubicBezTo>
                  <a:cubicBezTo>
                    <a:pt x="761108" y="1517254"/>
                    <a:pt x="775395" y="1516062"/>
                    <a:pt x="793651" y="1512093"/>
                  </a:cubicBezTo>
                  <a:cubicBezTo>
                    <a:pt x="811907" y="1508124"/>
                    <a:pt x="833737" y="1500583"/>
                    <a:pt x="850802" y="1495424"/>
                  </a:cubicBezTo>
                  <a:cubicBezTo>
                    <a:pt x="867867" y="1490265"/>
                    <a:pt x="880169" y="1484709"/>
                    <a:pt x="896044" y="1481137"/>
                  </a:cubicBezTo>
                  <a:cubicBezTo>
                    <a:pt x="911919" y="1477565"/>
                    <a:pt x="928985" y="1479153"/>
                    <a:pt x="946051" y="1473994"/>
                  </a:cubicBezTo>
                  <a:lnTo>
                    <a:pt x="991295" y="1469231"/>
                  </a:lnTo>
                  <a:cubicBezTo>
                    <a:pt x="1003598" y="1465262"/>
                    <a:pt x="1021059" y="1460499"/>
                    <a:pt x="1034156" y="1452562"/>
                  </a:cubicBezTo>
                  <a:cubicBezTo>
                    <a:pt x="1047253" y="1444625"/>
                    <a:pt x="1059558" y="1429543"/>
                    <a:pt x="1069877" y="1421606"/>
                  </a:cubicBezTo>
                  <a:cubicBezTo>
                    <a:pt x="1080196" y="1413669"/>
                    <a:pt x="1087735" y="1410096"/>
                    <a:pt x="1096069" y="1404937"/>
                  </a:cubicBezTo>
                  <a:cubicBezTo>
                    <a:pt x="1104403" y="1399778"/>
                    <a:pt x="1109563" y="1395810"/>
                    <a:pt x="1119882" y="1390651"/>
                  </a:cubicBezTo>
                  <a:cubicBezTo>
                    <a:pt x="1130201" y="1385492"/>
                    <a:pt x="1146474" y="1379539"/>
                    <a:pt x="1157983" y="1373982"/>
                  </a:cubicBezTo>
                  <a:cubicBezTo>
                    <a:pt x="1169493" y="1368426"/>
                    <a:pt x="1177430" y="1362075"/>
                    <a:pt x="1188939" y="1357312"/>
                  </a:cubicBezTo>
                  <a:cubicBezTo>
                    <a:pt x="1200448" y="1352550"/>
                    <a:pt x="1213941" y="1346994"/>
                    <a:pt x="1227038" y="1345407"/>
                  </a:cubicBezTo>
                  <a:cubicBezTo>
                    <a:pt x="1240135" y="1343820"/>
                    <a:pt x="1256011" y="1327149"/>
                    <a:pt x="1267520" y="1321593"/>
                  </a:cubicBezTo>
                  <a:cubicBezTo>
                    <a:pt x="1279029" y="1316037"/>
                    <a:pt x="1286570" y="1311672"/>
                    <a:pt x="1296095" y="1312069"/>
                  </a:cubicBezTo>
                  <a:cubicBezTo>
                    <a:pt x="1305620" y="1312466"/>
                    <a:pt x="1313160" y="1306115"/>
                    <a:pt x="1322288" y="1304924"/>
                  </a:cubicBezTo>
                  <a:cubicBezTo>
                    <a:pt x="1331416" y="1303733"/>
                    <a:pt x="1340942" y="1306115"/>
                    <a:pt x="1350864" y="1304925"/>
                  </a:cubicBezTo>
                  <a:cubicBezTo>
                    <a:pt x="1360786" y="1303735"/>
                    <a:pt x="1371104" y="1300559"/>
                    <a:pt x="1381819" y="1297781"/>
                  </a:cubicBezTo>
                  <a:cubicBezTo>
                    <a:pt x="1392534" y="1295003"/>
                    <a:pt x="1404044" y="1291828"/>
                    <a:pt x="1415157" y="1288256"/>
                  </a:cubicBezTo>
                  <a:cubicBezTo>
                    <a:pt x="1426270" y="1284684"/>
                    <a:pt x="1438574" y="1281509"/>
                    <a:pt x="1448496" y="1276350"/>
                  </a:cubicBezTo>
                  <a:cubicBezTo>
                    <a:pt x="1458418" y="1271191"/>
                    <a:pt x="1464369" y="1262857"/>
                    <a:pt x="1474688" y="1257301"/>
                  </a:cubicBezTo>
                  <a:cubicBezTo>
                    <a:pt x="1485007" y="1251745"/>
                    <a:pt x="1500089" y="1247775"/>
                    <a:pt x="1510408" y="1243012"/>
                  </a:cubicBezTo>
                  <a:cubicBezTo>
                    <a:pt x="1520727" y="1238249"/>
                    <a:pt x="1527473" y="1233487"/>
                    <a:pt x="1536601" y="1228725"/>
                  </a:cubicBezTo>
                  <a:cubicBezTo>
                    <a:pt x="1545729" y="1223963"/>
                    <a:pt x="1556048" y="1218803"/>
                    <a:pt x="1565176" y="1214437"/>
                  </a:cubicBezTo>
                  <a:cubicBezTo>
                    <a:pt x="1574304" y="1210071"/>
                    <a:pt x="1584226" y="1206896"/>
                    <a:pt x="1591370" y="1202531"/>
                  </a:cubicBezTo>
                  <a:cubicBezTo>
                    <a:pt x="1598514" y="1198166"/>
                    <a:pt x="1600498" y="1191816"/>
                    <a:pt x="1608039" y="1188244"/>
                  </a:cubicBezTo>
                  <a:cubicBezTo>
                    <a:pt x="1615580" y="1184672"/>
                    <a:pt x="1623913" y="1187053"/>
                    <a:pt x="1636613" y="1181100"/>
                  </a:cubicBezTo>
                  <a:lnTo>
                    <a:pt x="1665187" y="1169194"/>
                  </a:lnTo>
                  <a:lnTo>
                    <a:pt x="1703288" y="1150142"/>
                  </a:lnTo>
                  <a:lnTo>
                    <a:pt x="1743770" y="1131093"/>
                  </a:lnTo>
                  <a:lnTo>
                    <a:pt x="1777107" y="1126331"/>
                  </a:lnTo>
                  <a:lnTo>
                    <a:pt x="1803301" y="1109662"/>
                  </a:lnTo>
                  <a:lnTo>
                    <a:pt x="1841401" y="1102518"/>
                  </a:lnTo>
                  <a:lnTo>
                    <a:pt x="1872357" y="1085850"/>
                  </a:lnTo>
                  <a:lnTo>
                    <a:pt x="1903313" y="1078706"/>
                  </a:lnTo>
                  <a:lnTo>
                    <a:pt x="1931888" y="1059656"/>
                  </a:lnTo>
                  <a:cubicBezTo>
                    <a:pt x="1918791" y="1068387"/>
                    <a:pt x="1934270" y="1066799"/>
                    <a:pt x="1974751" y="1045368"/>
                  </a:cubicBezTo>
                  <a:cubicBezTo>
                    <a:pt x="1985467" y="1041399"/>
                    <a:pt x="1990229" y="1040605"/>
                    <a:pt x="2000945" y="1035843"/>
                  </a:cubicBezTo>
                  <a:cubicBezTo>
                    <a:pt x="2011661" y="1031081"/>
                    <a:pt x="2031504" y="1020762"/>
                    <a:pt x="2039045" y="1016793"/>
                  </a:cubicBezTo>
                  <a:cubicBezTo>
                    <a:pt x="2020392" y="1027112"/>
                    <a:pt x="2046585" y="1014809"/>
                    <a:pt x="2055713" y="1009650"/>
                  </a:cubicBezTo>
                  <a:lnTo>
                    <a:pt x="2079525" y="990600"/>
                  </a:lnTo>
                  <a:lnTo>
                    <a:pt x="2100957" y="966788"/>
                  </a:lnTo>
                  <a:lnTo>
                    <a:pt x="2136676" y="959646"/>
                  </a:lnTo>
                  <a:lnTo>
                    <a:pt x="2189064" y="942975"/>
                  </a:lnTo>
                  <a:lnTo>
                    <a:pt x="2239070" y="921543"/>
                  </a:lnTo>
                  <a:lnTo>
                    <a:pt x="2293838" y="888206"/>
                  </a:lnTo>
                  <a:lnTo>
                    <a:pt x="2327176" y="869156"/>
                  </a:lnTo>
                  <a:lnTo>
                    <a:pt x="2386706" y="845343"/>
                  </a:lnTo>
                  <a:lnTo>
                    <a:pt x="2410520" y="838203"/>
                  </a:lnTo>
                  <a:cubicBezTo>
                    <a:pt x="2418457" y="835822"/>
                    <a:pt x="2425601" y="833835"/>
                    <a:pt x="2434332" y="831056"/>
                  </a:cubicBezTo>
                  <a:cubicBezTo>
                    <a:pt x="2443460" y="826294"/>
                    <a:pt x="2383929" y="854869"/>
                    <a:pt x="2462907" y="821532"/>
                  </a:cubicBezTo>
                  <a:cubicBezTo>
                    <a:pt x="2472035" y="818357"/>
                    <a:pt x="2418060" y="847725"/>
                    <a:pt x="2491482" y="814387"/>
                  </a:cubicBezTo>
                  <a:cubicBezTo>
                    <a:pt x="2502198" y="811609"/>
                    <a:pt x="2458940" y="842961"/>
                    <a:pt x="2527202" y="809624"/>
                  </a:cubicBezTo>
                  <a:cubicBezTo>
                    <a:pt x="2538711" y="804861"/>
                    <a:pt x="2504976" y="823515"/>
                    <a:pt x="2567682" y="792956"/>
                  </a:cubicBezTo>
                  <a:cubicBezTo>
                    <a:pt x="2579191" y="789384"/>
                    <a:pt x="2537123" y="812006"/>
                    <a:pt x="2593876" y="783431"/>
                  </a:cubicBezTo>
                  <a:cubicBezTo>
                    <a:pt x="2603798" y="780653"/>
                    <a:pt x="2571255" y="793750"/>
                    <a:pt x="2622452" y="766762"/>
                  </a:cubicBezTo>
                  <a:cubicBezTo>
                    <a:pt x="2631977" y="763190"/>
                    <a:pt x="2642692" y="756046"/>
                    <a:pt x="2651026" y="750093"/>
                  </a:cubicBezTo>
                  <a:cubicBezTo>
                    <a:pt x="2659360" y="744140"/>
                    <a:pt x="2630785" y="752871"/>
                    <a:pt x="2672457" y="731043"/>
                  </a:cubicBezTo>
                  <a:cubicBezTo>
                    <a:pt x="2680394" y="727471"/>
                    <a:pt x="2662933" y="740966"/>
                    <a:pt x="2701033" y="721519"/>
                  </a:cubicBezTo>
                  <a:cubicBezTo>
                    <a:pt x="2708971" y="715566"/>
                    <a:pt x="2522438" y="825897"/>
                    <a:pt x="2722463" y="707231"/>
                  </a:cubicBezTo>
                  <a:cubicBezTo>
                    <a:pt x="2731988" y="701278"/>
                    <a:pt x="2555776" y="804069"/>
                    <a:pt x="2751038" y="688181"/>
                  </a:cubicBezTo>
                  <a:lnTo>
                    <a:pt x="2796282" y="673895"/>
                  </a:lnTo>
                  <a:cubicBezTo>
                    <a:pt x="2812554" y="663974"/>
                    <a:pt x="2778422" y="682629"/>
                    <a:pt x="2836763" y="647704"/>
                  </a:cubicBezTo>
                  <a:cubicBezTo>
                    <a:pt x="2847479" y="641752"/>
                    <a:pt x="2810173" y="657625"/>
                    <a:pt x="2862957" y="626272"/>
                  </a:cubicBezTo>
                  <a:cubicBezTo>
                    <a:pt x="2871291" y="620716"/>
                    <a:pt x="2845891" y="632228"/>
                    <a:pt x="2893913" y="604843"/>
                  </a:cubicBezTo>
                  <a:cubicBezTo>
                    <a:pt x="2903835" y="597302"/>
                    <a:pt x="2876450" y="601666"/>
                    <a:pt x="2920106" y="578647"/>
                  </a:cubicBezTo>
                  <a:cubicBezTo>
                    <a:pt x="2926853" y="573487"/>
                    <a:pt x="2932411" y="570710"/>
                    <a:pt x="2941539" y="564360"/>
                  </a:cubicBezTo>
                  <a:cubicBezTo>
                    <a:pt x="2950667" y="558010"/>
                    <a:pt x="2964160" y="549674"/>
                    <a:pt x="2974876" y="540546"/>
                  </a:cubicBezTo>
                  <a:cubicBezTo>
                    <a:pt x="2985592" y="531418"/>
                    <a:pt x="2989164" y="525862"/>
                    <a:pt x="3001070" y="519115"/>
                  </a:cubicBezTo>
                  <a:cubicBezTo>
                    <a:pt x="3012976" y="512368"/>
                    <a:pt x="3024486" y="509591"/>
                    <a:pt x="3041551" y="504828"/>
                  </a:cubicBezTo>
                  <a:cubicBezTo>
                    <a:pt x="3058617" y="500066"/>
                    <a:pt x="3084810" y="496096"/>
                    <a:pt x="3103463" y="490540"/>
                  </a:cubicBezTo>
                  <a:cubicBezTo>
                    <a:pt x="3122116" y="484984"/>
                    <a:pt x="3138785" y="479031"/>
                    <a:pt x="3153469" y="471490"/>
                  </a:cubicBezTo>
                  <a:cubicBezTo>
                    <a:pt x="3168153" y="463949"/>
                    <a:pt x="3173710" y="454424"/>
                    <a:pt x="3191569" y="445296"/>
                  </a:cubicBezTo>
                  <a:cubicBezTo>
                    <a:pt x="3209428" y="436168"/>
                    <a:pt x="3222923" y="432595"/>
                    <a:pt x="3241576" y="423864"/>
                  </a:cubicBezTo>
                  <a:cubicBezTo>
                    <a:pt x="3260229" y="415133"/>
                    <a:pt x="3282454" y="398862"/>
                    <a:pt x="3301107" y="390528"/>
                  </a:cubicBezTo>
                  <a:cubicBezTo>
                    <a:pt x="3319760" y="382194"/>
                    <a:pt x="3349526" y="376637"/>
                    <a:pt x="3372545" y="366715"/>
                  </a:cubicBezTo>
                  <a:cubicBezTo>
                    <a:pt x="3395564" y="356793"/>
                    <a:pt x="3413423" y="349649"/>
                    <a:pt x="3439220" y="330996"/>
                  </a:cubicBezTo>
                  <a:cubicBezTo>
                    <a:pt x="3465017" y="312343"/>
                    <a:pt x="3495973" y="276624"/>
                    <a:pt x="3527326" y="254796"/>
                  </a:cubicBezTo>
                  <a:cubicBezTo>
                    <a:pt x="3558679" y="232968"/>
                    <a:pt x="3594397" y="218284"/>
                    <a:pt x="3627338" y="200028"/>
                  </a:cubicBezTo>
                  <a:cubicBezTo>
                    <a:pt x="3660279" y="181772"/>
                    <a:pt x="3707903" y="169469"/>
                    <a:pt x="3736875" y="147641"/>
                  </a:cubicBezTo>
                  <a:cubicBezTo>
                    <a:pt x="3764656" y="119067"/>
                    <a:pt x="3763863" y="102000"/>
                    <a:pt x="3810694" y="71440"/>
                  </a:cubicBezTo>
                  <a:cubicBezTo>
                    <a:pt x="3826569" y="55168"/>
                    <a:pt x="3820616" y="52390"/>
                    <a:pt x="3827363" y="45246"/>
                  </a:cubicBezTo>
                  <a:cubicBezTo>
                    <a:pt x="3834110" y="38102"/>
                    <a:pt x="3844032" y="33737"/>
                    <a:pt x="3851176" y="28578"/>
                  </a:cubicBezTo>
                  <a:cubicBezTo>
                    <a:pt x="3858320" y="23419"/>
                    <a:pt x="3863479" y="26197"/>
                    <a:pt x="3870226" y="21434"/>
                  </a:cubicBezTo>
                  <a:cubicBezTo>
                    <a:pt x="3876973" y="16671"/>
                    <a:pt x="3883322" y="5557"/>
                    <a:pt x="3891657" y="0"/>
                  </a:cubicBezTo>
                  <a:close/>
                </a:path>
              </a:pathLst>
            </a:custGeom>
            <a:solidFill>
              <a:srgbClr val="FFFFFF"/>
            </a:solidFill>
            <a:ln>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楕円 10">
              <a:extLst>
                <a:ext uri="{FF2B5EF4-FFF2-40B4-BE49-F238E27FC236}">
                  <a16:creationId xmlns:a16="http://schemas.microsoft.com/office/drawing/2014/main" id="{A62FD001-478C-1F6B-F9A8-42364460E026}"/>
                </a:ext>
              </a:extLst>
            </p:cNvPr>
            <p:cNvSpPr/>
            <p:nvPr/>
          </p:nvSpPr>
          <p:spPr>
            <a:xfrm>
              <a:off x="6229351" y="2818352"/>
              <a:ext cx="412749" cy="420148"/>
            </a:xfrm>
            <a:prstGeom prst="ellipse">
              <a:avLst/>
            </a:prstGeom>
            <a:noFill/>
            <a:ln w="19050"/>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2" name="直線コネクタ 11">
              <a:extLst>
                <a:ext uri="{FF2B5EF4-FFF2-40B4-BE49-F238E27FC236}">
                  <a16:creationId xmlns:a16="http://schemas.microsoft.com/office/drawing/2014/main" id="{28CFE995-801E-F37D-86CE-08F0FF5EA53B}"/>
                </a:ext>
              </a:extLst>
            </p:cNvPr>
            <p:cNvCxnSpPr/>
            <p:nvPr/>
          </p:nvCxnSpPr>
          <p:spPr>
            <a:xfrm>
              <a:off x="5448300" y="3243262"/>
              <a:ext cx="1897856" cy="0"/>
            </a:xfrm>
            <a:prstGeom prst="line">
              <a:avLst/>
            </a:prstGeom>
            <a:ln w="12700">
              <a:solidFill>
                <a:schemeClr val="accent3">
                  <a:lumMod val="40000"/>
                  <a:lumOff val="60000"/>
                </a:schemeClr>
              </a:solidFill>
            </a:ln>
          </p:spPr>
          <p:style>
            <a:lnRef idx="1">
              <a:schemeClr val="accent1"/>
            </a:lnRef>
            <a:fillRef idx="0">
              <a:schemeClr val="accent1"/>
            </a:fillRef>
            <a:effectRef idx="0">
              <a:schemeClr val="accent1"/>
            </a:effectRef>
            <a:fontRef idx="minor">
              <a:schemeClr val="tx1"/>
            </a:fontRef>
          </p:style>
        </p:cxnSp>
        <p:cxnSp>
          <p:nvCxnSpPr>
            <p:cNvPr id="13" name="直線コネクタ 12">
              <a:extLst>
                <a:ext uri="{FF2B5EF4-FFF2-40B4-BE49-F238E27FC236}">
                  <a16:creationId xmlns:a16="http://schemas.microsoft.com/office/drawing/2014/main" id="{1DD816D9-0C7E-E5AA-6196-F08569E06490}"/>
                </a:ext>
              </a:extLst>
            </p:cNvPr>
            <p:cNvCxnSpPr>
              <a:cxnSpLocks/>
            </p:cNvCxnSpPr>
            <p:nvPr/>
          </p:nvCxnSpPr>
          <p:spPr>
            <a:xfrm>
              <a:off x="4143375" y="3988594"/>
              <a:ext cx="2440781" cy="0"/>
            </a:xfrm>
            <a:prstGeom prst="line">
              <a:avLst/>
            </a:prstGeom>
            <a:ln w="12700">
              <a:solidFill>
                <a:schemeClr val="accent3">
                  <a:lumMod val="40000"/>
                  <a:lumOff val="60000"/>
                </a:schemeClr>
              </a:solidFill>
            </a:ln>
          </p:spPr>
          <p:style>
            <a:lnRef idx="1">
              <a:schemeClr val="accent1"/>
            </a:lnRef>
            <a:fillRef idx="0">
              <a:schemeClr val="accent1"/>
            </a:fillRef>
            <a:effectRef idx="0">
              <a:schemeClr val="accent1"/>
            </a:effectRef>
            <a:fontRef idx="minor">
              <a:schemeClr val="tx1"/>
            </a:fontRef>
          </p:style>
        </p:cxnSp>
        <p:sp>
          <p:nvSpPr>
            <p:cNvPr id="14" name="正方形/長方形 13">
              <a:extLst>
                <a:ext uri="{FF2B5EF4-FFF2-40B4-BE49-F238E27FC236}">
                  <a16:creationId xmlns:a16="http://schemas.microsoft.com/office/drawing/2014/main" id="{1CC368D0-F990-C554-EC63-4E8F9551ECA8}"/>
                </a:ext>
              </a:extLst>
            </p:cNvPr>
            <p:cNvSpPr/>
            <p:nvPr/>
          </p:nvSpPr>
          <p:spPr>
            <a:xfrm>
              <a:off x="6448426" y="3071810"/>
              <a:ext cx="47624" cy="1651689"/>
            </a:xfrm>
            <a:prstGeom prst="rect">
              <a:avLst/>
            </a:prstGeom>
            <a:solidFill>
              <a:schemeClr val="accent1">
                <a:lumMod val="5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5" name="字幕 2">
            <a:extLst>
              <a:ext uri="{FF2B5EF4-FFF2-40B4-BE49-F238E27FC236}">
                <a16:creationId xmlns:a16="http://schemas.microsoft.com/office/drawing/2014/main" id="{53F9F1C4-2670-1EA0-C895-156A7EC3DA6F}"/>
              </a:ext>
            </a:extLst>
          </p:cNvPr>
          <p:cNvSpPr txBox="1">
            <a:spLocks/>
          </p:cNvSpPr>
          <p:nvPr/>
        </p:nvSpPr>
        <p:spPr>
          <a:xfrm>
            <a:off x="6970931" y="5444827"/>
            <a:ext cx="2935069" cy="334422"/>
          </a:xfrm>
          <a:prstGeom prst="rect">
            <a:avLst/>
          </a:prstGeom>
          <a:solidFill>
            <a:schemeClr val="bg1"/>
          </a:solidFill>
        </p:spPr>
        <p:txBody>
          <a:bodyPr vert="horz" lIns="91440" tIns="45720" rIns="91440" bIns="45720" rtlCol="0" anchor="ctr">
            <a:normAutofit/>
          </a:bodyPr>
          <a:lstStyle>
            <a:lvl1pPr marL="0" indent="0" algn="ctr" defTabSz="844083" rtl="0" eaLnBrk="1" latinLnBrk="0" hangingPunct="1">
              <a:lnSpc>
                <a:spcPct val="90000"/>
              </a:lnSpc>
              <a:spcBef>
                <a:spcPts val="923"/>
              </a:spcBef>
              <a:buFont typeface="Arial" panose="020B0604020202020204" pitchFamily="34" charset="0"/>
              <a:buNone/>
              <a:defRPr kumimoji="1" sz="2215" kern="1200">
                <a:solidFill>
                  <a:schemeClr val="tx1"/>
                </a:solidFill>
                <a:latin typeface="+mn-lt"/>
                <a:ea typeface="+mn-ea"/>
                <a:cs typeface="+mn-cs"/>
              </a:defRPr>
            </a:lvl1pPr>
            <a:lvl2pPr marL="422041" indent="0" algn="ctr" defTabSz="844083" rtl="0" eaLnBrk="1" latinLnBrk="0" hangingPunct="1">
              <a:lnSpc>
                <a:spcPct val="90000"/>
              </a:lnSpc>
              <a:spcBef>
                <a:spcPts val="462"/>
              </a:spcBef>
              <a:buFont typeface="Arial" panose="020B0604020202020204" pitchFamily="34" charset="0"/>
              <a:buNone/>
              <a:defRPr kumimoji="1" sz="1846" kern="1200">
                <a:solidFill>
                  <a:schemeClr val="tx1"/>
                </a:solidFill>
                <a:latin typeface="+mn-lt"/>
                <a:ea typeface="+mn-ea"/>
                <a:cs typeface="+mn-cs"/>
              </a:defRPr>
            </a:lvl2pPr>
            <a:lvl3pPr marL="844083" indent="0" algn="ctr" defTabSz="844083" rtl="0" eaLnBrk="1" latinLnBrk="0" hangingPunct="1">
              <a:lnSpc>
                <a:spcPct val="90000"/>
              </a:lnSpc>
              <a:spcBef>
                <a:spcPts val="462"/>
              </a:spcBef>
              <a:buFont typeface="Arial" panose="020B0604020202020204" pitchFamily="34" charset="0"/>
              <a:buNone/>
              <a:defRPr kumimoji="1" sz="1662" kern="1200">
                <a:solidFill>
                  <a:schemeClr val="tx1"/>
                </a:solidFill>
                <a:latin typeface="+mn-lt"/>
                <a:ea typeface="+mn-ea"/>
                <a:cs typeface="+mn-cs"/>
              </a:defRPr>
            </a:lvl3pPr>
            <a:lvl4pPr marL="1266124"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4pPr>
            <a:lvl5pPr marL="1688165"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5pPr>
            <a:lvl6pPr marL="2110207"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6pPr>
            <a:lvl7pPr marL="2532248"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7pPr>
            <a:lvl8pPr marL="2954289"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8pPr>
            <a:lvl9pPr marL="3376331" indent="0" algn="ctr" defTabSz="844083" rtl="0" eaLnBrk="1" latinLnBrk="0" hangingPunct="1">
              <a:lnSpc>
                <a:spcPct val="90000"/>
              </a:lnSpc>
              <a:spcBef>
                <a:spcPts val="462"/>
              </a:spcBef>
              <a:buFont typeface="Arial" panose="020B0604020202020204" pitchFamily="34" charset="0"/>
              <a:buNone/>
              <a:defRPr kumimoji="1" sz="1477" kern="1200">
                <a:solidFill>
                  <a:schemeClr val="tx1"/>
                </a:solidFill>
                <a:latin typeface="+mn-lt"/>
                <a:ea typeface="+mn-ea"/>
                <a:cs typeface="+mn-cs"/>
              </a:defRPr>
            </a:lvl9pPr>
          </a:lstStyle>
          <a:p>
            <a:pPr lvl="0"/>
            <a:r>
              <a:rPr lang="ja-JP" altLang="en-US" sz="1050" dirty="0">
                <a:latin typeface="游ゴシック" panose="020B0400000000000000" pitchFamily="50" charset="-128"/>
                <a:ea typeface="游ゴシック" panose="020B0400000000000000" pitchFamily="50" charset="-128"/>
                <a:cs typeface="ＭＳ Ｐゴシック" panose="020B0600070205080204" pitchFamily="50" charset="-128"/>
              </a:rPr>
              <a:t>全装置数を設置年度別で累計した値のグラフ</a:t>
            </a:r>
            <a:endParaRPr lang="ja-JP" altLang="ja-JP" sz="1050" dirty="0">
              <a:latin typeface="游ゴシック" panose="020B0400000000000000" pitchFamily="50" charset="-128"/>
              <a:ea typeface="游ゴシック" panose="020B0400000000000000" pitchFamily="50" charset="-128"/>
              <a:cs typeface="ＭＳ Ｐゴシック" panose="020B0600070205080204" pitchFamily="50" charset="-128"/>
            </a:endParaRPr>
          </a:p>
        </p:txBody>
      </p:sp>
    </p:spTree>
    <p:extLst>
      <p:ext uri="{BB962C8B-B14F-4D97-AF65-F5344CB8AC3E}">
        <p14:creationId xmlns:p14="http://schemas.microsoft.com/office/powerpoint/2010/main" val="1564035672"/>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1E2D7EA-ED2D-4FA4-313D-741320D70509}"/>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4CE862F8-49C6-ABC2-F989-CB4DDDFCFD42}"/>
              </a:ext>
            </a:extLst>
          </p:cNvPr>
          <p:cNvSpPr>
            <a:spLocks noGrp="1"/>
          </p:cNvSpPr>
          <p:nvPr>
            <p:ph type="sldNum" sz="quarter" idx="12"/>
          </p:nvPr>
        </p:nvSpPr>
        <p:spPr/>
        <p:txBody>
          <a:bodyPr/>
          <a:lstStyle/>
          <a:p>
            <a:fld id="{36EC18DB-A5DF-4E0E-B815-FCD04A2C4B2C}" type="slidenum">
              <a:rPr kumimoji="1" lang="ja-JP" altLang="en-US" smtClean="0"/>
              <a:t>56</a:t>
            </a:fld>
            <a:endParaRPr kumimoji="1" lang="ja-JP" altLang="en-US"/>
          </a:p>
        </p:txBody>
      </p:sp>
      <p:sp>
        <p:nvSpPr>
          <p:cNvPr id="6" name="角丸四角形 17">
            <a:extLst>
              <a:ext uri="{FF2B5EF4-FFF2-40B4-BE49-F238E27FC236}">
                <a16:creationId xmlns:a16="http://schemas.microsoft.com/office/drawing/2014/main" id="{4BD23377-60E5-6E53-631A-1FBA26AE3D13}"/>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４</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５年毎の業務委託条件の見直し</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2" name="角丸四角形 17">
            <a:extLst>
              <a:ext uri="{FF2B5EF4-FFF2-40B4-BE49-F238E27FC236}">
                <a16:creationId xmlns:a16="http://schemas.microsoft.com/office/drawing/2014/main" id="{18DD0BCA-C5CB-7143-1A7F-32A20507D479}"/>
              </a:ext>
            </a:extLst>
          </p:cNvPr>
          <p:cNvSpPr/>
          <p:nvPr/>
        </p:nvSpPr>
        <p:spPr>
          <a:xfrm>
            <a:off x="217240" y="669628"/>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u="sng" dirty="0">
                <a:solidFill>
                  <a:schemeClr val="tx1"/>
                </a:solidFill>
                <a:latin typeface="HGPｺﾞｼｯｸE" panose="020B0900000000000000" pitchFamily="50" charset="-128"/>
                <a:ea typeface="HGPｺﾞｼｯｸE" panose="020B0900000000000000" pitchFamily="50" charset="-128"/>
              </a:rPr>
              <a:t>⑤　修繕費不足への対応について</a:t>
            </a:r>
            <a:r>
              <a:rPr lang="en-US" altLang="ja-JP" sz="2275" u="sng" dirty="0">
                <a:solidFill>
                  <a:schemeClr val="tx1"/>
                </a:solidFill>
                <a:latin typeface="HGPｺﾞｼｯｸE" panose="020B0900000000000000" pitchFamily="50" charset="-128"/>
                <a:ea typeface="HGPｺﾞｼｯｸE" panose="020B0900000000000000" pitchFamily="50" charset="-128"/>
              </a:rPr>
              <a:t>【</a:t>
            </a:r>
            <a:r>
              <a:rPr lang="ja-JP" altLang="en-US" sz="2275" u="sng" dirty="0">
                <a:solidFill>
                  <a:schemeClr val="tx1"/>
                </a:solidFill>
                <a:latin typeface="HGPｺﾞｼｯｸE" panose="020B0900000000000000" pitchFamily="50" charset="-128"/>
                <a:ea typeface="HGPｺﾞｼｯｸE" panose="020B0900000000000000" pitchFamily="50" charset="-128"/>
              </a:rPr>
              <a:t>処理場・抽水所施設</a:t>
            </a:r>
            <a:r>
              <a:rPr lang="en-US" altLang="ja-JP" sz="2275" u="sng" dirty="0">
                <a:solidFill>
                  <a:schemeClr val="tx1"/>
                </a:solidFill>
                <a:latin typeface="HGPｺﾞｼｯｸE" panose="020B0900000000000000" pitchFamily="50" charset="-128"/>
                <a:ea typeface="HGPｺﾞｼｯｸE" panose="020B0900000000000000" pitchFamily="50" charset="-128"/>
              </a:rPr>
              <a:t>】</a:t>
            </a:r>
          </a:p>
        </p:txBody>
      </p:sp>
      <p:sp>
        <p:nvSpPr>
          <p:cNvPr id="23" name="テキスト ボックス 22">
            <a:extLst>
              <a:ext uri="{FF2B5EF4-FFF2-40B4-BE49-F238E27FC236}">
                <a16:creationId xmlns:a16="http://schemas.microsoft.com/office/drawing/2014/main" id="{0DF50D02-E948-3C29-8C89-EE917BD49814}"/>
              </a:ext>
            </a:extLst>
          </p:cNvPr>
          <p:cNvSpPr txBox="1"/>
          <p:nvPr/>
        </p:nvSpPr>
        <p:spPr>
          <a:xfrm>
            <a:off x="217240" y="1004051"/>
            <a:ext cx="9163772" cy="2031325"/>
          </a:xfrm>
          <a:prstGeom prst="rect">
            <a:avLst/>
          </a:prstGeom>
          <a:noFill/>
        </p:spPr>
        <p:txBody>
          <a:bodyPr wrap="square">
            <a:spAutoFit/>
          </a:bodyPr>
          <a:lstStyle/>
          <a:p>
            <a:r>
              <a:rPr lang="en-US" altLang="ja-JP" dirty="0">
                <a:latin typeface="+mn-ea"/>
                <a:cs typeface="ＭＳ Ｐゴシック" panose="020B0600070205080204" pitchFamily="50" charset="-128"/>
              </a:rPr>
              <a:t>【</a:t>
            </a:r>
            <a:r>
              <a:rPr lang="ja-JP" altLang="en-US" dirty="0">
                <a:latin typeface="+mn-ea"/>
                <a:cs typeface="ＭＳ Ｐゴシック" panose="020B0600070205080204" pitchFamily="50" charset="-128"/>
              </a:rPr>
              <a:t>修繕費（処理場・抽水所施設）への対応</a:t>
            </a:r>
            <a:r>
              <a:rPr lang="en-US" altLang="ja-JP" dirty="0">
                <a:latin typeface="+mn-ea"/>
                <a:cs typeface="ＭＳ Ｐゴシック" panose="020B0600070205080204" pitchFamily="50" charset="-128"/>
              </a:rPr>
              <a:t>】</a:t>
            </a:r>
          </a:p>
          <a:p>
            <a:pPr lvl="0" algn="just"/>
            <a:r>
              <a:rPr lang="ja-JP" altLang="en-US" dirty="0">
                <a:latin typeface="+mn-ea"/>
                <a:cs typeface="ＭＳ Ｐゴシック" panose="020B0600070205080204" pitchFamily="50" charset="-128"/>
              </a:rPr>
              <a:t>　物価上昇分　　　　　　　　　 　⇒　必要な増額分を予算措置</a:t>
            </a:r>
            <a:endParaRPr lang="en-US" altLang="ja-JP" dirty="0">
              <a:latin typeface="+mn-ea"/>
              <a:cs typeface="ＭＳ Ｐゴシック" panose="020B0600070205080204" pitchFamily="50" charset="-128"/>
            </a:endParaRPr>
          </a:p>
          <a:p>
            <a:pPr lvl="0" algn="just"/>
            <a:r>
              <a:rPr lang="ja-JP" altLang="en-US" dirty="0">
                <a:effectLst/>
                <a:latin typeface="+mn-ea"/>
                <a:cs typeface="ＭＳ Ｐゴシック" panose="020B0600070205080204" pitchFamily="50" charset="-128"/>
              </a:rPr>
              <a:t>　設備劣化進行による増加分　⇒　施設修復費（資本）等、修繕費とは異なる予算で対応</a:t>
            </a:r>
            <a:endParaRPr lang="en-US" altLang="ja-JP" dirty="0">
              <a:effectLst/>
              <a:latin typeface="+mn-ea"/>
              <a:cs typeface="ＭＳ Ｐゴシック" panose="020B0600070205080204" pitchFamily="50" charset="-128"/>
            </a:endParaRPr>
          </a:p>
          <a:p>
            <a:pPr lvl="0" algn="just"/>
            <a:endParaRPr lang="en-US" altLang="ja-JP" dirty="0">
              <a:effectLst/>
              <a:latin typeface="+mn-ea"/>
              <a:cs typeface="ＭＳ Ｐゴシック" panose="020B0600070205080204" pitchFamily="50" charset="-128"/>
            </a:endParaRPr>
          </a:p>
          <a:p>
            <a:pPr lvl="0" algn="just"/>
            <a:endParaRPr lang="en-US" altLang="ja-JP" dirty="0">
              <a:latin typeface="+mn-ea"/>
              <a:cs typeface="ＭＳ Ｐゴシック" panose="020B0600070205080204" pitchFamily="50" charset="-128"/>
            </a:endParaRPr>
          </a:p>
          <a:p>
            <a:pPr lvl="0" algn="just"/>
            <a:r>
              <a:rPr lang="ja-JP" altLang="en-US" dirty="0">
                <a:effectLst/>
                <a:latin typeface="+mn-ea"/>
                <a:cs typeface="ＭＳ Ｐゴシック" panose="020B0600070205080204" pitchFamily="50" charset="-128"/>
              </a:rPr>
              <a:t>　　　</a:t>
            </a:r>
            <a:endParaRPr lang="en-US" altLang="ja-JP" dirty="0">
              <a:effectLst/>
              <a:latin typeface="+mn-ea"/>
              <a:cs typeface="ＭＳ Ｐゴシック" panose="020B0600070205080204" pitchFamily="50" charset="-128"/>
            </a:endParaRPr>
          </a:p>
          <a:p>
            <a:pPr lvl="0" algn="just"/>
            <a:endParaRPr lang="en-US" altLang="ja-JP" dirty="0">
              <a:latin typeface="+mn-ea"/>
              <a:cs typeface="ＭＳ Ｐゴシック" panose="020B0600070205080204" pitchFamily="50" charset="-128"/>
            </a:endParaRPr>
          </a:p>
        </p:txBody>
      </p:sp>
      <p:sp>
        <p:nvSpPr>
          <p:cNvPr id="114" name="正方形/長方形 113">
            <a:extLst>
              <a:ext uri="{FF2B5EF4-FFF2-40B4-BE49-F238E27FC236}">
                <a16:creationId xmlns:a16="http://schemas.microsoft.com/office/drawing/2014/main" id="{67DDC3E5-B7A5-258D-BF6A-2245E921F551}"/>
              </a:ext>
            </a:extLst>
          </p:cNvPr>
          <p:cNvSpPr/>
          <p:nvPr/>
        </p:nvSpPr>
        <p:spPr>
          <a:xfrm>
            <a:off x="208270" y="1907088"/>
            <a:ext cx="2217856" cy="1183839"/>
          </a:xfrm>
          <a:prstGeom prst="rect">
            <a:avLst/>
          </a:prstGeom>
          <a:solidFill>
            <a:schemeClr val="accent4"/>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設備劣化進行分等</a:t>
            </a:r>
          </a:p>
        </p:txBody>
      </p:sp>
      <p:sp>
        <p:nvSpPr>
          <p:cNvPr id="119" name="矢印: 右 118">
            <a:extLst>
              <a:ext uri="{FF2B5EF4-FFF2-40B4-BE49-F238E27FC236}">
                <a16:creationId xmlns:a16="http://schemas.microsoft.com/office/drawing/2014/main" id="{7F22F96B-F24E-8D11-9590-02899B71526F}"/>
              </a:ext>
            </a:extLst>
          </p:cNvPr>
          <p:cNvSpPr/>
          <p:nvPr/>
        </p:nvSpPr>
        <p:spPr>
          <a:xfrm>
            <a:off x="2515759" y="2507523"/>
            <a:ext cx="432433" cy="788895"/>
          </a:xfrm>
          <a:prstGeom prst="right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1" name="正方形/長方形 120">
            <a:extLst>
              <a:ext uri="{FF2B5EF4-FFF2-40B4-BE49-F238E27FC236}">
                <a16:creationId xmlns:a16="http://schemas.microsoft.com/office/drawing/2014/main" id="{BF288137-0CEB-7C83-7079-03F55A76A104}"/>
              </a:ext>
            </a:extLst>
          </p:cNvPr>
          <p:cNvSpPr/>
          <p:nvPr/>
        </p:nvSpPr>
        <p:spPr>
          <a:xfrm>
            <a:off x="3032296" y="2763209"/>
            <a:ext cx="2573126" cy="333017"/>
          </a:xfrm>
          <a:prstGeom prst="rect">
            <a:avLst/>
          </a:prstGeom>
          <a:solidFill>
            <a:srgbClr val="CCFFFF"/>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修繕費（増額）で対応</a:t>
            </a:r>
          </a:p>
        </p:txBody>
      </p:sp>
      <p:sp>
        <p:nvSpPr>
          <p:cNvPr id="122" name="正方形/長方形 121">
            <a:extLst>
              <a:ext uri="{FF2B5EF4-FFF2-40B4-BE49-F238E27FC236}">
                <a16:creationId xmlns:a16="http://schemas.microsoft.com/office/drawing/2014/main" id="{C67E2926-6569-7CD7-1CBD-B196FBD3DA15}"/>
              </a:ext>
            </a:extLst>
          </p:cNvPr>
          <p:cNvSpPr/>
          <p:nvPr/>
        </p:nvSpPr>
        <p:spPr>
          <a:xfrm>
            <a:off x="3032296" y="1907088"/>
            <a:ext cx="2573126" cy="428400"/>
          </a:xfrm>
          <a:prstGeom prst="rect">
            <a:avLst/>
          </a:prstGeom>
          <a:solidFill>
            <a:srgbClr val="66FF6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単独費で対応</a:t>
            </a:r>
          </a:p>
        </p:txBody>
      </p:sp>
      <p:sp>
        <p:nvSpPr>
          <p:cNvPr id="125" name="正方形/長方形 124">
            <a:extLst>
              <a:ext uri="{FF2B5EF4-FFF2-40B4-BE49-F238E27FC236}">
                <a16:creationId xmlns:a16="http://schemas.microsoft.com/office/drawing/2014/main" id="{76194C2B-8F7B-9B2B-6EC5-F3B23C22DF51}"/>
              </a:ext>
            </a:extLst>
          </p:cNvPr>
          <p:cNvSpPr/>
          <p:nvPr/>
        </p:nvSpPr>
        <p:spPr>
          <a:xfrm>
            <a:off x="3032295" y="2330551"/>
            <a:ext cx="2573126" cy="428400"/>
          </a:xfrm>
          <a:prstGeom prst="rect">
            <a:avLst/>
          </a:prstGeom>
          <a:solidFill>
            <a:srgbClr val="5B9BD5"/>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施設修復費で対応</a:t>
            </a:r>
          </a:p>
        </p:txBody>
      </p:sp>
      <p:sp>
        <p:nvSpPr>
          <p:cNvPr id="127" name="右大かっこ 126">
            <a:extLst>
              <a:ext uri="{FF2B5EF4-FFF2-40B4-BE49-F238E27FC236}">
                <a16:creationId xmlns:a16="http://schemas.microsoft.com/office/drawing/2014/main" id="{3B0298B2-CE72-56B1-17E7-FB68AC260B3B}"/>
              </a:ext>
            </a:extLst>
          </p:cNvPr>
          <p:cNvSpPr/>
          <p:nvPr/>
        </p:nvSpPr>
        <p:spPr>
          <a:xfrm rot="10800000" flipH="1">
            <a:off x="5632847" y="1976819"/>
            <a:ext cx="127874" cy="782132"/>
          </a:xfrm>
          <a:prstGeom prst="rightBracket">
            <a:avLst/>
          </a:prstGeom>
          <a:ln w="158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600"/>
          </a:p>
        </p:txBody>
      </p:sp>
      <p:sp>
        <p:nvSpPr>
          <p:cNvPr id="128" name="テキスト ボックス 127">
            <a:extLst>
              <a:ext uri="{FF2B5EF4-FFF2-40B4-BE49-F238E27FC236}">
                <a16:creationId xmlns:a16="http://schemas.microsoft.com/office/drawing/2014/main" id="{56DFB546-8DEF-D094-27AD-C7C15B5BF1D3}"/>
              </a:ext>
            </a:extLst>
          </p:cNvPr>
          <p:cNvSpPr txBox="1"/>
          <p:nvPr/>
        </p:nvSpPr>
        <p:spPr>
          <a:xfrm>
            <a:off x="5696784" y="2054130"/>
            <a:ext cx="1673095" cy="646331"/>
          </a:xfrm>
          <a:prstGeom prst="rect">
            <a:avLst/>
          </a:prstGeom>
          <a:noFill/>
        </p:spPr>
        <p:txBody>
          <a:bodyPr wrap="square">
            <a:spAutoFit/>
          </a:bodyPr>
          <a:lstStyle/>
          <a:p>
            <a:r>
              <a:rPr lang="ja-JP" altLang="en-US" dirty="0">
                <a:latin typeface="+mn-ea"/>
                <a:cs typeface="ＭＳ Ｐゴシック" panose="020B0600070205080204" pitchFamily="50" charset="-128"/>
              </a:rPr>
              <a:t>市発注</a:t>
            </a:r>
            <a:endParaRPr lang="en-US" altLang="ja-JP" dirty="0">
              <a:latin typeface="+mn-ea"/>
              <a:cs typeface="ＭＳ Ｐゴシック" panose="020B0600070205080204" pitchFamily="50" charset="-128"/>
            </a:endParaRPr>
          </a:p>
          <a:p>
            <a:r>
              <a:rPr lang="ja-JP" altLang="en-US" dirty="0">
                <a:latin typeface="+mn-ea"/>
                <a:cs typeface="ＭＳ Ｐゴシック" panose="020B0600070205080204" pitchFamily="50" charset="-128"/>
              </a:rPr>
              <a:t>⇒</a:t>
            </a:r>
            <a:r>
              <a:rPr lang="en-US" altLang="ja-JP" dirty="0">
                <a:latin typeface="+mn-ea"/>
                <a:cs typeface="ＭＳ Ｐゴシック" panose="020B0600070205080204" pitchFamily="50" charset="-128"/>
              </a:rPr>
              <a:t>CWO</a:t>
            </a:r>
            <a:r>
              <a:rPr lang="ja-JP" altLang="en-US" dirty="0">
                <a:latin typeface="+mn-ea"/>
                <a:cs typeface="ＭＳ Ｐゴシック" panose="020B0600070205080204" pitchFamily="50" charset="-128"/>
              </a:rPr>
              <a:t>発注</a:t>
            </a:r>
            <a:endParaRPr lang="en-US" altLang="ja-JP" dirty="0">
              <a:latin typeface="+mn-ea"/>
              <a:cs typeface="ＭＳ Ｐゴシック" panose="020B0600070205080204" pitchFamily="50" charset="-128"/>
            </a:endParaRPr>
          </a:p>
        </p:txBody>
      </p:sp>
      <p:sp>
        <p:nvSpPr>
          <p:cNvPr id="129" name="テキスト ボックス 128">
            <a:extLst>
              <a:ext uri="{FF2B5EF4-FFF2-40B4-BE49-F238E27FC236}">
                <a16:creationId xmlns:a16="http://schemas.microsoft.com/office/drawing/2014/main" id="{82E14569-6BCD-92FD-D8EE-04883F603356}"/>
              </a:ext>
            </a:extLst>
          </p:cNvPr>
          <p:cNvSpPr txBox="1"/>
          <p:nvPr/>
        </p:nvSpPr>
        <p:spPr>
          <a:xfrm>
            <a:off x="5651895" y="3631416"/>
            <a:ext cx="1673095" cy="646331"/>
          </a:xfrm>
          <a:prstGeom prst="rect">
            <a:avLst/>
          </a:prstGeom>
          <a:noFill/>
        </p:spPr>
        <p:txBody>
          <a:bodyPr wrap="square">
            <a:spAutoFit/>
          </a:bodyPr>
          <a:lstStyle/>
          <a:p>
            <a:r>
              <a:rPr lang="ja-JP" altLang="en-US" dirty="0">
                <a:latin typeface="+mn-ea"/>
                <a:cs typeface="ＭＳ Ｐゴシック" panose="020B0600070205080204" pitchFamily="50" charset="-128"/>
              </a:rPr>
              <a:t>当初より</a:t>
            </a:r>
            <a:endParaRPr lang="en-US" altLang="ja-JP" dirty="0">
              <a:latin typeface="+mn-ea"/>
              <a:cs typeface="ＭＳ Ｐゴシック" panose="020B0600070205080204" pitchFamily="50" charset="-128"/>
            </a:endParaRPr>
          </a:p>
          <a:p>
            <a:r>
              <a:rPr lang="en-US" altLang="ja-JP" dirty="0">
                <a:latin typeface="+mn-ea"/>
                <a:cs typeface="ＭＳ Ｐゴシック" panose="020B0600070205080204" pitchFamily="50" charset="-128"/>
              </a:rPr>
              <a:t>CWO</a:t>
            </a:r>
            <a:r>
              <a:rPr lang="ja-JP" altLang="en-US" dirty="0">
                <a:latin typeface="+mn-ea"/>
                <a:cs typeface="ＭＳ Ｐゴシック" panose="020B0600070205080204" pitchFamily="50" charset="-128"/>
              </a:rPr>
              <a:t>所掌範囲</a:t>
            </a:r>
            <a:endParaRPr lang="en-US" altLang="ja-JP" dirty="0">
              <a:latin typeface="+mn-ea"/>
              <a:cs typeface="ＭＳ Ｐゴシック" panose="020B0600070205080204" pitchFamily="50" charset="-128"/>
            </a:endParaRPr>
          </a:p>
        </p:txBody>
      </p:sp>
      <p:sp>
        <p:nvSpPr>
          <p:cNvPr id="132" name="テキスト ボックス 131">
            <a:extLst>
              <a:ext uri="{FF2B5EF4-FFF2-40B4-BE49-F238E27FC236}">
                <a16:creationId xmlns:a16="http://schemas.microsoft.com/office/drawing/2014/main" id="{EE25B1D3-72AE-D4C2-64EF-37A911C932D6}"/>
              </a:ext>
            </a:extLst>
          </p:cNvPr>
          <p:cNvSpPr txBox="1"/>
          <p:nvPr/>
        </p:nvSpPr>
        <p:spPr>
          <a:xfrm>
            <a:off x="7358069" y="1978984"/>
            <a:ext cx="2485412" cy="1754326"/>
          </a:xfrm>
          <a:prstGeom prst="rect">
            <a:avLst/>
          </a:prstGeom>
          <a:noFill/>
          <a:ln w="38100">
            <a:solidFill>
              <a:srgbClr val="FF0000"/>
            </a:solidFill>
          </a:ln>
        </p:spPr>
        <p:txBody>
          <a:bodyPr wrap="square">
            <a:spAutoFit/>
          </a:bodyPr>
          <a:lstStyle/>
          <a:p>
            <a:pPr marL="285750" indent="-285750">
              <a:buFont typeface="Arial" panose="020B0604020202020204" pitchFamily="34" charset="0"/>
              <a:buChar char="•"/>
            </a:pPr>
            <a:r>
              <a:rPr lang="en-US" altLang="ja-JP" dirty="0">
                <a:latin typeface="+mn-ea"/>
                <a:cs typeface="ＭＳ Ｐゴシック" panose="020B0600070205080204" pitchFamily="50" charset="-128"/>
              </a:rPr>
              <a:t>CWO</a:t>
            </a:r>
            <a:r>
              <a:rPr lang="ja-JP" altLang="en-US" dirty="0">
                <a:latin typeface="+mn-ea"/>
                <a:cs typeface="ＭＳ Ｐゴシック" panose="020B0600070205080204" pitchFamily="50" charset="-128"/>
              </a:rPr>
              <a:t>の裁量で実施手法を選択可能</a:t>
            </a:r>
            <a:endParaRPr lang="en-US" altLang="ja-JP" dirty="0">
              <a:latin typeface="+mn-ea"/>
              <a:cs typeface="ＭＳ Ｐゴシック" panose="020B0600070205080204" pitchFamily="50" charset="-128"/>
            </a:endParaRPr>
          </a:p>
          <a:p>
            <a:pPr marL="285750" indent="-285750">
              <a:buFont typeface="Arial" panose="020B0604020202020204" pitchFamily="34" charset="0"/>
              <a:buChar char="•"/>
            </a:pPr>
            <a:r>
              <a:rPr lang="en-US" altLang="ja-JP" dirty="0">
                <a:latin typeface="+mn-ea"/>
                <a:cs typeface="ＭＳ Ｐゴシック" panose="020B0600070205080204" pitchFamily="50" charset="-128"/>
              </a:rPr>
              <a:t>W-PPP</a:t>
            </a:r>
            <a:r>
              <a:rPr lang="ja-JP" altLang="en-US" dirty="0">
                <a:latin typeface="+mn-ea"/>
                <a:cs typeface="ＭＳ Ｐゴシック" panose="020B0600070205080204" pitchFamily="50" charset="-128"/>
              </a:rPr>
              <a:t>により</a:t>
            </a:r>
            <a:r>
              <a:rPr lang="en-US" altLang="ja-JP" dirty="0">
                <a:latin typeface="+mn-ea"/>
                <a:cs typeface="ＭＳ Ｐゴシック" panose="020B0600070205080204" pitchFamily="50" charset="-128"/>
              </a:rPr>
              <a:t>CWO</a:t>
            </a:r>
            <a:r>
              <a:rPr lang="ja-JP" altLang="en-US" dirty="0">
                <a:latin typeface="+mn-ea"/>
                <a:cs typeface="ＭＳ Ｐゴシック" panose="020B0600070205080204" pitchFamily="50" charset="-128"/>
              </a:rPr>
              <a:t>が更新と修繕を一体的に計画策定</a:t>
            </a:r>
            <a:endParaRPr lang="en-US" altLang="ja-JP" dirty="0">
              <a:latin typeface="+mn-ea"/>
              <a:cs typeface="ＭＳ Ｐゴシック" panose="020B0600070205080204" pitchFamily="50" charset="-128"/>
            </a:endParaRPr>
          </a:p>
          <a:p>
            <a:pPr marL="285750" indent="-285750">
              <a:buFont typeface="Arial" panose="020B0604020202020204" pitchFamily="34" charset="0"/>
              <a:buChar char="•"/>
            </a:pPr>
            <a:r>
              <a:rPr lang="ja-JP" altLang="en-US" dirty="0">
                <a:latin typeface="+mn-ea"/>
                <a:cs typeface="ＭＳ Ｐゴシック" panose="020B0600070205080204" pitchFamily="50" charset="-128"/>
              </a:rPr>
              <a:t>効率的な対策が可能</a:t>
            </a:r>
            <a:endParaRPr lang="en-US" altLang="ja-JP" dirty="0">
              <a:latin typeface="+mn-ea"/>
              <a:cs typeface="ＭＳ Ｐゴシック" panose="020B0600070205080204" pitchFamily="50" charset="-128"/>
            </a:endParaRPr>
          </a:p>
        </p:txBody>
      </p:sp>
      <p:sp>
        <p:nvSpPr>
          <p:cNvPr id="3" name="テキスト ボックス 2">
            <a:extLst>
              <a:ext uri="{FF2B5EF4-FFF2-40B4-BE49-F238E27FC236}">
                <a16:creationId xmlns:a16="http://schemas.microsoft.com/office/drawing/2014/main" id="{C52E34C0-B0E4-38AE-1FB8-C09B93C58F89}"/>
              </a:ext>
            </a:extLst>
          </p:cNvPr>
          <p:cNvSpPr txBox="1"/>
          <p:nvPr/>
        </p:nvSpPr>
        <p:spPr>
          <a:xfrm>
            <a:off x="217240" y="5098774"/>
            <a:ext cx="9163772" cy="1200329"/>
          </a:xfrm>
          <a:prstGeom prst="rect">
            <a:avLst/>
          </a:prstGeom>
          <a:noFill/>
        </p:spPr>
        <p:txBody>
          <a:bodyPr wrap="square">
            <a:spAutoFit/>
          </a:bodyPr>
          <a:lstStyle/>
          <a:p>
            <a:r>
              <a:rPr lang="en-US" altLang="ja-JP" dirty="0">
                <a:latin typeface="+mn-ea"/>
                <a:cs typeface="ＭＳ Ｐゴシック" panose="020B0600070205080204" pitchFamily="50" charset="-128"/>
              </a:rPr>
              <a:t>【</a:t>
            </a:r>
            <a:r>
              <a:rPr lang="ja-JP" altLang="en-US" dirty="0">
                <a:latin typeface="+mn-ea"/>
                <a:cs typeface="ＭＳ Ｐゴシック" panose="020B0600070205080204" pitchFamily="50" charset="-128"/>
              </a:rPr>
              <a:t>処理場・抽水所の老朽化施設更新への対応</a:t>
            </a:r>
            <a:r>
              <a:rPr lang="en-US" altLang="ja-JP" dirty="0">
                <a:latin typeface="+mn-ea"/>
                <a:cs typeface="ＭＳ Ｐゴシック" panose="020B0600070205080204" pitchFamily="50" charset="-128"/>
              </a:rPr>
              <a:t>】</a:t>
            </a:r>
            <a:r>
              <a:rPr lang="ja-JP" altLang="en-US" dirty="0">
                <a:latin typeface="+mn-ea"/>
                <a:cs typeface="ＭＳ Ｐゴシック" panose="020B0600070205080204" pitchFamily="50" charset="-128"/>
              </a:rPr>
              <a:t>（市にて対応）</a:t>
            </a:r>
            <a:endParaRPr lang="en-US" altLang="ja-JP" dirty="0">
              <a:latin typeface="+mn-ea"/>
              <a:cs typeface="ＭＳ Ｐゴシック" panose="020B0600070205080204" pitchFamily="50" charset="-128"/>
            </a:endParaRPr>
          </a:p>
          <a:p>
            <a:pPr lvl="0" algn="just"/>
            <a:r>
              <a:rPr lang="ja-JP" altLang="en-US" dirty="0">
                <a:effectLst/>
                <a:latin typeface="+mn-ea"/>
                <a:cs typeface="ＭＳ Ｐゴシック" panose="020B0600070205080204" pitchFamily="50" charset="-128"/>
              </a:rPr>
              <a:t>・</a:t>
            </a:r>
            <a:r>
              <a:rPr lang="ja-JP" altLang="en-US" dirty="0">
                <a:latin typeface="+mn-ea"/>
                <a:cs typeface="ＭＳ Ｐゴシック" panose="020B0600070205080204" pitchFamily="50" charset="-128"/>
              </a:rPr>
              <a:t>令和７年度予算要求にて処理場・抽水所の建設改良費を大幅増額要求</a:t>
            </a:r>
            <a:endParaRPr lang="en-US" altLang="ja-JP" dirty="0">
              <a:effectLst/>
              <a:latin typeface="+mn-ea"/>
              <a:cs typeface="ＭＳ Ｐゴシック" panose="020B0600070205080204" pitchFamily="50" charset="-128"/>
            </a:endParaRPr>
          </a:p>
          <a:p>
            <a:pPr lvl="0" algn="just"/>
            <a:r>
              <a:rPr lang="ja-JP" altLang="en-US" dirty="0">
                <a:latin typeface="+mn-ea"/>
                <a:cs typeface="ＭＳ Ｐゴシック" panose="020B0600070205080204" pitchFamily="50" charset="-128"/>
              </a:rPr>
              <a:t>　</a:t>
            </a:r>
            <a:endParaRPr lang="en-US" altLang="ja-JP" dirty="0">
              <a:effectLst/>
              <a:latin typeface="+mn-ea"/>
              <a:cs typeface="ＭＳ Ｐゴシック" panose="020B0600070205080204" pitchFamily="50" charset="-128"/>
            </a:endParaRPr>
          </a:p>
          <a:p>
            <a:pPr lvl="0" algn="just"/>
            <a:endParaRPr lang="en-US" altLang="ja-JP" dirty="0">
              <a:latin typeface="+mn-ea"/>
              <a:cs typeface="ＭＳ Ｐゴシック" panose="020B0600070205080204" pitchFamily="50" charset="-128"/>
            </a:endParaRPr>
          </a:p>
        </p:txBody>
      </p:sp>
      <p:graphicFrame>
        <p:nvGraphicFramePr>
          <p:cNvPr id="4" name="表 3">
            <a:extLst>
              <a:ext uri="{FF2B5EF4-FFF2-40B4-BE49-F238E27FC236}">
                <a16:creationId xmlns:a16="http://schemas.microsoft.com/office/drawing/2014/main" id="{2DC2B438-7DB3-7CAB-426A-6675FC449AFF}"/>
              </a:ext>
            </a:extLst>
          </p:cNvPr>
          <p:cNvGraphicFramePr>
            <a:graphicFrameLocks noGrp="1"/>
          </p:cNvGraphicFramePr>
          <p:nvPr>
            <p:extLst>
              <p:ext uri="{D42A27DB-BD31-4B8C-83A1-F6EECF244321}">
                <p14:modId xmlns:p14="http://schemas.microsoft.com/office/powerpoint/2010/main" val="2793761611"/>
              </p:ext>
            </p:extLst>
          </p:nvPr>
        </p:nvGraphicFramePr>
        <p:xfrm>
          <a:off x="947126" y="5586484"/>
          <a:ext cx="7704000" cy="1112520"/>
        </p:xfrm>
        <a:graphic>
          <a:graphicData uri="http://schemas.openxmlformats.org/drawingml/2006/table">
            <a:tbl>
              <a:tblPr firstRow="1" bandRow="1">
                <a:tableStyleId>{5C22544A-7EE6-4342-B048-85BDC9FD1C3A}</a:tableStyleId>
              </a:tblPr>
              <a:tblGrid>
                <a:gridCol w="2520000">
                  <a:extLst>
                    <a:ext uri="{9D8B030D-6E8A-4147-A177-3AD203B41FA5}">
                      <a16:colId xmlns:a16="http://schemas.microsoft.com/office/drawing/2014/main" val="1992000581"/>
                    </a:ext>
                  </a:extLst>
                </a:gridCol>
                <a:gridCol w="1728000">
                  <a:extLst>
                    <a:ext uri="{9D8B030D-6E8A-4147-A177-3AD203B41FA5}">
                      <a16:colId xmlns:a16="http://schemas.microsoft.com/office/drawing/2014/main" val="2437299121"/>
                    </a:ext>
                  </a:extLst>
                </a:gridCol>
                <a:gridCol w="1728000">
                  <a:extLst>
                    <a:ext uri="{9D8B030D-6E8A-4147-A177-3AD203B41FA5}">
                      <a16:colId xmlns:a16="http://schemas.microsoft.com/office/drawing/2014/main" val="3555258320"/>
                    </a:ext>
                  </a:extLst>
                </a:gridCol>
                <a:gridCol w="1728000">
                  <a:extLst>
                    <a:ext uri="{9D8B030D-6E8A-4147-A177-3AD203B41FA5}">
                      <a16:colId xmlns:a16="http://schemas.microsoft.com/office/drawing/2014/main" val="1053460951"/>
                    </a:ext>
                  </a:extLst>
                </a:gridCol>
              </a:tblGrid>
              <a:tr h="370840">
                <a:tc>
                  <a:txBody>
                    <a:bodyPr/>
                    <a:lstStyle/>
                    <a:p>
                      <a:pPr algn="r"/>
                      <a:endParaRPr kumimoji="1" lang="ja-JP" altLang="en-US" b="0" dirty="0">
                        <a:solidFill>
                          <a:sysClr val="windowText" lastClr="000000"/>
                        </a:solidFill>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endParaRPr kumimoji="1" lang="ja-JP" altLang="en-US" b="0" dirty="0">
                        <a:solidFill>
                          <a:sysClr val="windowText" lastClr="000000"/>
                        </a:solidFill>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gridSpan="2">
                  <a:txBody>
                    <a:bodyPr/>
                    <a:lstStyle/>
                    <a:p>
                      <a:pPr algn="r"/>
                      <a:r>
                        <a:rPr kumimoji="1" lang="ja-JP" altLang="en-US" b="0" dirty="0">
                          <a:solidFill>
                            <a:sysClr val="windowText" lastClr="000000"/>
                          </a:solidFill>
                        </a:rPr>
                        <a:t>単位：百万円</a:t>
                      </a: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005539918"/>
                  </a:ext>
                </a:extLst>
              </a:tr>
              <a:tr h="370840">
                <a:tc>
                  <a:txBody>
                    <a:bodyPr/>
                    <a:lstStyle/>
                    <a:p>
                      <a:pPr algn="ctr"/>
                      <a:endParaRPr kumimoji="1" lang="ja-JP" altLang="en-US" b="0" dirty="0">
                        <a:solidFill>
                          <a:sysClr val="windowText" lastClr="000000"/>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b="0" dirty="0">
                          <a:solidFill>
                            <a:sysClr val="windowText" lastClr="000000"/>
                          </a:solidFill>
                        </a:rPr>
                        <a:t>令和６年度</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b="0" dirty="0">
                          <a:solidFill>
                            <a:sysClr val="windowText" lastClr="000000"/>
                          </a:solidFill>
                        </a:rPr>
                        <a:t>令和７年度</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b="0" dirty="0">
                          <a:solidFill>
                            <a:sysClr val="windowText" lastClr="000000"/>
                          </a:solidFill>
                        </a:rPr>
                        <a:t>増減</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82616856"/>
                  </a:ext>
                </a:extLst>
              </a:tr>
              <a:tr h="370840">
                <a:tc>
                  <a:txBody>
                    <a:bodyPr/>
                    <a:lstStyle/>
                    <a:p>
                      <a:pPr algn="ctr"/>
                      <a:r>
                        <a:rPr kumimoji="1" lang="ja-JP" altLang="en-US" b="0" dirty="0">
                          <a:solidFill>
                            <a:sysClr val="windowText" lastClr="000000"/>
                          </a:solidFill>
                        </a:rPr>
                        <a:t>処理場・抽水所工事費</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kumimoji="1" lang="en-US" altLang="ja-JP" b="0" dirty="0">
                          <a:solidFill>
                            <a:sysClr val="windowText" lastClr="000000"/>
                          </a:solidFill>
                        </a:rPr>
                        <a:t>32,736</a:t>
                      </a:r>
                      <a:endParaRPr kumimoji="1" lang="ja-JP" altLang="en-US" b="0" dirty="0">
                        <a:solidFill>
                          <a:sysClr val="windowText" lastClr="000000"/>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kumimoji="1" lang="en-US" altLang="ja-JP" b="0" dirty="0">
                          <a:solidFill>
                            <a:sysClr val="windowText" lastClr="000000"/>
                          </a:solidFill>
                        </a:rPr>
                        <a:t>47,996</a:t>
                      </a:r>
                      <a:endParaRPr kumimoji="1" lang="ja-JP" altLang="en-US" b="0" dirty="0">
                        <a:solidFill>
                          <a:sysClr val="windowText" lastClr="000000"/>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kumimoji="1" lang="en-US" altLang="ja-JP" b="0" dirty="0">
                          <a:solidFill>
                            <a:sysClr val="windowText" lastClr="000000"/>
                          </a:solidFill>
                        </a:rPr>
                        <a:t>15,260</a:t>
                      </a:r>
                      <a:endParaRPr kumimoji="1" lang="ja-JP" altLang="en-US" b="0" dirty="0">
                        <a:solidFill>
                          <a:sysClr val="windowText" lastClr="000000"/>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346554499"/>
                  </a:ext>
                </a:extLst>
              </a:tr>
            </a:tbl>
          </a:graphicData>
        </a:graphic>
      </p:graphicFrame>
      <p:sp>
        <p:nvSpPr>
          <p:cNvPr id="104" name="正方形/長方形 103">
            <a:extLst>
              <a:ext uri="{FF2B5EF4-FFF2-40B4-BE49-F238E27FC236}">
                <a16:creationId xmlns:a16="http://schemas.microsoft.com/office/drawing/2014/main" id="{B981DA85-F5B6-F4E9-133B-182A671A62CD}"/>
              </a:ext>
            </a:extLst>
          </p:cNvPr>
          <p:cNvSpPr/>
          <p:nvPr/>
        </p:nvSpPr>
        <p:spPr>
          <a:xfrm>
            <a:off x="208386" y="3090926"/>
            <a:ext cx="2219946" cy="1604429"/>
          </a:xfrm>
          <a:prstGeom prst="rect">
            <a:avLst/>
          </a:prstGeom>
          <a:solidFill>
            <a:srgbClr val="CCFFFF"/>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修繕費</a:t>
            </a:r>
          </a:p>
        </p:txBody>
      </p:sp>
      <p:sp>
        <p:nvSpPr>
          <p:cNvPr id="120" name="正方形/長方形 119">
            <a:extLst>
              <a:ext uri="{FF2B5EF4-FFF2-40B4-BE49-F238E27FC236}">
                <a16:creationId xmlns:a16="http://schemas.microsoft.com/office/drawing/2014/main" id="{E442AB51-B8AF-59B7-B41C-8C53EB14C241}"/>
              </a:ext>
            </a:extLst>
          </p:cNvPr>
          <p:cNvSpPr/>
          <p:nvPr/>
        </p:nvSpPr>
        <p:spPr>
          <a:xfrm>
            <a:off x="3032295" y="3090926"/>
            <a:ext cx="2575551" cy="1604429"/>
          </a:xfrm>
          <a:prstGeom prst="rect">
            <a:avLst/>
          </a:prstGeom>
          <a:solidFill>
            <a:srgbClr val="CCFFFF"/>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rPr>
              <a:t>当初予算範囲内で対応</a:t>
            </a:r>
          </a:p>
        </p:txBody>
      </p:sp>
      <p:sp>
        <p:nvSpPr>
          <p:cNvPr id="8" name="右大かっこ 7">
            <a:extLst>
              <a:ext uri="{FF2B5EF4-FFF2-40B4-BE49-F238E27FC236}">
                <a16:creationId xmlns:a16="http://schemas.microsoft.com/office/drawing/2014/main" id="{06CFADA0-BA3D-0B0F-804B-D131063A5CB2}"/>
              </a:ext>
            </a:extLst>
          </p:cNvPr>
          <p:cNvSpPr/>
          <p:nvPr/>
        </p:nvSpPr>
        <p:spPr>
          <a:xfrm rot="10800000" flipH="1">
            <a:off x="7080647" y="1976818"/>
            <a:ext cx="127874" cy="1114107"/>
          </a:xfrm>
          <a:prstGeom prst="rightBracket">
            <a:avLst/>
          </a:prstGeom>
          <a:ln w="158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600"/>
          </a:p>
        </p:txBody>
      </p:sp>
      <p:cxnSp>
        <p:nvCxnSpPr>
          <p:cNvPr id="10" name="直線コネクタ 9">
            <a:extLst>
              <a:ext uri="{FF2B5EF4-FFF2-40B4-BE49-F238E27FC236}">
                <a16:creationId xmlns:a16="http://schemas.microsoft.com/office/drawing/2014/main" id="{99D8FF97-9D7F-841A-E509-48DD63B3B1AB}"/>
              </a:ext>
            </a:extLst>
          </p:cNvPr>
          <p:cNvCxnSpPr/>
          <p:nvPr/>
        </p:nvCxnSpPr>
        <p:spPr>
          <a:xfrm>
            <a:off x="5696784" y="3090925"/>
            <a:ext cx="1211579"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テキスト ボックス 10">
            <a:extLst>
              <a:ext uri="{FF2B5EF4-FFF2-40B4-BE49-F238E27FC236}">
                <a16:creationId xmlns:a16="http://schemas.microsoft.com/office/drawing/2014/main" id="{9C81A96F-8D52-CAFC-AAA4-C7D53051CA6F}"/>
              </a:ext>
            </a:extLst>
          </p:cNvPr>
          <p:cNvSpPr txBox="1"/>
          <p:nvPr/>
        </p:nvSpPr>
        <p:spPr>
          <a:xfrm>
            <a:off x="5235268" y="4694674"/>
            <a:ext cx="4462346" cy="369332"/>
          </a:xfrm>
          <a:prstGeom prst="rect">
            <a:avLst/>
          </a:prstGeom>
          <a:noFill/>
        </p:spPr>
        <p:txBody>
          <a:bodyPr wrap="square">
            <a:spAutoFit/>
          </a:bodyPr>
          <a:lstStyle/>
          <a:p>
            <a:r>
              <a:rPr lang="en-US" altLang="ja-JP" dirty="0">
                <a:latin typeface="+mn-ea"/>
                <a:cs typeface="ＭＳ Ｐゴシック" panose="020B0600070205080204" pitchFamily="50" charset="-128"/>
              </a:rPr>
              <a:t>※</a:t>
            </a:r>
            <a:r>
              <a:rPr lang="ja-JP" altLang="en-US" dirty="0">
                <a:latin typeface="+mn-ea"/>
                <a:cs typeface="ＭＳ Ｐゴシック" panose="020B0600070205080204" pitchFamily="50" charset="-128"/>
              </a:rPr>
              <a:t>物価上昇分は、市で予算措置して対応</a:t>
            </a:r>
            <a:endParaRPr lang="en-US" altLang="ja-JP" dirty="0">
              <a:latin typeface="+mn-ea"/>
              <a:cs typeface="ＭＳ Ｐゴシック" panose="020B0600070205080204" pitchFamily="50" charset="-128"/>
            </a:endParaRPr>
          </a:p>
        </p:txBody>
      </p:sp>
    </p:spTree>
    <p:extLst>
      <p:ext uri="{BB962C8B-B14F-4D97-AF65-F5344CB8AC3E}">
        <p14:creationId xmlns:p14="http://schemas.microsoft.com/office/powerpoint/2010/main" val="1193182618"/>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16326" y="2474925"/>
            <a:ext cx="8673347" cy="954075"/>
          </a:xfrm>
          <a:prstGeom prst="rect">
            <a:avLst/>
          </a:prstGeom>
          <a:noFill/>
        </p:spPr>
        <p:txBody>
          <a:bodyPr vert="horz" wrap="square" lIns="91407" tIns="45704" rIns="91407" bIns="45704" rtlCol="0" anchor="ctr">
            <a:spAutoFit/>
          </a:bodyPr>
          <a:lstStyle/>
          <a:p>
            <a:pPr algn="ctr"/>
            <a:r>
              <a:rPr lang="ja-JP" altLang="en-US" sz="2800" b="1" dirty="0"/>
              <a:t>埼玉県八潮市における道路陥没を踏まえた対応状況</a:t>
            </a:r>
            <a:endParaRPr lang="en-US" altLang="ja-JP" sz="2800" b="1" dirty="0"/>
          </a:p>
          <a:p>
            <a:endParaRPr lang="en-US" altLang="ja-JP" sz="2800" b="1" dirty="0"/>
          </a:p>
        </p:txBody>
      </p:sp>
      <p:sp>
        <p:nvSpPr>
          <p:cNvPr id="3" name="スライド番号プレースホルダー 2"/>
          <p:cNvSpPr>
            <a:spLocks noGrp="1"/>
          </p:cNvSpPr>
          <p:nvPr>
            <p:ph type="sldNum" sz="quarter" idx="12"/>
          </p:nvPr>
        </p:nvSpPr>
        <p:spPr/>
        <p:txBody>
          <a:bodyPr/>
          <a:lstStyle/>
          <a:p>
            <a:fld id="{36EC18DB-A5DF-4E0E-B815-FCD04A2C4B2C}" type="slidenum">
              <a:rPr kumimoji="1" lang="ja-JP" altLang="en-US" smtClean="0"/>
              <a:t>57</a:t>
            </a:fld>
            <a:endParaRPr kumimoji="1" lang="ja-JP" altLang="en-US"/>
          </a:p>
        </p:txBody>
      </p:sp>
      <p:sp>
        <p:nvSpPr>
          <p:cNvPr id="4" name="字幕 2">
            <a:extLst>
              <a:ext uri="{FF2B5EF4-FFF2-40B4-BE49-F238E27FC236}">
                <a16:creationId xmlns:a16="http://schemas.microsoft.com/office/drawing/2014/main" id="{0725CF1E-8AEC-9D8F-6F8E-123B7541AD1A}"/>
              </a:ext>
            </a:extLst>
          </p:cNvPr>
          <p:cNvSpPr txBox="1">
            <a:spLocks/>
          </p:cNvSpPr>
          <p:nvPr/>
        </p:nvSpPr>
        <p:spPr>
          <a:xfrm>
            <a:off x="261170" y="353233"/>
            <a:ext cx="4988562" cy="895859"/>
          </a:xfrm>
          <a:prstGeom prst="rect">
            <a:avLst/>
          </a:prstGeom>
        </p:spPr>
        <p:txBody>
          <a:bodyPr vert="horz" lIns="91440" tIns="45720" rIns="91440" bIns="45720" rtlCol="0">
            <a:normAutofit/>
          </a:bodyPr>
          <a:lstStyle>
            <a:lvl1pPr marL="0" indent="0" algn="ctr"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kumimoji="1"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kumimoji="1"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9pPr>
          </a:lstStyle>
          <a:p>
            <a:pPr algn="l"/>
            <a:r>
              <a:rPr lang="en-US" altLang="ja-JP" dirty="0"/>
              <a:t>【</a:t>
            </a:r>
            <a:r>
              <a:rPr lang="ja-JP" altLang="en-US" dirty="0"/>
              <a:t>議題５　その他報告事項１</a:t>
            </a:r>
            <a:r>
              <a:rPr lang="en-US" altLang="ja-JP" dirty="0"/>
              <a:t>】</a:t>
            </a:r>
          </a:p>
        </p:txBody>
      </p:sp>
    </p:spTree>
    <p:extLst>
      <p:ext uri="{BB962C8B-B14F-4D97-AF65-F5344CB8AC3E}">
        <p14:creationId xmlns:p14="http://schemas.microsoft.com/office/powerpoint/2010/main" val="423945153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6">
            <a:extLst>
              <a:ext uri="{FF2B5EF4-FFF2-40B4-BE49-F238E27FC236}">
                <a16:creationId xmlns:a16="http://schemas.microsoft.com/office/drawing/2014/main" id="{F0869689-5547-FBE2-71C3-73B27D12E99F}"/>
              </a:ext>
            </a:extLst>
          </p:cNvPr>
          <p:cNvSpPr>
            <a:spLocks noGrp="1"/>
          </p:cNvSpPr>
          <p:nvPr>
            <p:ph type="sldNum" sz="quarter" idx="12"/>
          </p:nvPr>
        </p:nvSpPr>
        <p:spPr>
          <a:xfrm>
            <a:off x="7758548" y="6504654"/>
            <a:ext cx="2057400" cy="337038"/>
          </a:xfrm>
        </p:spPr>
        <p:txBody>
          <a:bodyPr/>
          <a:lstStyle/>
          <a:p>
            <a:pPr defTabSz="422041"/>
            <a:fld id="{36EC18DB-A5DF-4E0E-B815-FCD04A2C4B2C}" type="slidenum">
              <a:rPr kumimoji="1" lang="ja-JP" altLang="en-US">
                <a:solidFill>
                  <a:prstClr val="black"/>
                </a:solidFill>
                <a:latin typeface="Segoe UI"/>
                <a:ea typeface="Meiryo UI"/>
              </a:rPr>
              <a:pPr defTabSz="422041"/>
              <a:t>58</a:t>
            </a:fld>
            <a:endParaRPr kumimoji="1" lang="ja-JP" altLang="en-US" dirty="0">
              <a:solidFill>
                <a:prstClr val="black"/>
              </a:solidFill>
              <a:latin typeface="Segoe UI"/>
              <a:ea typeface="Meiryo UI"/>
            </a:endParaRPr>
          </a:p>
        </p:txBody>
      </p:sp>
      <p:sp>
        <p:nvSpPr>
          <p:cNvPr id="15" name="タイトル 1">
            <a:extLst>
              <a:ext uri="{FF2B5EF4-FFF2-40B4-BE49-F238E27FC236}">
                <a16:creationId xmlns:a16="http://schemas.microsoft.com/office/drawing/2014/main" id="{9F9338B0-225D-926F-AD68-0D65C186610B}"/>
              </a:ext>
            </a:extLst>
          </p:cNvPr>
          <p:cNvSpPr txBox="1">
            <a:spLocks/>
          </p:cNvSpPr>
          <p:nvPr/>
        </p:nvSpPr>
        <p:spPr>
          <a:xfrm>
            <a:off x="1562" y="610344"/>
            <a:ext cx="9934691" cy="334424"/>
          </a:xfrm>
          <a:prstGeom prst="rect">
            <a:avLst/>
          </a:prstGeom>
          <a:solidFill>
            <a:schemeClr val="bg1"/>
          </a:solid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en-US" altLang="ja-JP" sz="1800" dirty="0">
                <a:solidFill>
                  <a:prstClr val="black"/>
                </a:solidFill>
                <a:latin typeface="Meiryo UI" panose="020B0604030504040204" pitchFamily="50" charset="-128"/>
                <a:ea typeface="Meiryo UI" panose="020B0604030504040204" pitchFamily="50" charset="-128"/>
              </a:rPr>
              <a:t>【</a:t>
            </a:r>
            <a:r>
              <a:rPr lang="ja-JP" altLang="en-US" sz="1800" dirty="0">
                <a:solidFill>
                  <a:prstClr val="black"/>
                </a:solidFill>
                <a:latin typeface="Meiryo UI" panose="020B0604030504040204" pitchFamily="50" charset="-128"/>
                <a:ea typeface="Meiryo UI" panose="020B0604030504040204" pitchFamily="50" charset="-128"/>
              </a:rPr>
              <a:t>全国特別重点調査の概要</a:t>
            </a:r>
            <a:r>
              <a:rPr lang="en-US" altLang="ja-JP" sz="1800" dirty="0">
                <a:solidFill>
                  <a:prstClr val="black"/>
                </a:solidFill>
                <a:latin typeface="Meiryo UI" panose="020B0604030504040204" pitchFamily="50" charset="-128"/>
                <a:ea typeface="Meiryo UI" panose="020B0604030504040204" pitchFamily="50" charset="-128"/>
              </a:rPr>
              <a:t>】</a:t>
            </a:r>
          </a:p>
        </p:txBody>
      </p:sp>
      <p:sp>
        <p:nvSpPr>
          <p:cNvPr id="3" name="タイトル 1">
            <a:extLst>
              <a:ext uri="{FF2B5EF4-FFF2-40B4-BE49-F238E27FC236}">
                <a16:creationId xmlns:a16="http://schemas.microsoft.com/office/drawing/2014/main" id="{824EC393-F7F1-F76A-C028-989B223084C3}"/>
              </a:ext>
            </a:extLst>
          </p:cNvPr>
          <p:cNvSpPr txBox="1">
            <a:spLocks/>
          </p:cNvSpPr>
          <p:nvPr/>
        </p:nvSpPr>
        <p:spPr>
          <a:xfrm>
            <a:off x="19794" y="941329"/>
            <a:ext cx="9796154" cy="1022632"/>
          </a:xfrm>
          <a:prstGeom prst="rect">
            <a:avLst/>
          </a:prstGeom>
          <a:solidFill>
            <a:schemeClr val="bg1"/>
          </a:solid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pPr marL="285750" indent="-285750">
              <a:buFont typeface="Wingdings" panose="05000000000000000000" pitchFamily="2" charset="2"/>
              <a:buChar char="ü"/>
            </a:pPr>
            <a:r>
              <a:rPr lang="ja-JP" altLang="en-US" sz="1800" dirty="0">
                <a:solidFill>
                  <a:prstClr val="black"/>
                </a:solidFill>
                <a:latin typeface="Meiryo UI" panose="020B0604030504040204" pitchFamily="50" charset="-128"/>
                <a:ea typeface="Meiryo UI" panose="020B0604030504040204" pitchFamily="50" charset="-128"/>
              </a:rPr>
              <a:t>大規模道路陥没事故を踏まえ、全国特別重点調査の実施が要請された。（</a:t>
            </a:r>
            <a:r>
              <a:rPr lang="en-US" altLang="ja-JP" sz="1800" dirty="0">
                <a:solidFill>
                  <a:prstClr val="black"/>
                </a:solidFill>
                <a:latin typeface="Meiryo UI" panose="020B0604030504040204" pitchFamily="50" charset="-128"/>
                <a:ea typeface="Meiryo UI" panose="020B0604030504040204" pitchFamily="50" charset="-128"/>
              </a:rPr>
              <a:t>R7.3.18</a:t>
            </a:r>
            <a:r>
              <a:rPr lang="ja-JP" altLang="en-US" sz="1800" dirty="0">
                <a:solidFill>
                  <a:prstClr val="black"/>
                </a:solidFill>
                <a:latin typeface="Meiryo UI" panose="020B0604030504040204" pitchFamily="50" charset="-128"/>
                <a:ea typeface="Meiryo UI" panose="020B0604030504040204" pitchFamily="50" charset="-128"/>
              </a:rPr>
              <a:t>通達）</a:t>
            </a:r>
            <a:endParaRPr lang="en-US" altLang="ja-JP" sz="1800" dirty="0">
              <a:solidFill>
                <a:prstClr val="black"/>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ü"/>
            </a:pPr>
            <a:r>
              <a:rPr lang="ja-JP" altLang="en-US" sz="1800" dirty="0">
                <a:solidFill>
                  <a:srgbClr val="FF0000"/>
                </a:solidFill>
                <a:latin typeface="Meiryo UI" panose="020B0604030504040204" pitchFamily="50" charset="-128"/>
                <a:ea typeface="Meiryo UI" panose="020B0604030504040204" pitchFamily="50" charset="-128"/>
              </a:rPr>
              <a:t>優先箇所は</a:t>
            </a:r>
            <a:r>
              <a:rPr lang="en-US" altLang="ja-JP" sz="1800" dirty="0">
                <a:solidFill>
                  <a:srgbClr val="FF0000"/>
                </a:solidFill>
                <a:latin typeface="Meiryo UI" panose="020B0604030504040204" pitchFamily="50" charset="-128"/>
                <a:ea typeface="Meiryo UI" panose="020B0604030504040204" pitchFamily="50" charset="-128"/>
              </a:rPr>
              <a:t>R7.8.8</a:t>
            </a:r>
            <a:r>
              <a:rPr lang="ja-JP" altLang="en-US" sz="1800" dirty="0">
                <a:solidFill>
                  <a:srgbClr val="FF0000"/>
                </a:solidFill>
                <a:latin typeface="Meiryo UI" panose="020B0604030504040204" pitchFamily="50" charset="-128"/>
                <a:ea typeface="Meiryo UI" panose="020B0604030504040204" pitchFamily="50" charset="-128"/>
              </a:rPr>
              <a:t>までに</a:t>
            </a:r>
            <a:r>
              <a:rPr lang="ja-JP" altLang="en-US" sz="1800" dirty="0">
                <a:solidFill>
                  <a:prstClr val="black"/>
                </a:solidFill>
                <a:latin typeface="Meiryo UI" panose="020B0604030504040204" pitchFamily="50" charset="-128"/>
                <a:ea typeface="Meiryo UI" panose="020B0604030504040204" pitchFamily="50" charset="-128"/>
              </a:rPr>
              <a:t>、それ以外の箇所は</a:t>
            </a:r>
            <a:r>
              <a:rPr lang="en-US" altLang="ja-JP" sz="1800" dirty="0">
                <a:solidFill>
                  <a:prstClr val="black"/>
                </a:solidFill>
                <a:latin typeface="Meiryo UI" panose="020B0604030504040204" pitchFamily="50" charset="-128"/>
                <a:ea typeface="Meiryo UI" panose="020B0604030504040204" pitchFamily="50" charset="-128"/>
              </a:rPr>
              <a:t>R8.2</a:t>
            </a:r>
            <a:r>
              <a:rPr lang="ja-JP" altLang="en-US" sz="1800" dirty="0">
                <a:solidFill>
                  <a:prstClr val="black"/>
                </a:solidFill>
                <a:latin typeface="Meiryo UI" panose="020B0604030504040204" pitchFamily="50" charset="-128"/>
                <a:ea typeface="Meiryo UI" panose="020B0604030504040204" pitchFamily="50" charset="-128"/>
              </a:rPr>
              <a:t>末までに</a:t>
            </a:r>
            <a:r>
              <a:rPr lang="ja-JP" altLang="en-US" sz="1800" dirty="0">
                <a:solidFill>
                  <a:srgbClr val="FF0000"/>
                </a:solidFill>
                <a:latin typeface="Meiryo UI" panose="020B0604030504040204" pitchFamily="50" charset="-128"/>
                <a:ea typeface="Meiryo UI" panose="020B0604030504040204" pitchFamily="50" charset="-128"/>
              </a:rPr>
              <a:t>国への報告</a:t>
            </a:r>
            <a:r>
              <a:rPr lang="ja-JP" altLang="en-US" sz="1800" dirty="0">
                <a:solidFill>
                  <a:prstClr val="black"/>
                </a:solidFill>
                <a:latin typeface="Meiryo UI" panose="020B0604030504040204" pitchFamily="50" charset="-128"/>
                <a:ea typeface="Meiryo UI" panose="020B0604030504040204" pitchFamily="50" charset="-128"/>
              </a:rPr>
              <a:t>が求められている。</a:t>
            </a:r>
          </a:p>
        </p:txBody>
      </p:sp>
      <p:pic>
        <p:nvPicPr>
          <p:cNvPr id="4" name="図 3">
            <a:extLst>
              <a:ext uri="{FF2B5EF4-FFF2-40B4-BE49-F238E27FC236}">
                <a16:creationId xmlns:a16="http://schemas.microsoft.com/office/drawing/2014/main" id="{00DD9FEA-2E51-0B09-3069-5DBF495E6556}"/>
              </a:ext>
            </a:extLst>
          </p:cNvPr>
          <p:cNvPicPr>
            <a:picLocks noChangeAspect="1"/>
          </p:cNvPicPr>
          <p:nvPr/>
        </p:nvPicPr>
        <p:blipFill>
          <a:blip r:embed="rId3"/>
          <a:stretch>
            <a:fillRect/>
          </a:stretch>
        </p:blipFill>
        <p:spPr>
          <a:xfrm>
            <a:off x="645217" y="1622480"/>
            <a:ext cx="8327333" cy="4947335"/>
          </a:xfrm>
          <a:prstGeom prst="rect">
            <a:avLst/>
          </a:prstGeom>
          <a:ln>
            <a:solidFill>
              <a:schemeClr val="tx1"/>
            </a:solidFill>
          </a:ln>
        </p:spPr>
      </p:pic>
      <p:sp>
        <p:nvSpPr>
          <p:cNvPr id="5" name="タイトル 1">
            <a:extLst>
              <a:ext uri="{FF2B5EF4-FFF2-40B4-BE49-F238E27FC236}">
                <a16:creationId xmlns:a16="http://schemas.microsoft.com/office/drawing/2014/main" id="{6D0B5264-700F-E499-5E74-5710596270AA}"/>
              </a:ext>
            </a:extLst>
          </p:cNvPr>
          <p:cNvSpPr txBox="1">
            <a:spLocks/>
          </p:cNvSpPr>
          <p:nvPr/>
        </p:nvSpPr>
        <p:spPr>
          <a:xfrm>
            <a:off x="1022408" y="6634976"/>
            <a:ext cx="8428760" cy="337038"/>
          </a:xfrm>
          <a:prstGeom prst="rect">
            <a:avLst/>
          </a:prstGeom>
          <a:noFill/>
          <a:ln>
            <a:solidFill>
              <a:schemeClr val="accent1">
                <a:alpha val="0"/>
              </a:schemeClr>
            </a:solidFill>
          </a:ln>
        </p:spPr>
        <p:txBody>
          <a:bodyPr vert="horz" lIns="91440" tIns="45720" rIns="91440" bIns="45720" rtlCol="0" anchor="t">
            <a:normAutofit fontScale="97500"/>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ja-JP" altLang="en-US" sz="1100" dirty="0">
                <a:solidFill>
                  <a:prstClr val="black"/>
                </a:solidFill>
                <a:latin typeface="Meiryo UI" panose="020B0604030504040204" pitchFamily="50" charset="-128"/>
                <a:ea typeface="Meiryo UI" panose="020B0604030504040204" pitchFamily="50" charset="-128"/>
              </a:rPr>
              <a:t>出典：国交省事務連絡　「下水道管路の全国特別重点調査について」　添付資料</a:t>
            </a:r>
            <a:endParaRPr lang="en-US" altLang="ja-JP" sz="1100" dirty="0">
              <a:solidFill>
                <a:prstClr val="black"/>
              </a:solidFill>
              <a:latin typeface="Meiryo UI" panose="020B0604030504040204" pitchFamily="50" charset="-128"/>
              <a:ea typeface="Meiryo UI" panose="020B0604030504040204" pitchFamily="50" charset="-128"/>
            </a:endParaRPr>
          </a:p>
        </p:txBody>
      </p:sp>
      <p:sp>
        <p:nvSpPr>
          <p:cNvPr id="6" name="角丸四角形 17">
            <a:extLst>
              <a:ext uri="{FF2B5EF4-FFF2-40B4-BE49-F238E27FC236}">
                <a16:creationId xmlns:a16="http://schemas.microsoft.com/office/drawing/2014/main" id="{E513361B-2B2F-A25B-EBB8-CA3BB004DE4E}"/>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５</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 ．埼玉県八潮市における道路陥没を踏まえた対応状況</a:t>
            </a:r>
          </a:p>
          <a:p>
            <a:pPr>
              <a:lnSpc>
                <a:spcPts val="2194"/>
              </a:lnSpc>
            </a:pP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4185211627"/>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6">
            <a:extLst>
              <a:ext uri="{FF2B5EF4-FFF2-40B4-BE49-F238E27FC236}">
                <a16:creationId xmlns:a16="http://schemas.microsoft.com/office/drawing/2014/main" id="{F0869689-5547-FBE2-71C3-73B27D12E99F}"/>
              </a:ext>
            </a:extLst>
          </p:cNvPr>
          <p:cNvSpPr>
            <a:spLocks noGrp="1"/>
          </p:cNvSpPr>
          <p:nvPr>
            <p:ph type="sldNum" sz="quarter" idx="12"/>
          </p:nvPr>
        </p:nvSpPr>
        <p:spPr>
          <a:xfrm>
            <a:off x="7758548" y="6504654"/>
            <a:ext cx="2057400" cy="337038"/>
          </a:xfrm>
        </p:spPr>
        <p:txBody>
          <a:bodyPr/>
          <a:lstStyle/>
          <a:p>
            <a:pPr defTabSz="422041"/>
            <a:fld id="{36EC18DB-A5DF-4E0E-B815-FCD04A2C4B2C}" type="slidenum">
              <a:rPr kumimoji="1" lang="ja-JP" altLang="en-US">
                <a:solidFill>
                  <a:prstClr val="black"/>
                </a:solidFill>
                <a:latin typeface="Segoe UI"/>
                <a:ea typeface="Meiryo UI"/>
              </a:rPr>
              <a:pPr defTabSz="422041"/>
              <a:t>59</a:t>
            </a:fld>
            <a:endParaRPr kumimoji="1" lang="ja-JP" altLang="en-US" dirty="0">
              <a:solidFill>
                <a:prstClr val="black"/>
              </a:solidFill>
              <a:latin typeface="Segoe UI"/>
              <a:ea typeface="Meiryo UI"/>
            </a:endParaRPr>
          </a:p>
        </p:txBody>
      </p:sp>
      <p:sp>
        <p:nvSpPr>
          <p:cNvPr id="8" name="タイトル 1">
            <a:extLst>
              <a:ext uri="{FF2B5EF4-FFF2-40B4-BE49-F238E27FC236}">
                <a16:creationId xmlns:a16="http://schemas.microsoft.com/office/drawing/2014/main" id="{C6FF40E9-941B-AAFC-953E-E2BBF2C87ACB}"/>
              </a:ext>
            </a:extLst>
          </p:cNvPr>
          <p:cNvSpPr txBox="1">
            <a:spLocks/>
          </p:cNvSpPr>
          <p:nvPr/>
        </p:nvSpPr>
        <p:spPr>
          <a:xfrm>
            <a:off x="1563" y="610343"/>
            <a:ext cx="9814386" cy="388919"/>
          </a:xfrm>
          <a:prstGeom prst="rect">
            <a:avLst/>
          </a:prstGeom>
          <a:solidFill>
            <a:schemeClr val="bg1"/>
          </a:solid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en-US" altLang="ja-JP" sz="1800" dirty="0">
                <a:solidFill>
                  <a:prstClr val="black"/>
                </a:solidFill>
                <a:latin typeface="Meiryo UI" panose="020B0604030504040204" pitchFamily="50" charset="-128"/>
                <a:ea typeface="Meiryo UI" panose="020B0604030504040204" pitchFamily="50" charset="-128"/>
              </a:rPr>
              <a:t>【</a:t>
            </a:r>
            <a:r>
              <a:rPr lang="ja-JP" altLang="en-US" sz="1800" dirty="0">
                <a:solidFill>
                  <a:prstClr val="black"/>
                </a:solidFill>
                <a:latin typeface="Meiryo UI" panose="020B0604030504040204" pitchFamily="50" charset="-128"/>
                <a:ea typeface="Meiryo UI" panose="020B0604030504040204" pitchFamily="50" charset="-128"/>
              </a:rPr>
              <a:t>優先箇所に対する実施状況（</a:t>
            </a:r>
            <a:r>
              <a:rPr lang="en-US" altLang="ja-JP" sz="1800" dirty="0">
                <a:solidFill>
                  <a:prstClr val="black"/>
                </a:solidFill>
                <a:latin typeface="Meiryo UI" panose="020B0604030504040204" pitchFamily="50" charset="-128"/>
                <a:ea typeface="Meiryo UI" panose="020B0604030504040204" pitchFamily="50" charset="-128"/>
              </a:rPr>
              <a:t>R7.9.17</a:t>
            </a:r>
            <a:r>
              <a:rPr lang="ja-JP" altLang="en-US" sz="1800" dirty="0">
                <a:solidFill>
                  <a:prstClr val="black"/>
                </a:solidFill>
                <a:latin typeface="Meiryo UI" panose="020B0604030504040204" pitchFamily="50" charset="-128"/>
                <a:ea typeface="Meiryo UI" panose="020B0604030504040204" pitchFamily="50" charset="-128"/>
              </a:rPr>
              <a:t>市</a:t>
            </a:r>
            <a:r>
              <a:rPr lang="en-US" altLang="ja-JP" sz="1800" dirty="0">
                <a:solidFill>
                  <a:prstClr val="black"/>
                </a:solidFill>
                <a:latin typeface="Meiryo UI" panose="020B0604030504040204" pitchFamily="50" charset="-128"/>
                <a:ea typeface="Meiryo UI" panose="020B0604030504040204" pitchFamily="50" charset="-128"/>
              </a:rPr>
              <a:t>HP</a:t>
            </a:r>
            <a:r>
              <a:rPr lang="ja-JP" altLang="en-US" sz="1800" dirty="0">
                <a:solidFill>
                  <a:prstClr val="black"/>
                </a:solidFill>
                <a:latin typeface="Meiryo UI" panose="020B0604030504040204" pitchFamily="50" charset="-128"/>
                <a:ea typeface="Meiryo UI" panose="020B0604030504040204" pitchFamily="50" charset="-128"/>
              </a:rPr>
              <a:t>にて公表）</a:t>
            </a:r>
            <a:r>
              <a:rPr lang="en-US" altLang="ja-JP" sz="1800" dirty="0">
                <a:solidFill>
                  <a:prstClr val="black"/>
                </a:solidFill>
                <a:latin typeface="Meiryo UI" panose="020B0604030504040204" pitchFamily="50" charset="-128"/>
                <a:ea typeface="Meiryo UI" panose="020B0604030504040204" pitchFamily="50" charset="-128"/>
              </a:rPr>
              <a:t>】</a:t>
            </a:r>
          </a:p>
        </p:txBody>
      </p:sp>
      <p:sp>
        <p:nvSpPr>
          <p:cNvPr id="3" name="角丸四角形 17">
            <a:extLst>
              <a:ext uri="{FF2B5EF4-FFF2-40B4-BE49-F238E27FC236}">
                <a16:creationId xmlns:a16="http://schemas.microsoft.com/office/drawing/2014/main" id="{CF1685EA-1F71-948D-8FBB-8D8699688CAA}"/>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５</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 ．埼玉県八潮市における道路陥没を踏まえた対応状況</a:t>
            </a:r>
          </a:p>
          <a:p>
            <a:pPr>
              <a:lnSpc>
                <a:spcPts val="2194"/>
              </a:lnSpc>
            </a:pP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graphicFrame>
        <p:nvGraphicFramePr>
          <p:cNvPr id="2" name="オブジェクト 1">
            <a:extLst>
              <a:ext uri="{FF2B5EF4-FFF2-40B4-BE49-F238E27FC236}">
                <a16:creationId xmlns:a16="http://schemas.microsoft.com/office/drawing/2014/main" id="{6E8D88F6-E9FD-7D15-4CD9-2638A148A399}"/>
              </a:ext>
            </a:extLst>
          </p:cNvPr>
          <p:cNvGraphicFramePr>
            <a:graphicFrameLocks noChangeAspect="1"/>
          </p:cNvGraphicFramePr>
          <p:nvPr/>
        </p:nvGraphicFramePr>
        <p:xfrm>
          <a:off x="114000" y="1278869"/>
          <a:ext cx="9066939" cy="1969396"/>
        </p:xfrm>
        <a:graphic>
          <a:graphicData uri="http://schemas.openxmlformats.org/presentationml/2006/ole">
            <mc:AlternateContent xmlns:mc="http://schemas.openxmlformats.org/markup-compatibility/2006">
              <mc:Choice xmlns:v="urn:schemas-microsoft-com:vml" Requires="v">
                <p:oleObj name="Document" r:id="rId3" imgW="6186321" imgH="1398342" progId="Word.Document.12">
                  <p:embed/>
                </p:oleObj>
              </mc:Choice>
              <mc:Fallback>
                <p:oleObj name="Document" r:id="rId3" imgW="6186321" imgH="1398342" progId="Word.Document.12">
                  <p:embed/>
                  <p:pic>
                    <p:nvPicPr>
                      <p:cNvPr id="2" name="オブジェクト 1">
                        <a:extLst>
                          <a:ext uri="{FF2B5EF4-FFF2-40B4-BE49-F238E27FC236}">
                            <a16:creationId xmlns:a16="http://schemas.microsoft.com/office/drawing/2014/main" id="{6E8D88F6-E9FD-7D15-4CD9-2638A148A399}"/>
                          </a:ext>
                        </a:extLst>
                      </p:cNvPr>
                      <p:cNvPicPr/>
                      <p:nvPr/>
                    </p:nvPicPr>
                    <p:blipFill>
                      <a:blip r:embed="rId4"/>
                      <a:stretch>
                        <a:fillRect/>
                      </a:stretch>
                    </p:blipFill>
                    <p:spPr>
                      <a:xfrm>
                        <a:off x="114000" y="1278869"/>
                        <a:ext cx="9066939" cy="1969396"/>
                      </a:xfrm>
                      <a:prstGeom prst="rect">
                        <a:avLst/>
                      </a:prstGeom>
                    </p:spPr>
                  </p:pic>
                </p:oleObj>
              </mc:Fallback>
            </mc:AlternateContent>
          </a:graphicData>
        </a:graphic>
      </p:graphicFrame>
      <p:graphicFrame>
        <p:nvGraphicFramePr>
          <p:cNvPr id="5" name="オブジェクト 4">
            <a:extLst>
              <a:ext uri="{FF2B5EF4-FFF2-40B4-BE49-F238E27FC236}">
                <a16:creationId xmlns:a16="http://schemas.microsoft.com/office/drawing/2014/main" id="{B37E5CE3-B122-B248-5A4B-5BFF2D21945C}"/>
              </a:ext>
            </a:extLst>
          </p:cNvPr>
          <p:cNvGraphicFramePr>
            <a:graphicFrameLocks noChangeAspect="1"/>
          </p:cNvGraphicFramePr>
          <p:nvPr/>
        </p:nvGraphicFramePr>
        <p:xfrm>
          <a:off x="199950" y="3432437"/>
          <a:ext cx="8979493" cy="1714330"/>
        </p:xfrm>
        <a:graphic>
          <a:graphicData uri="http://schemas.openxmlformats.org/presentationml/2006/ole">
            <mc:AlternateContent xmlns:mc="http://schemas.openxmlformats.org/markup-compatibility/2006">
              <mc:Choice xmlns:v="urn:schemas-microsoft-com:vml" Requires="v">
                <p:oleObj name="Document" r:id="rId5" imgW="6186321" imgH="1180334" progId="Word.Document.12">
                  <p:embed/>
                </p:oleObj>
              </mc:Choice>
              <mc:Fallback>
                <p:oleObj name="Document" r:id="rId5" imgW="6186321" imgH="1180334" progId="Word.Document.12">
                  <p:embed/>
                  <p:pic>
                    <p:nvPicPr>
                      <p:cNvPr id="5" name="オブジェクト 4">
                        <a:extLst>
                          <a:ext uri="{FF2B5EF4-FFF2-40B4-BE49-F238E27FC236}">
                            <a16:creationId xmlns:a16="http://schemas.microsoft.com/office/drawing/2014/main" id="{B37E5CE3-B122-B248-5A4B-5BFF2D21945C}"/>
                          </a:ext>
                        </a:extLst>
                      </p:cNvPr>
                      <p:cNvPicPr/>
                      <p:nvPr/>
                    </p:nvPicPr>
                    <p:blipFill>
                      <a:blip r:embed="rId6"/>
                      <a:stretch>
                        <a:fillRect/>
                      </a:stretch>
                    </p:blipFill>
                    <p:spPr>
                      <a:xfrm>
                        <a:off x="199950" y="3432437"/>
                        <a:ext cx="8979493" cy="1714330"/>
                      </a:xfrm>
                      <a:prstGeom prst="rect">
                        <a:avLst/>
                      </a:prstGeom>
                    </p:spPr>
                  </p:pic>
                </p:oleObj>
              </mc:Fallback>
            </mc:AlternateContent>
          </a:graphicData>
        </a:graphic>
      </p:graphicFrame>
      <p:sp>
        <p:nvSpPr>
          <p:cNvPr id="9" name="タイトル 1">
            <a:extLst>
              <a:ext uri="{FF2B5EF4-FFF2-40B4-BE49-F238E27FC236}">
                <a16:creationId xmlns:a16="http://schemas.microsoft.com/office/drawing/2014/main" id="{9289A1FA-2A49-6C2F-C1AB-858532848268}"/>
              </a:ext>
            </a:extLst>
          </p:cNvPr>
          <p:cNvSpPr txBox="1">
            <a:spLocks/>
          </p:cNvSpPr>
          <p:nvPr/>
        </p:nvSpPr>
        <p:spPr>
          <a:xfrm>
            <a:off x="15052" y="930417"/>
            <a:ext cx="9934691" cy="388919"/>
          </a:xfrm>
          <a:prstGeom prst="rect">
            <a:avLst/>
          </a:prstGeom>
          <a:no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ja-JP" altLang="en-US" sz="2000" b="1" u="sng" dirty="0">
                <a:solidFill>
                  <a:prstClr val="black"/>
                </a:solidFill>
                <a:latin typeface="Meiryo UI" panose="020B0604030504040204" pitchFamily="50" charset="-128"/>
                <a:ea typeface="Meiryo UI" panose="020B0604030504040204" pitchFamily="50" charset="-128"/>
              </a:rPr>
              <a:t>○対象施設</a:t>
            </a:r>
            <a:endParaRPr lang="en-US" altLang="ja-JP" sz="2000" b="1" u="sng" dirty="0">
              <a:solidFill>
                <a:prstClr val="black"/>
              </a:solidFill>
              <a:latin typeface="Meiryo UI" panose="020B0604030504040204" pitchFamily="50" charset="-128"/>
              <a:ea typeface="Meiryo UI" panose="020B0604030504040204" pitchFamily="50" charset="-128"/>
            </a:endParaRPr>
          </a:p>
        </p:txBody>
      </p:sp>
      <p:sp>
        <p:nvSpPr>
          <p:cNvPr id="10" name="タイトル 1">
            <a:extLst>
              <a:ext uri="{FF2B5EF4-FFF2-40B4-BE49-F238E27FC236}">
                <a16:creationId xmlns:a16="http://schemas.microsoft.com/office/drawing/2014/main" id="{7244F02C-CB82-1F8F-CFD4-30BF39D07513}"/>
              </a:ext>
            </a:extLst>
          </p:cNvPr>
          <p:cNvSpPr txBox="1">
            <a:spLocks/>
          </p:cNvSpPr>
          <p:nvPr/>
        </p:nvSpPr>
        <p:spPr>
          <a:xfrm>
            <a:off x="42654" y="3021386"/>
            <a:ext cx="9934691" cy="388919"/>
          </a:xfrm>
          <a:prstGeom prst="rect">
            <a:avLst/>
          </a:prstGeom>
          <a:no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ja-JP" altLang="en-US" sz="2000" b="1" u="sng" dirty="0">
                <a:solidFill>
                  <a:prstClr val="black"/>
                </a:solidFill>
                <a:latin typeface="Meiryo UI" panose="020B0604030504040204" pitchFamily="50" charset="-128"/>
                <a:ea typeface="Meiryo UI" panose="020B0604030504040204" pitchFamily="50" charset="-128"/>
              </a:rPr>
              <a:t>○緊急度判定結果（</a:t>
            </a:r>
            <a:r>
              <a:rPr lang="en-US" altLang="ja-JP" sz="2000" b="1" u="sng" dirty="0">
                <a:solidFill>
                  <a:prstClr val="black"/>
                </a:solidFill>
                <a:latin typeface="Meiryo UI" panose="020B0604030504040204" pitchFamily="50" charset="-128"/>
                <a:ea typeface="Meiryo UI" panose="020B0604030504040204" pitchFamily="50" charset="-128"/>
              </a:rPr>
              <a:t>R7.8.8</a:t>
            </a:r>
            <a:r>
              <a:rPr lang="ja-JP" altLang="en-US" sz="2000" b="1" u="sng" dirty="0">
                <a:solidFill>
                  <a:prstClr val="black"/>
                </a:solidFill>
                <a:latin typeface="Meiryo UI" panose="020B0604030504040204" pitchFamily="50" charset="-128"/>
                <a:ea typeface="Meiryo UI" panose="020B0604030504040204" pitchFamily="50" charset="-128"/>
              </a:rPr>
              <a:t>時点）</a:t>
            </a:r>
            <a:endParaRPr lang="en-US" altLang="ja-JP" sz="2000" b="1" u="sng" dirty="0">
              <a:solidFill>
                <a:prstClr val="black"/>
              </a:solidFill>
              <a:latin typeface="Meiryo UI" panose="020B0604030504040204" pitchFamily="50" charset="-128"/>
              <a:ea typeface="Meiryo UI" panose="020B0604030504040204" pitchFamily="50" charset="-128"/>
            </a:endParaRPr>
          </a:p>
        </p:txBody>
      </p:sp>
      <p:sp>
        <p:nvSpPr>
          <p:cNvPr id="12" name="Rectangle 12">
            <a:extLst>
              <a:ext uri="{FF2B5EF4-FFF2-40B4-BE49-F238E27FC236}">
                <a16:creationId xmlns:a16="http://schemas.microsoft.com/office/drawing/2014/main" id="{FCFC7EE8-D73D-B0A2-744D-FF55E88DAA32}"/>
              </a:ext>
            </a:extLst>
          </p:cNvPr>
          <p:cNvSpPr>
            <a:spLocks noChangeArrowheads="1"/>
          </p:cNvSpPr>
          <p:nvPr/>
        </p:nvSpPr>
        <p:spPr bwMode="auto">
          <a:xfrm>
            <a:off x="427253" y="5168899"/>
            <a:ext cx="4753049" cy="83099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600" b="0" i="0" u="none" strike="noStrike" cap="none" normalizeH="0" baseline="0" dirty="0">
                <a:ln>
                  <a:noFill/>
                </a:ln>
                <a:solidFill>
                  <a:schemeClr val="tx1"/>
                </a:solidFill>
                <a:effectLst/>
                <a:latin typeface="BIZ UDゴシック" panose="020B0400000000000000" pitchFamily="49" charset="-128"/>
                <a:ea typeface="BIZ UDゴシック" panose="020B0400000000000000" pitchFamily="49" charset="-128"/>
                <a:cs typeface="Times New Roman" panose="02020603050405020304" pitchFamily="18" charset="0"/>
              </a:rPr>
              <a:t>※スパン延長（マンホール間延長）と要対策延長</a:t>
            </a:r>
            <a:r>
              <a:rPr kumimoji="0" lang="ja-JP" altLang="en-US" sz="1600" b="0" i="0" u="none" strike="noStrike" cap="none" normalizeH="0" baseline="0" dirty="0">
                <a:ln>
                  <a:noFill/>
                </a:ln>
                <a:solidFill>
                  <a:schemeClr val="tx1"/>
                </a:solidFill>
                <a:effectLst/>
                <a:latin typeface="BIZ UDゴシック" panose="020B0400000000000000" pitchFamily="49" charset="-128"/>
                <a:ea typeface="BIZ UDゴシック" panose="020B0400000000000000" pitchFamily="49" charset="-128"/>
                <a:cs typeface="Times New Roman" panose="02020603050405020304" pitchFamily="18" charset="0"/>
              </a:rPr>
              <a:t>　　　</a:t>
            </a:r>
            <a:endParaRPr kumimoji="0" lang="en-US" altLang="ja-JP" sz="1600" b="0" i="0" u="none" strike="noStrike" cap="none" normalizeH="0" baseline="0" dirty="0">
              <a:ln>
                <a:noFill/>
              </a:ln>
              <a:solidFill>
                <a:schemeClr val="tx1"/>
              </a:solidFill>
              <a:effectLst/>
              <a:latin typeface="BIZ UDゴシック" panose="020B0400000000000000" pitchFamily="49" charset="-128"/>
              <a:ea typeface="BIZ UDゴシック" panose="020B0400000000000000" pitchFamily="49" charset="-128"/>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lang="ja-JP" altLang="en-US" sz="1600" dirty="0">
                <a:latin typeface="BIZ UDゴシック" panose="020B0400000000000000" pitchFamily="49" charset="-128"/>
                <a:ea typeface="BIZ UDゴシック" panose="020B0400000000000000" pitchFamily="49" charset="-128"/>
                <a:cs typeface="Times New Roman" panose="02020603050405020304" pitchFamily="18" charset="0"/>
              </a:rPr>
              <a:t>　</a:t>
            </a:r>
            <a:r>
              <a:rPr kumimoji="0" lang="ja-JP" altLang="ja-JP" sz="1600" b="0" i="0" u="none" strike="noStrike" cap="none" normalizeH="0" baseline="0" dirty="0">
                <a:ln>
                  <a:noFill/>
                </a:ln>
                <a:solidFill>
                  <a:schemeClr val="tx1"/>
                </a:solidFill>
                <a:effectLst/>
                <a:latin typeface="BIZ UDゴシック" panose="020B0400000000000000" pitchFamily="49" charset="-128"/>
                <a:ea typeface="BIZ UDゴシック" panose="020B0400000000000000" pitchFamily="49" charset="-128"/>
                <a:cs typeface="Times New Roman" panose="02020603050405020304" pitchFamily="18" charset="0"/>
              </a:rPr>
              <a:t>（緊急度</a:t>
            </a:r>
            <a:r>
              <a:rPr kumimoji="0" lang="en-US" altLang="ja-JP" sz="1600" b="0" i="0" u="none" strike="noStrike" cap="none" normalizeH="0" baseline="0" dirty="0">
                <a:ln>
                  <a:noFill/>
                </a:ln>
                <a:solidFill>
                  <a:schemeClr val="tx1"/>
                </a:solidFill>
                <a:effectLst/>
                <a:latin typeface="BIZ UDゴシック" panose="020B0400000000000000" pitchFamily="49" charset="-128"/>
                <a:ea typeface="BIZ UDゴシック" panose="020B0400000000000000" pitchFamily="49" charset="-128"/>
                <a:cs typeface="Times New Roman" panose="02020603050405020304" pitchFamily="18" charset="0"/>
              </a:rPr>
              <a:t>Ⅰ</a:t>
            </a:r>
            <a:r>
              <a:rPr kumimoji="0" lang="ja-JP" altLang="en-US" sz="1600" b="0" i="0" u="none" strike="noStrike" cap="none" normalizeH="0" baseline="0" dirty="0">
                <a:ln>
                  <a:noFill/>
                </a:ln>
                <a:solidFill>
                  <a:schemeClr val="tx1"/>
                </a:solidFill>
                <a:effectLst/>
                <a:latin typeface="BIZ UDゴシック" panose="020B0400000000000000" pitchFamily="49" charset="-128"/>
                <a:ea typeface="BIZ UDゴシック" panose="020B0400000000000000" pitchFamily="49" charset="-128"/>
                <a:cs typeface="Times New Roman" panose="02020603050405020304" pitchFamily="18" charset="0"/>
              </a:rPr>
              <a:t>または</a:t>
            </a:r>
            <a:r>
              <a:rPr kumimoji="0" lang="en-US" altLang="ja-JP" sz="1600" b="0" i="0" u="none" strike="noStrike" cap="none" normalizeH="0" baseline="0" dirty="0">
                <a:ln>
                  <a:noFill/>
                </a:ln>
                <a:solidFill>
                  <a:schemeClr val="tx1"/>
                </a:solidFill>
                <a:effectLst/>
                <a:latin typeface="BIZ UDゴシック" panose="020B0400000000000000" pitchFamily="49" charset="-128"/>
                <a:ea typeface="BIZ UDゴシック" panose="020B0400000000000000" pitchFamily="49" charset="-128"/>
                <a:cs typeface="Times New Roman" panose="02020603050405020304" pitchFamily="18" charset="0"/>
              </a:rPr>
              <a:t>Ⅱ</a:t>
            </a:r>
            <a:r>
              <a:rPr kumimoji="0" lang="ja-JP" altLang="en-US" sz="1600" b="0" i="0" u="none" strike="noStrike" cap="none" normalizeH="0" baseline="0" dirty="0">
                <a:ln>
                  <a:noFill/>
                </a:ln>
                <a:solidFill>
                  <a:schemeClr val="tx1"/>
                </a:solidFill>
                <a:effectLst/>
                <a:latin typeface="BIZ UDゴシック" panose="020B0400000000000000" pitchFamily="49" charset="-128"/>
                <a:ea typeface="BIZ UDゴシック" panose="020B0400000000000000" pitchFamily="49" charset="-128"/>
                <a:cs typeface="Times New Roman" panose="02020603050405020304" pitchFamily="18" charset="0"/>
              </a:rPr>
              <a:t>と判定され、今後の対策が</a:t>
            </a:r>
            <a:endParaRPr kumimoji="0" lang="en-US" altLang="ja-JP" sz="1600" b="0" i="0" u="none" strike="noStrike" cap="none" normalizeH="0" baseline="0" dirty="0">
              <a:ln>
                <a:noFill/>
              </a:ln>
              <a:solidFill>
                <a:schemeClr val="tx1"/>
              </a:solidFill>
              <a:effectLst/>
              <a:latin typeface="BIZ UDゴシック" panose="020B0400000000000000" pitchFamily="49" charset="-128"/>
              <a:ea typeface="BIZ UDゴシック" panose="020B0400000000000000" pitchFamily="49" charset="-128"/>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lang="ja-JP" altLang="en-US" sz="1600" dirty="0">
                <a:latin typeface="BIZ UDゴシック" panose="020B0400000000000000" pitchFamily="49" charset="-128"/>
                <a:ea typeface="BIZ UDゴシック" panose="020B0400000000000000" pitchFamily="49" charset="-128"/>
                <a:cs typeface="Times New Roman" panose="02020603050405020304" pitchFamily="18" charset="0"/>
              </a:rPr>
              <a:t>　</a:t>
            </a:r>
            <a:r>
              <a:rPr kumimoji="0" lang="ja-JP" altLang="en-US" sz="1600" b="0" i="0" u="none" strike="noStrike" cap="none" normalizeH="0" baseline="0" dirty="0">
                <a:ln>
                  <a:noFill/>
                </a:ln>
                <a:solidFill>
                  <a:schemeClr val="tx1"/>
                </a:solidFill>
                <a:effectLst/>
                <a:latin typeface="BIZ UDゴシック" panose="020B0400000000000000" pitchFamily="49" charset="-128"/>
                <a:ea typeface="BIZ UDゴシック" panose="020B0400000000000000" pitchFamily="49" charset="-128"/>
                <a:cs typeface="Times New Roman" panose="02020603050405020304" pitchFamily="18" charset="0"/>
              </a:rPr>
              <a:t>必要と見込まれる延長）は右図のとおり</a:t>
            </a:r>
            <a:endParaRPr kumimoji="0" lang="ja-JP" altLang="en-US" sz="1600" b="0" i="0" u="none" strike="noStrike" cap="none" normalizeH="0" baseline="0" dirty="0">
              <a:ln>
                <a:noFill/>
              </a:ln>
              <a:solidFill>
                <a:schemeClr val="tx1"/>
              </a:solidFill>
              <a:effectLst/>
              <a:latin typeface="Arial" panose="020B0604020202020204" pitchFamily="34" charset="0"/>
            </a:endParaRPr>
          </a:p>
        </p:txBody>
      </p:sp>
      <p:pic>
        <p:nvPicPr>
          <p:cNvPr id="11" name="図 1" descr="グラフィカル ユーザー インターフェイス が含まれている画像&#10;&#10;AI によって生成されたコンテンツは間違っている可能性があります。">
            <a:extLst>
              <a:ext uri="{FF2B5EF4-FFF2-40B4-BE49-F238E27FC236}">
                <a16:creationId xmlns:a16="http://schemas.microsoft.com/office/drawing/2014/main" id="{2FEDDF3F-6422-6731-96B0-0E9F84544662}"/>
              </a:ext>
            </a:extLst>
          </p:cNvPr>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a:stretch/>
        </p:blipFill>
        <p:spPr bwMode="auto">
          <a:xfrm>
            <a:off x="5180302" y="4896775"/>
            <a:ext cx="4104000" cy="1948406"/>
          </a:xfrm>
          <a:prstGeom prst="rect">
            <a:avLst/>
          </a:prstGeom>
          <a:noFill/>
          <a:extLst>
            <a:ext uri="{909E8E84-426E-40DD-AFC4-6F175D3DCCD1}">
              <a14:hiddenFill xmlns:a14="http://schemas.microsoft.com/office/drawing/2010/main">
                <a:solidFill>
                  <a:srgbClr val="FFFFFF"/>
                </a:solidFill>
              </a14:hiddenFill>
            </a:ext>
          </a:extLst>
        </p:spPr>
      </p:pic>
      <p:sp>
        <p:nvSpPr>
          <p:cNvPr id="13" name="タイトル 1">
            <a:extLst>
              <a:ext uri="{FF2B5EF4-FFF2-40B4-BE49-F238E27FC236}">
                <a16:creationId xmlns:a16="http://schemas.microsoft.com/office/drawing/2014/main" id="{6699B0E1-ADD3-7E0B-5C3F-AFB0E90303C4}"/>
              </a:ext>
            </a:extLst>
          </p:cNvPr>
          <p:cNvSpPr txBox="1">
            <a:spLocks/>
          </p:cNvSpPr>
          <p:nvPr/>
        </p:nvSpPr>
        <p:spPr>
          <a:xfrm>
            <a:off x="1560596" y="6521199"/>
            <a:ext cx="3821428" cy="224075"/>
          </a:xfrm>
          <a:prstGeom prst="rect">
            <a:avLst/>
          </a:prstGeom>
          <a:noFill/>
          <a:ln>
            <a:solidFill>
              <a:srgbClr val="4472C4">
                <a:alpha val="0"/>
              </a:srgbClr>
            </a:solidFill>
          </a:ln>
        </p:spPr>
        <p:txBody>
          <a:bodyPr vert="horz" wrap="square" lIns="91440" tIns="0" rIns="91440" bIns="0" rtlCol="0" anchor="t">
            <a:noAutofit/>
          </a:bodyPr>
          <a:lstStyle/>
          <a:p>
            <a:pPr algn="r"/>
            <a:r>
              <a:rPr lang="ja-JP" sz="1200" kern="1200" dirty="0">
                <a:solidFill>
                  <a:srgbClr val="000000"/>
                </a:solidFill>
                <a:effectLst/>
                <a:latin typeface="BIZ UDゴシック" panose="020B0400000000000000" pitchFamily="49" charset="-128"/>
                <a:ea typeface="BIZ UDゴシック" panose="020B0400000000000000" pitchFamily="49" charset="-128"/>
                <a:cs typeface="Times New Roman" panose="02020603050405020304" pitchFamily="18" charset="0"/>
              </a:rPr>
              <a:t>右図出典：国交省報道発表資料（</a:t>
            </a:r>
            <a:r>
              <a:rPr lang="en-US" sz="1200" kern="1200" dirty="0">
                <a:solidFill>
                  <a:srgbClr val="000000"/>
                </a:solidFill>
                <a:effectLst/>
                <a:latin typeface="BIZ UDゴシック" panose="020B0400000000000000" pitchFamily="49" charset="-128"/>
                <a:ea typeface="BIZ UDゴシック" panose="020B0400000000000000" pitchFamily="49" charset="-128"/>
                <a:cs typeface="Times New Roman" panose="02020603050405020304" pitchFamily="18" charset="0"/>
              </a:rPr>
              <a:t>R7.9.17</a:t>
            </a:r>
            <a:r>
              <a:rPr lang="ja-JP" sz="1200" kern="1200" dirty="0">
                <a:solidFill>
                  <a:srgbClr val="000000"/>
                </a:solidFill>
                <a:effectLst/>
                <a:latin typeface="BIZ UDゴシック" panose="020B0400000000000000" pitchFamily="49" charset="-128"/>
                <a:ea typeface="BIZ UDゴシック" panose="020B0400000000000000" pitchFamily="49" charset="-128"/>
                <a:cs typeface="Times New Roman" panose="02020603050405020304" pitchFamily="18" charset="0"/>
              </a:rPr>
              <a:t>）より抜粋</a:t>
            </a:r>
            <a:endParaRPr lang="ja-JP" sz="1200" kern="100" dirty="0">
              <a:effectLst/>
              <a:latin typeface="BIZ UDゴシック" panose="020B0400000000000000" pitchFamily="49" charset="-128"/>
              <a:ea typeface="BIZ UDゴシック" panose="020B0400000000000000" pitchFamily="49" charset="-128"/>
              <a:cs typeface="Times New Roman" panose="02020603050405020304" pitchFamily="18" charset="0"/>
            </a:endParaRPr>
          </a:p>
        </p:txBody>
      </p:sp>
    </p:spTree>
    <p:extLst>
      <p:ext uri="{BB962C8B-B14F-4D97-AF65-F5344CB8AC3E}">
        <p14:creationId xmlns:p14="http://schemas.microsoft.com/office/powerpoint/2010/main" val="86475184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01E5BB85-F7AE-693E-7AF5-24306F626297}"/>
              </a:ext>
            </a:extLst>
          </p:cNvPr>
          <p:cNvSpPr>
            <a:spLocks noGrp="1"/>
          </p:cNvSpPr>
          <p:nvPr>
            <p:ph type="ctrTitle"/>
          </p:nvPr>
        </p:nvSpPr>
        <p:spPr>
          <a:xfrm>
            <a:off x="0" y="1765243"/>
            <a:ext cx="9880600" cy="1951144"/>
          </a:xfrm>
        </p:spPr>
        <p:txBody>
          <a:bodyPr>
            <a:normAutofit/>
          </a:bodyPr>
          <a:lstStyle/>
          <a:p>
            <a:pPr>
              <a:lnSpc>
                <a:spcPct val="100000"/>
              </a:lnSpc>
            </a:pPr>
            <a:r>
              <a:rPr lang="ja-JP" altLang="en-US" sz="3200" b="1" dirty="0">
                <a:solidFill>
                  <a:schemeClr val="tx1"/>
                </a:solidFill>
                <a:latin typeface="+mn-ea"/>
                <a:ea typeface="+mn-ea"/>
              </a:rPr>
              <a:t>大阪市下水道施設包括的管理業務委託</a:t>
            </a:r>
            <a:br>
              <a:rPr lang="en-US" altLang="ja-JP" sz="3200" b="1" dirty="0">
                <a:solidFill>
                  <a:schemeClr val="tx1"/>
                </a:solidFill>
                <a:latin typeface="+mn-ea"/>
                <a:ea typeface="+mn-ea"/>
              </a:rPr>
            </a:br>
            <a:r>
              <a:rPr lang="ja-JP" altLang="en-US" sz="1800" b="1" dirty="0">
                <a:solidFill>
                  <a:schemeClr val="tx1"/>
                </a:solidFill>
                <a:latin typeface="+mn-ea"/>
                <a:ea typeface="+mn-ea"/>
              </a:rPr>
              <a:t>　</a:t>
            </a:r>
            <a:br>
              <a:rPr lang="en-US" altLang="ja-JP" sz="3200" b="1" dirty="0">
                <a:solidFill>
                  <a:schemeClr val="tx1"/>
                </a:solidFill>
                <a:latin typeface="+mn-ea"/>
                <a:ea typeface="+mn-ea"/>
              </a:rPr>
            </a:br>
            <a:r>
              <a:rPr lang="ja-JP" altLang="en-US" sz="3200" b="1" dirty="0">
                <a:solidFill>
                  <a:schemeClr val="tx1"/>
                </a:solidFill>
                <a:latin typeface="+mn-ea"/>
                <a:ea typeface="+mn-ea"/>
              </a:rPr>
              <a:t>の業務内容</a:t>
            </a:r>
            <a:endParaRPr lang="ja-JP" altLang="en-US" sz="3200" b="1" dirty="0"/>
          </a:p>
        </p:txBody>
      </p:sp>
      <p:sp>
        <p:nvSpPr>
          <p:cNvPr id="4" name="スライド番号プレースホルダー 3">
            <a:extLst>
              <a:ext uri="{FF2B5EF4-FFF2-40B4-BE49-F238E27FC236}">
                <a16:creationId xmlns:a16="http://schemas.microsoft.com/office/drawing/2014/main" id="{B7D9E987-737F-1AC1-765B-7F5893106147}"/>
              </a:ext>
            </a:extLst>
          </p:cNvPr>
          <p:cNvSpPr>
            <a:spLocks noGrp="1"/>
          </p:cNvSpPr>
          <p:nvPr>
            <p:ph type="sldNum" sz="quarter" idx="12"/>
          </p:nvPr>
        </p:nvSpPr>
        <p:spPr/>
        <p:txBody>
          <a:bodyPr/>
          <a:lstStyle/>
          <a:p>
            <a:pPr defTabSz="422041"/>
            <a:fld id="{36EC18DB-A5DF-4E0E-B815-FCD04A2C4B2C}" type="slidenum">
              <a:rPr lang="ja-JP" altLang="en-US">
                <a:solidFill>
                  <a:prstClr val="black"/>
                </a:solidFill>
                <a:latin typeface="Segoe UI"/>
                <a:ea typeface="Meiryo UI"/>
              </a:rPr>
              <a:pPr defTabSz="422041"/>
              <a:t>6</a:t>
            </a:fld>
            <a:endParaRPr lang="ja-JP" altLang="en-US">
              <a:solidFill>
                <a:prstClr val="black"/>
              </a:solidFill>
              <a:latin typeface="Segoe UI"/>
              <a:ea typeface="Meiryo UI"/>
            </a:endParaRPr>
          </a:p>
        </p:txBody>
      </p:sp>
      <p:sp>
        <p:nvSpPr>
          <p:cNvPr id="3" name="字幕 2">
            <a:extLst>
              <a:ext uri="{FF2B5EF4-FFF2-40B4-BE49-F238E27FC236}">
                <a16:creationId xmlns:a16="http://schemas.microsoft.com/office/drawing/2014/main" id="{6C4279D7-33C3-21C5-F02E-AAF4610EC785}"/>
              </a:ext>
            </a:extLst>
          </p:cNvPr>
          <p:cNvSpPr txBox="1">
            <a:spLocks/>
          </p:cNvSpPr>
          <p:nvPr/>
        </p:nvSpPr>
        <p:spPr>
          <a:xfrm>
            <a:off x="99806" y="395059"/>
            <a:ext cx="2007290" cy="394145"/>
          </a:xfrm>
          <a:prstGeom prst="rect">
            <a:avLst/>
          </a:prstGeom>
        </p:spPr>
        <p:txBody>
          <a:bodyPr vert="horz" lIns="91440" tIns="45720" rIns="91440" bIns="45720" rtlCol="0">
            <a:normAutofit lnSpcReduction="10000"/>
          </a:bodyPr>
          <a:lstStyle>
            <a:lvl1pPr marL="0" indent="0" algn="ctr"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kumimoji="1"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kumimoji="1"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9pPr>
          </a:lstStyle>
          <a:p>
            <a:r>
              <a:rPr lang="en-US" altLang="ja-JP" dirty="0"/>
              <a:t>【</a:t>
            </a:r>
            <a:r>
              <a:rPr lang="ja-JP" altLang="en-US" dirty="0"/>
              <a:t>議題２</a:t>
            </a:r>
            <a:r>
              <a:rPr lang="en-US" altLang="ja-JP" dirty="0"/>
              <a:t>】</a:t>
            </a:r>
          </a:p>
        </p:txBody>
      </p:sp>
    </p:spTree>
    <p:extLst>
      <p:ext uri="{BB962C8B-B14F-4D97-AF65-F5344CB8AC3E}">
        <p14:creationId xmlns:p14="http://schemas.microsoft.com/office/powerpoint/2010/main" val="3625453948"/>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8B8C7D3-7F0C-1167-EF7F-4F6F615822AE}"/>
            </a:ext>
          </a:extLst>
        </p:cNvPr>
        <p:cNvGrpSpPr/>
        <p:nvPr/>
      </p:nvGrpSpPr>
      <p:grpSpPr>
        <a:xfrm>
          <a:off x="0" y="0"/>
          <a:ext cx="0" cy="0"/>
          <a:chOff x="0" y="0"/>
          <a:chExt cx="0" cy="0"/>
        </a:xfrm>
      </p:grpSpPr>
      <p:sp>
        <p:nvSpPr>
          <p:cNvPr id="7" name="スライド番号プレースホルダー 6">
            <a:extLst>
              <a:ext uri="{FF2B5EF4-FFF2-40B4-BE49-F238E27FC236}">
                <a16:creationId xmlns:a16="http://schemas.microsoft.com/office/drawing/2014/main" id="{52731169-8C1F-F25E-A562-CD026C37E449}"/>
              </a:ext>
            </a:extLst>
          </p:cNvPr>
          <p:cNvSpPr>
            <a:spLocks noGrp="1"/>
          </p:cNvSpPr>
          <p:nvPr>
            <p:ph type="sldNum" sz="quarter" idx="12"/>
          </p:nvPr>
        </p:nvSpPr>
        <p:spPr>
          <a:xfrm>
            <a:off x="7758548" y="6504654"/>
            <a:ext cx="2057400" cy="337038"/>
          </a:xfrm>
        </p:spPr>
        <p:txBody>
          <a:bodyPr/>
          <a:lstStyle/>
          <a:p>
            <a:pPr defTabSz="422041"/>
            <a:fld id="{36EC18DB-A5DF-4E0E-B815-FCD04A2C4B2C}" type="slidenum">
              <a:rPr kumimoji="1" lang="ja-JP" altLang="en-US">
                <a:solidFill>
                  <a:prstClr val="black"/>
                </a:solidFill>
                <a:latin typeface="Segoe UI"/>
                <a:ea typeface="Meiryo UI"/>
              </a:rPr>
              <a:pPr defTabSz="422041"/>
              <a:t>60</a:t>
            </a:fld>
            <a:endParaRPr kumimoji="1" lang="ja-JP" altLang="en-US" dirty="0">
              <a:solidFill>
                <a:prstClr val="black"/>
              </a:solidFill>
              <a:latin typeface="Segoe UI"/>
              <a:ea typeface="Meiryo UI"/>
            </a:endParaRPr>
          </a:p>
        </p:txBody>
      </p:sp>
      <p:sp>
        <p:nvSpPr>
          <p:cNvPr id="3" name="角丸四角形 17">
            <a:extLst>
              <a:ext uri="{FF2B5EF4-FFF2-40B4-BE49-F238E27FC236}">
                <a16:creationId xmlns:a16="http://schemas.microsoft.com/office/drawing/2014/main" id="{1E0CDC98-4662-1685-814A-5D51A2D02304}"/>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５</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 ．埼玉県八潮市における道路陥没を踏まえた対応状況</a:t>
            </a:r>
          </a:p>
          <a:p>
            <a:pPr>
              <a:lnSpc>
                <a:spcPts val="2194"/>
              </a:lnSpc>
            </a:pP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pic>
        <p:nvPicPr>
          <p:cNvPr id="6" name="図 5">
            <a:extLst>
              <a:ext uri="{FF2B5EF4-FFF2-40B4-BE49-F238E27FC236}">
                <a16:creationId xmlns:a16="http://schemas.microsoft.com/office/drawing/2014/main" id="{0C2EB1AF-D109-2257-FBC1-FAC01CBB0FD1}"/>
              </a:ext>
            </a:extLst>
          </p:cNvPr>
          <p:cNvPicPr>
            <a:picLocks noChangeAspect="1"/>
          </p:cNvPicPr>
          <p:nvPr/>
        </p:nvPicPr>
        <p:blipFill>
          <a:blip r:embed="rId3"/>
          <a:srcRect t="10553"/>
          <a:stretch/>
        </p:blipFill>
        <p:spPr>
          <a:xfrm>
            <a:off x="0" y="931336"/>
            <a:ext cx="9689690" cy="5366192"/>
          </a:xfrm>
          <a:prstGeom prst="rect">
            <a:avLst/>
          </a:prstGeom>
        </p:spPr>
      </p:pic>
      <p:sp>
        <p:nvSpPr>
          <p:cNvPr id="14" name="タイトル 1">
            <a:extLst>
              <a:ext uri="{FF2B5EF4-FFF2-40B4-BE49-F238E27FC236}">
                <a16:creationId xmlns:a16="http://schemas.microsoft.com/office/drawing/2014/main" id="{E773802F-D168-9CDC-288E-0558A3C5A512}"/>
              </a:ext>
            </a:extLst>
          </p:cNvPr>
          <p:cNvSpPr txBox="1">
            <a:spLocks/>
          </p:cNvSpPr>
          <p:nvPr/>
        </p:nvSpPr>
        <p:spPr>
          <a:xfrm>
            <a:off x="1562" y="610343"/>
            <a:ext cx="9792001" cy="388919"/>
          </a:xfrm>
          <a:prstGeom prst="rect">
            <a:avLst/>
          </a:prstGeom>
          <a:solidFill>
            <a:schemeClr val="bg1"/>
          </a:solid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en-US" altLang="ja-JP" sz="2000" dirty="0">
                <a:solidFill>
                  <a:prstClr val="black"/>
                </a:solidFill>
                <a:latin typeface="Meiryo UI" panose="020B0604030504040204" pitchFamily="50" charset="-128"/>
                <a:ea typeface="Meiryo UI" panose="020B0604030504040204" pitchFamily="50" charset="-128"/>
              </a:rPr>
              <a:t>【</a:t>
            </a:r>
            <a:r>
              <a:rPr lang="ja-JP" altLang="en-US" sz="2000" dirty="0">
                <a:solidFill>
                  <a:prstClr val="black"/>
                </a:solidFill>
                <a:latin typeface="Meiryo UI" panose="020B0604030504040204" pitchFamily="50" charset="-128"/>
                <a:ea typeface="Meiryo UI" panose="020B0604030504040204" pitchFamily="50" charset="-128"/>
              </a:rPr>
              <a:t>優先箇所に対する実施状況（</a:t>
            </a:r>
            <a:r>
              <a:rPr lang="en-US" altLang="ja-JP" sz="2000" dirty="0">
                <a:solidFill>
                  <a:prstClr val="black"/>
                </a:solidFill>
                <a:latin typeface="Meiryo UI" panose="020B0604030504040204" pitchFamily="50" charset="-128"/>
                <a:ea typeface="Meiryo UI" panose="020B0604030504040204" pitchFamily="50" charset="-128"/>
              </a:rPr>
              <a:t>R7.11.5</a:t>
            </a:r>
            <a:r>
              <a:rPr lang="ja-JP" altLang="en-US" sz="2000" dirty="0">
                <a:solidFill>
                  <a:prstClr val="black"/>
                </a:solidFill>
                <a:latin typeface="Meiryo UI" panose="020B0604030504040204" pitchFamily="50" charset="-128"/>
                <a:ea typeface="Meiryo UI" panose="020B0604030504040204" pitchFamily="50" charset="-128"/>
              </a:rPr>
              <a:t>市</a:t>
            </a:r>
            <a:r>
              <a:rPr lang="en-US" altLang="ja-JP" sz="2000" dirty="0">
                <a:solidFill>
                  <a:prstClr val="black"/>
                </a:solidFill>
                <a:latin typeface="Meiryo UI" panose="020B0604030504040204" pitchFamily="50" charset="-128"/>
                <a:ea typeface="Meiryo UI" panose="020B0604030504040204" pitchFamily="50" charset="-128"/>
              </a:rPr>
              <a:t>HP</a:t>
            </a:r>
            <a:r>
              <a:rPr lang="ja-JP" altLang="en-US" sz="2000" dirty="0">
                <a:solidFill>
                  <a:prstClr val="black"/>
                </a:solidFill>
                <a:latin typeface="Meiryo UI" panose="020B0604030504040204" pitchFamily="50" charset="-128"/>
                <a:ea typeface="Meiryo UI" panose="020B0604030504040204" pitchFamily="50" charset="-128"/>
              </a:rPr>
              <a:t>にて公表）</a:t>
            </a:r>
            <a:r>
              <a:rPr lang="en-US" altLang="ja-JP" sz="2000" dirty="0">
                <a:solidFill>
                  <a:prstClr val="black"/>
                </a:solidFill>
                <a:latin typeface="Meiryo UI" panose="020B0604030504040204" pitchFamily="50" charset="-128"/>
                <a:ea typeface="Meiryo UI" panose="020B0604030504040204" pitchFamily="50" charset="-128"/>
              </a:rPr>
              <a:t>】</a:t>
            </a:r>
          </a:p>
        </p:txBody>
      </p:sp>
    </p:spTree>
    <p:extLst>
      <p:ext uri="{BB962C8B-B14F-4D97-AF65-F5344CB8AC3E}">
        <p14:creationId xmlns:p14="http://schemas.microsoft.com/office/powerpoint/2010/main" val="1148394944"/>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a:extLst>
              <a:ext uri="{FF2B5EF4-FFF2-40B4-BE49-F238E27FC236}">
                <a16:creationId xmlns:a16="http://schemas.microsoft.com/office/drawing/2014/main" id="{401D3CDD-F9C4-430B-E87D-53CBE5A76956}"/>
              </a:ext>
            </a:extLst>
          </p:cNvPr>
          <p:cNvSpPr/>
          <p:nvPr/>
        </p:nvSpPr>
        <p:spPr>
          <a:xfrm>
            <a:off x="15235" y="2175870"/>
            <a:ext cx="8734530" cy="666963"/>
          </a:xfrm>
          <a:prstGeom prst="rect">
            <a:avLst/>
          </a:prstGeom>
          <a:noFill/>
          <a:ln>
            <a:noFill/>
          </a:ln>
        </p:spPr>
        <p:style>
          <a:lnRef idx="2">
            <a:schemeClr val="accent1">
              <a:shade val="15000"/>
            </a:schemeClr>
          </a:lnRef>
          <a:fillRef idx="1">
            <a:schemeClr val="accent1"/>
          </a:fillRef>
          <a:effectRef idx="0">
            <a:schemeClr val="accent1"/>
          </a:effectRef>
          <a:fontRef idx="minor">
            <a:schemeClr val="lt1"/>
          </a:fontRef>
        </p:style>
        <p:txBody>
          <a:bodyPr rtlCol="0" anchor="t" anchorCtr="0"/>
          <a:lstStyle/>
          <a:p>
            <a:r>
              <a:rPr lang="ja-JP" altLang="en-US" sz="2000" b="1" u="sng" dirty="0">
                <a:solidFill>
                  <a:schemeClr val="tx1"/>
                </a:solidFill>
                <a:latin typeface="+mn-ea"/>
              </a:rPr>
              <a:t>○対応の方向性</a:t>
            </a:r>
            <a:endParaRPr lang="en-US" altLang="ja-JP" sz="2000" b="1" u="sng" dirty="0">
              <a:solidFill>
                <a:schemeClr val="tx1"/>
              </a:solidFill>
              <a:latin typeface="+mn-ea"/>
            </a:endParaRPr>
          </a:p>
          <a:p>
            <a:pPr>
              <a:spcBef>
                <a:spcPts val="554"/>
              </a:spcBef>
            </a:pPr>
            <a:r>
              <a:rPr lang="ja-JP" altLang="en-US" sz="2000" dirty="0">
                <a:solidFill>
                  <a:schemeClr val="tx1"/>
                </a:solidFill>
                <a:latin typeface="+mn-ea"/>
              </a:rPr>
              <a:t>　・緊急度（八潮特別基準）と本市健全度を組み合わせて評価し、それぞれに対応</a:t>
            </a:r>
            <a:endParaRPr lang="en-US" altLang="ja-JP" sz="2000" dirty="0">
              <a:solidFill>
                <a:schemeClr val="tx1"/>
              </a:solidFill>
              <a:latin typeface="+mn-ea"/>
            </a:endParaRPr>
          </a:p>
        </p:txBody>
      </p:sp>
      <p:grpSp>
        <p:nvGrpSpPr>
          <p:cNvPr id="7" name="グループ化 6">
            <a:extLst>
              <a:ext uri="{FF2B5EF4-FFF2-40B4-BE49-F238E27FC236}">
                <a16:creationId xmlns:a16="http://schemas.microsoft.com/office/drawing/2014/main" id="{770FD2C7-0B07-FC6D-F3DB-422CC069109D}"/>
              </a:ext>
            </a:extLst>
          </p:cNvPr>
          <p:cNvGrpSpPr/>
          <p:nvPr/>
        </p:nvGrpSpPr>
        <p:grpSpPr>
          <a:xfrm>
            <a:off x="1509808" y="2949896"/>
            <a:ext cx="7201839" cy="1693887"/>
            <a:chOff x="1509808" y="3054400"/>
            <a:chExt cx="7201839" cy="1693887"/>
          </a:xfrm>
        </p:grpSpPr>
        <p:sp>
          <p:nvSpPr>
            <p:cNvPr id="35" name="楕円 34">
              <a:extLst>
                <a:ext uri="{FF2B5EF4-FFF2-40B4-BE49-F238E27FC236}">
                  <a16:creationId xmlns:a16="http://schemas.microsoft.com/office/drawing/2014/main" id="{989221BC-6174-B5DE-7DA6-DC9728F077BB}"/>
                </a:ext>
              </a:extLst>
            </p:cNvPr>
            <p:cNvSpPr/>
            <p:nvPr/>
          </p:nvSpPr>
          <p:spPr>
            <a:xfrm>
              <a:off x="2207623" y="3054400"/>
              <a:ext cx="3921913" cy="1693887"/>
            </a:xfrm>
            <a:prstGeom prst="ellipse">
              <a:avLst/>
            </a:prstGeom>
            <a:solidFill>
              <a:schemeClr val="accent1">
                <a:lumMod val="60000"/>
                <a:lumOff val="40000"/>
                <a:alpha val="48000"/>
              </a:schemeClr>
            </a:solidFill>
            <a:ln w="28575"/>
          </p:spPr>
          <p:style>
            <a:lnRef idx="2">
              <a:schemeClr val="accent1"/>
            </a:lnRef>
            <a:fillRef idx="1">
              <a:schemeClr val="lt1"/>
            </a:fillRef>
            <a:effectRef idx="0">
              <a:schemeClr val="accent1"/>
            </a:effectRef>
            <a:fontRef idx="minor">
              <a:schemeClr val="dk1"/>
            </a:fontRef>
          </p:style>
          <p:txBody>
            <a:bodyPr rtlCol="0" anchor="ctr"/>
            <a:lstStyle/>
            <a:p>
              <a:pPr algn="ctr"/>
              <a:endParaRPr lang="ja-JP" altLang="en-US" sz="1662"/>
            </a:p>
          </p:txBody>
        </p:sp>
        <p:sp>
          <p:nvSpPr>
            <p:cNvPr id="50" name="楕円 49">
              <a:extLst>
                <a:ext uri="{FF2B5EF4-FFF2-40B4-BE49-F238E27FC236}">
                  <a16:creationId xmlns:a16="http://schemas.microsoft.com/office/drawing/2014/main" id="{8A7AA2C2-99C7-2134-C3BF-1B5EFBFEC005}"/>
                </a:ext>
              </a:extLst>
            </p:cNvPr>
            <p:cNvSpPr/>
            <p:nvPr/>
          </p:nvSpPr>
          <p:spPr>
            <a:xfrm>
              <a:off x="4803151" y="3298370"/>
              <a:ext cx="3139065" cy="1245002"/>
            </a:xfrm>
            <a:prstGeom prst="ellipse">
              <a:avLst/>
            </a:prstGeom>
            <a:solidFill>
              <a:schemeClr val="accent2">
                <a:lumMod val="40000"/>
                <a:lumOff val="60000"/>
                <a:alpha val="60000"/>
              </a:schemeClr>
            </a:solidFill>
            <a:ln w="38100"/>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a:p>
          </p:txBody>
        </p:sp>
        <p:sp>
          <p:nvSpPr>
            <p:cNvPr id="54" name="正方形/長方形 53">
              <a:extLst>
                <a:ext uri="{FF2B5EF4-FFF2-40B4-BE49-F238E27FC236}">
                  <a16:creationId xmlns:a16="http://schemas.microsoft.com/office/drawing/2014/main" id="{54DC86A2-6566-2F3D-0642-3D33628C2B32}"/>
                </a:ext>
              </a:extLst>
            </p:cNvPr>
            <p:cNvSpPr/>
            <p:nvPr/>
          </p:nvSpPr>
          <p:spPr>
            <a:xfrm>
              <a:off x="1509808" y="3537458"/>
              <a:ext cx="1352129" cy="666963"/>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algn="ctr"/>
              <a:r>
                <a:rPr lang="ja-JP" altLang="en-US" dirty="0">
                  <a:solidFill>
                    <a:schemeClr val="tx1"/>
                  </a:solidFill>
                </a:rPr>
                <a:t>緊急度</a:t>
              </a:r>
              <a:endParaRPr lang="en-US" altLang="ja-JP" dirty="0">
                <a:solidFill>
                  <a:schemeClr val="tx1"/>
                </a:solidFill>
              </a:endParaRPr>
            </a:p>
            <a:p>
              <a:pPr algn="ctr"/>
              <a:r>
                <a:rPr lang="en-US" altLang="ja-JP" dirty="0">
                  <a:solidFill>
                    <a:schemeClr val="tx1"/>
                  </a:solidFill>
                </a:rPr>
                <a:t>Ⅰ</a:t>
              </a:r>
              <a:r>
                <a:rPr lang="ja-JP" altLang="en-US" dirty="0">
                  <a:solidFill>
                    <a:schemeClr val="tx1"/>
                  </a:solidFill>
                </a:rPr>
                <a:t>・</a:t>
              </a:r>
              <a:r>
                <a:rPr lang="en-US" altLang="ja-JP" dirty="0">
                  <a:solidFill>
                    <a:schemeClr val="tx1"/>
                  </a:solidFill>
                </a:rPr>
                <a:t>Ⅱ</a:t>
              </a:r>
              <a:endParaRPr lang="ja-JP" altLang="en-US" dirty="0">
                <a:solidFill>
                  <a:schemeClr val="tx1"/>
                </a:solidFill>
              </a:endParaRPr>
            </a:p>
          </p:txBody>
        </p:sp>
        <p:sp>
          <p:nvSpPr>
            <p:cNvPr id="57" name="正方形/長方形 56">
              <a:extLst>
                <a:ext uri="{FF2B5EF4-FFF2-40B4-BE49-F238E27FC236}">
                  <a16:creationId xmlns:a16="http://schemas.microsoft.com/office/drawing/2014/main" id="{B1374F11-37BD-1F40-3C09-9DE0C4B332FC}"/>
                </a:ext>
              </a:extLst>
            </p:cNvPr>
            <p:cNvSpPr/>
            <p:nvPr/>
          </p:nvSpPr>
          <p:spPr>
            <a:xfrm>
              <a:off x="7334773" y="3599529"/>
              <a:ext cx="1376874" cy="666961"/>
            </a:xfrm>
            <a:prstGeom prst="rect">
              <a:avLst/>
            </a:prstGeom>
            <a:ln/>
          </p:spPr>
          <p:style>
            <a:lnRef idx="2">
              <a:schemeClr val="accent2"/>
            </a:lnRef>
            <a:fillRef idx="1">
              <a:schemeClr val="lt1"/>
            </a:fillRef>
            <a:effectRef idx="0">
              <a:schemeClr val="accent2"/>
            </a:effectRef>
            <a:fontRef idx="minor">
              <a:schemeClr val="dk1"/>
            </a:fontRef>
          </p:style>
          <p:txBody>
            <a:bodyPr rtlCol="0" anchor="t" anchorCtr="0"/>
            <a:lstStyle/>
            <a:p>
              <a:pPr algn="ctr"/>
              <a:r>
                <a:rPr lang="ja-JP" altLang="en-US" dirty="0">
                  <a:solidFill>
                    <a:schemeClr val="tx1"/>
                  </a:solidFill>
                </a:rPr>
                <a:t>健全度</a:t>
              </a:r>
              <a:endParaRPr lang="en-US" altLang="ja-JP" dirty="0">
                <a:solidFill>
                  <a:schemeClr val="tx1"/>
                </a:solidFill>
              </a:endParaRPr>
            </a:p>
            <a:p>
              <a:pPr algn="ctr"/>
              <a:r>
                <a:rPr lang="ja-JP" altLang="en-US" dirty="0">
                  <a:solidFill>
                    <a:schemeClr val="tx1"/>
                  </a:solidFill>
                </a:rPr>
                <a:t>１・２</a:t>
              </a:r>
            </a:p>
          </p:txBody>
        </p:sp>
        <p:sp>
          <p:nvSpPr>
            <p:cNvPr id="58" name="正方形/長方形 57">
              <a:extLst>
                <a:ext uri="{FF2B5EF4-FFF2-40B4-BE49-F238E27FC236}">
                  <a16:creationId xmlns:a16="http://schemas.microsoft.com/office/drawing/2014/main" id="{59BA5F13-8709-E875-25E8-300F1CB92AAE}"/>
                </a:ext>
              </a:extLst>
            </p:cNvPr>
            <p:cNvSpPr/>
            <p:nvPr/>
          </p:nvSpPr>
          <p:spPr>
            <a:xfrm>
              <a:off x="3410118" y="3579909"/>
              <a:ext cx="986622" cy="310411"/>
            </a:xfrm>
            <a:prstGeom prst="rect">
              <a:avLst/>
            </a:prstGeom>
            <a:noFill/>
            <a:ln>
              <a:noFill/>
            </a:ln>
          </p:spPr>
          <p:style>
            <a:lnRef idx="2">
              <a:schemeClr val="accent1"/>
            </a:lnRef>
            <a:fillRef idx="1">
              <a:schemeClr val="lt1"/>
            </a:fillRef>
            <a:effectRef idx="0">
              <a:schemeClr val="accent1"/>
            </a:effectRef>
            <a:fontRef idx="minor">
              <a:schemeClr val="dk1"/>
            </a:fontRef>
          </p:style>
          <p:txBody>
            <a:bodyPr rtlCol="0" anchor="t" anchorCtr="0"/>
            <a:lstStyle/>
            <a:p>
              <a:pPr algn="ctr"/>
              <a:r>
                <a:rPr lang="ja-JP" altLang="en-US" dirty="0">
                  <a:solidFill>
                    <a:schemeClr val="tx1"/>
                  </a:solidFill>
                </a:rPr>
                <a:t>エリア</a:t>
              </a:r>
              <a:endParaRPr lang="en-US" altLang="ja-JP" dirty="0">
                <a:solidFill>
                  <a:schemeClr val="tx1"/>
                </a:solidFill>
              </a:endParaRPr>
            </a:p>
            <a:p>
              <a:pPr algn="ctr"/>
              <a:r>
                <a:rPr lang="ja-JP" altLang="en-US" dirty="0">
                  <a:solidFill>
                    <a:schemeClr val="tx1"/>
                  </a:solidFill>
                </a:rPr>
                <a:t>❶</a:t>
              </a:r>
            </a:p>
          </p:txBody>
        </p:sp>
        <p:sp>
          <p:nvSpPr>
            <p:cNvPr id="59" name="正方形/長方形 58">
              <a:extLst>
                <a:ext uri="{FF2B5EF4-FFF2-40B4-BE49-F238E27FC236}">
                  <a16:creationId xmlns:a16="http://schemas.microsoft.com/office/drawing/2014/main" id="{38DC1458-5F4A-F9F7-0889-1FFA20382EED}"/>
                </a:ext>
              </a:extLst>
            </p:cNvPr>
            <p:cNvSpPr/>
            <p:nvPr/>
          </p:nvSpPr>
          <p:spPr>
            <a:xfrm>
              <a:off x="5196547" y="3528498"/>
              <a:ext cx="776233" cy="505639"/>
            </a:xfrm>
            <a:prstGeom prst="rect">
              <a:avLst/>
            </a:prstGeom>
            <a:noFill/>
            <a:ln>
              <a:noFill/>
            </a:ln>
          </p:spPr>
          <p:style>
            <a:lnRef idx="2">
              <a:schemeClr val="accent1"/>
            </a:lnRef>
            <a:fillRef idx="1">
              <a:schemeClr val="lt1"/>
            </a:fillRef>
            <a:effectRef idx="0">
              <a:schemeClr val="accent1"/>
            </a:effectRef>
            <a:fontRef idx="minor">
              <a:schemeClr val="dk1"/>
            </a:fontRef>
          </p:style>
          <p:txBody>
            <a:bodyPr rtlCol="0" anchor="t" anchorCtr="0"/>
            <a:lstStyle/>
            <a:p>
              <a:pPr algn="ctr"/>
              <a:r>
                <a:rPr lang="ja-JP" altLang="en-US" dirty="0">
                  <a:solidFill>
                    <a:schemeClr val="tx1"/>
                  </a:solidFill>
                </a:rPr>
                <a:t>エリア</a:t>
              </a:r>
              <a:endParaRPr lang="en-US" altLang="ja-JP" dirty="0">
                <a:solidFill>
                  <a:schemeClr val="tx1"/>
                </a:solidFill>
              </a:endParaRPr>
            </a:p>
            <a:p>
              <a:pPr algn="ctr"/>
              <a:r>
                <a:rPr lang="ja-JP" altLang="en-US" dirty="0">
                  <a:solidFill>
                    <a:schemeClr val="tx1"/>
                  </a:solidFill>
                </a:rPr>
                <a:t>❷</a:t>
              </a:r>
            </a:p>
          </p:txBody>
        </p:sp>
        <p:sp>
          <p:nvSpPr>
            <p:cNvPr id="64" name="正方形/長方形 63">
              <a:extLst>
                <a:ext uri="{FF2B5EF4-FFF2-40B4-BE49-F238E27FC236}">
                  <a16:creationId xmlns:a16="http://schemas.microsoft.com/office/drawing/2014/main" id="{395A8F70-6815-129B-7936-56D3CF2E8F76}"/>
                </a:ext>
              </a:extLst>
            </p:cNvPr>
            <p:cNvSpPr/>
            <p:nvPr/>
          </p:nvSpPr>
          <p:spPr>
            <a:xfrm>
              <a:off x="6366176" y="3549097"/>
              <a:ext cx="776233" cy="505639"/>
            </a:xfrm>
            <a:prstGeom prst="rect">
              <a:avLst/>
            </a:prstGeom>
            <a:noFill/>
            <a:ln>
              <a:noFill/>
            </a:ln>
          </p:spPr>
          <p:style>
            <a:lnRef idx="2">
              <a:schemeClr val="accent1"/>
            </a:lnRef>
            <a:fillRef idx="1">
              <a:schemeClr val="lt1"/>
            </a:fillRef>
            <a:effectRef idx="0">
              <a:schemeClr val="accent1"/>
            </a:effectRef>
            <a:fontRef idx="minor">
              <a:schemeClr val="dk1"/>
            </a:fontRef>
          </p:style>
          <p:txBody>
            <a:bodyPr rtlCol="0" anchor="t" anchorCtr="0"/>
            <a:lstStyle/>
            <a:p>
              <a:pPr algn="ctr"/>
              <a:r>
                <a:rPr lang="ja-JP" altLang="en-US" dirty="0">
                  <a:solidFill>
                    <a:schemeClr val="tx1"/>
                  </a:solidFill>
                </a:rPr>
                <a:t>エリア</a:t>
              </a:r>
              <a:endParaRPr lang="en-US" altLang="ja-JP" dirty="0">
                <a:solidFill>
                  <a:schemeClr val="tx1"/>
                </a:solidFill>
              </a:endParaRPr>
            </a:p>
            <a:p>
              <a:pPr algn="ctr"/>
              <a:r>
                <a:rPr lang="ja-JP" altLang="en-US" dirty="0">
                  <a:solidFill>
                    <a:schemeClr val="tx1"/>
                  </a:solidFill>
                </a:rPr>
                <a:t>❸</a:t>
              </a:r>
            </a:p>
          </p:txBody>
        </p:sp>
      </p:grpSp>
      <p:sp>
        <p:nvSpPr>
          <p:cNvPr id="65" name="正方形/長方形 64">
            <a:extLst>
              <a:ext uri="{FF2B5EF4-FFF2-40B4-BE49-F238E27FC236}">
                <a16:creationId xmlns:a16="http://schemas.microsoft.com/office/drawing/2014/main" id="{131F1026-F298-842F-53F4-1E3A605DC136}"/>
              </a:ext>
            </a:extLst>
          </p:cNvPr>
          <p:cNvSpPr/>
          <p:nvPr/>
        </p:nvSpPr>
        <p:spPr>
          <a:xfrm>
            <a:off x="15236" y="4647876"/>
            <a:ext cx="9760134" cy="2183999"/>
          </a:xfrm>
          <a:prstGeom prst="rect">
            <a:avLst/>
          </a:prstGeom>
          <a:noFill/>
          <a:ln>
            <a:noFill/>
          </a:ln>
        </p:spPr>
        <p:style>
          <a:lnRef idx="2">
            <a:schemeClr val="accent1">
              <a:shade val="15000"/>
            </a:schemeClr>
          </a:lnRef>
          <a:fillRef idx="1">
            <a:schemeClr val="accent1"/>
          </a:fillRef>
          <a:effectRef idx="0">
            <a:schemeClr val="accent1"/>
          </a:effectRef>
          <a:fontRef idx="minor">
            <a:schemeClr val="lt1"/>
          </a:fontRef>
        </p:style>
        <p:txBody>
          <a:bodyPr rtlCol="0" anchor="t" anchorCtr="0"/>
          <a:lstStyle/>
          <a:p>
            <a:r>
              <a:rPr lang="ja-JP" altLang="en-US" sz="2000" b="1" u="sng" dirty="0">
                <a:solidFill>
                  <a:schemeClr val="tx1"/>
                </a:solidFill>
                <a:latin typeface="+mn-ea"/>
              </a:rPr>
              <a:t>○基本方針</a:t>
            </a:r>
            <a:endParaRPr lang="en-US" altLang="ja-JP" sz="2000" b="1" u="sng" dirty="0">
              <a:solidFill>
                <a:schemeClr val="tx1"/>
              </a:solidFill>
              <a:latin typeface="+mn-ea"/>
            </a:endParaRPr>
          </a:p>
          <a:p>
            <a:pPr>
              <a:spcBef>
                <a:spcPts val="554"/>
              </a:spcBef>
            </a:pPr>
            <a:r>
              <a:rPr lang="ja-JP" altLang="en-US" sz="2000" dirty="0">
                <a:solidFill>
                  <a:schemeClr val="tx1"/>
                </a:solidFill>
                <a:latin typeface="+mn-ea"/>
              </a:rPr>
              <a:t>　緊急度（八潮特別基準）と本市健全度を組み合わせて評価し、対応を決定する。</a:t>
            </a:r>
            <a:endParaRPr lang="en-US" altLang="ja-JP" sz="2000" dirty="0">
              <a:solidFill>
                <a:schemeClr val="tx1"/>
              </a:solidFill>
              <a:latin typeface="+mn-ea"/>
            </a:endParaRPr>
          </a:p>
          <a:p>
            <a:pPr>
              <a:spcBef>
                <a:spcPts val="554"/>
              </a:spcBef>
            </a:pPr>
            <a:r>
              <a:rPr lang="ja-JP" altLang="en-US" sz="2000" dirty="0">
                <a:solidFill>
                  <a:schemeClr val="tx1"/>
                </a:solidFill>
                <a:latin typeface="+mn-ea"/>
              </a:rPr>
              <a:t>　　・エリア❶   ➡　「修繕」で対応　</a:t>
            </a:r>
            <a:r>
              <a:rPr lang="en-US" altLang="ja-JP" sz="2000" dirty="0">
                <a:solidFill>
                  <a:schemeClr val="tx1"/>
                </a:solidFill>
                <a:latin typeface="+mn-ea"/>
              </a:rPr>
              <a:t>※</a:t>
            </a:r>
            <a:r>
              <a:rPr lang="ja-JP" altLang="en-US" sz="2000" dirty="0">
                <a:solidFill>
                  <a:schemeClr val="tx1"/>
                </a:solidFill>
                <a:latin typeface="+mn-ea"/>
              </a:rPr>
              <a:t>国要請に対応</a:t>
            </a:r>
            <a:endParaRPr lang="en-US" altLang="ja-JP" sz="2000" dirty="0">
              <a:solidFill>
                <a:schemeClr val="tx1"/>
              </a:solidFill>
              <a:latin typeface="+mn-ea"/>
            </a:endParaRPr>
          </a:p>
          <a:p>
            <a:pPr>
              <a:spcBef>
                <a:spcPts val="277"/>
              </a:spcBef>
            </a:pPr>
            <a:r>
              <a:rPr lang="ja-JP" altLang="en-US" sz="2000" dirty="0">
                <a:solidFill>
                  <a:schemeClr val="tx1"/>
                </a:solidFill>
                <a:latin typeface="+mn-ea"/>
              </a:rPr>
              <a:t>　　・エリア❷   ➡　「応急措置」したうえで「改築（部分改築［長寿命化］含め）」を実施</a:t>
            </a:r>
            <a:endParaRPr lang="en-US" altLang="ja-JP" sz="2000" dirty="0">
              <a:solidFill>
                <a:schemeClr val="tx1"/>
              </a:solidFill>
              <a:latin typeface="+mn-ea"/>
            </a:endParaRPr>
          </a:p>
          <a:p>
            <a:r>
              <a:rPr lang="en-US" altLang="ja-JP" sz="2000" dirty="0">
                <a:solidFill>
                  <a:schemeClr val="tx1"/>
                </a:solidFill>
                <a:latin typeface="+mn-ea"/>
              </a:rPr>
              <a:t>                                </a:t>
            </a:r>
            <a:r>
              <a:rPr lang="ja-JP" altLang="en-US" sz="2000" dirty="0">
                <a:solidFill>
                  <a:schemeClr val="tx1"/>
                </a:solidFill>
                <a:latin typeface="+mn-ea"/>
              </a:rPr>
              <a:t>　　　　　　　　　　　　</a:t>
            </a:r>
            <a:r>
              <a:rPr lang="en-US" altLang="ja-JP" sz="2000" dirty="0">
                <a:solidFill>
                  <a:schemeClr val="tx1"/>
                </a:solidFill>
                <a:latin typeface="+mn-ea"/>
              </a:rPr>
              <a:t>※</a:t>
            </a:r>
            <a:r>
              <a:rPr lang="ja-JP" altLang="en-US" sz="2000" dirty="0">
                <a:solidFill>
                  <a:schemeClr val="tx1"/>
                </a:solidFill>
                <a:latin typeface="+mn-ea"/>
              </a:rPr>
              <a:t>国要請に対応＋本市基準に対応</a:t>
            </a:r>
            <a:endParaRPr lang="en-US" altLang="ja-JP" sz="2000" dirty="0">
              <a:solidFill>
                <a:schemeClr val="tx1"/>
              </a:solidFill>
              <a:latin typeface="+mn-ea"/>
            </a:endParaRPr>
          </a:p>
          <a:p>
            <a:pPr>
              <a:spcBef>
                <a:spcPts val="277"/>
              </a:spcBef>
            </a:pPr>
            <a:r>
              <a:rPr lang="ja-JP" altLang="en-US" sz="2000" dirty="0">
                <a:solidFill>
                  <a:schemeClr val="tx1"/>
                </a:solidFill>
                <a:latin typeface="+mn-ea"/>
              </a:rPr>
              <a:t>　　・エリア❸   ➡　「改築」を実施　</a:t>
            </a:r>
            <a:r>
              <a:rPr lang="en-US" altLang="ja-JP" sz="2000" dirty="0">
                <a:solidFill>
                  <a:schemeClr val="tx1"/>
                </a:solidFill>
                <a:latin typeface="+mn-ea"/>
              </a:rPr>
              <a:t>※</a:t>
            </a:r>
            <a:r>
              <a:rPr lang="ja-JP" altLang="en-US" sz="2000" dirty="0">
                <a:solidFill>
                  <a:schemeClr val="tx1"/>
                </a:solidFill>
                <a:latin typeface="+mn-ea"/>
              </a:rPr>
              <a:t>本市基準に対応</a:t>
            </a:r>
            <a:endParaRPr lang="en-US" altLang="ja-JP" sz="2000" dirty="0">
              <a:solidFill>
                <a:schemeClr val="tx1"/>
              </a:solidFill>
              <a:latin typeface="+mn-ea"/>
            </a:endParaRPr>
          </a:p>
        </p:txBody>
      </p:sp>
      <p:sp>
        <p:nvSpPr>
          <p:cNvPr id="68" name="正方形/長方形 67">
            <a:extLst>
              <a:ext uri="{FF2B5EF4-FFF2-40B4-BE49-F238E27FC236}">
                <a16:creationId xmlns:a16="http://schemas.microsoft.com/office/drawing/2014/main" id="{FD558ABA-2A99-40BC-70D8-050969203D67}"/>
              </a:ext>
            </a:extLst>
          </p:cNvPr>
          <p:cNvSpPr/>
          <p:nvPr/>
        </p:nvSpPr>
        <p:spPr>
          <a:xfrm>
            <a:off x="15236" y="907390"/>
            <a:ext cx="9282022" cy="1096968"/>
          </a:xfrm>
          <a:prstGeom prst="rect">
            <a:avLst/>
          </a:prstGeom>
          <a:noFill/>
          <a:ln>
            <a:noFill/>
          </a:ln>
        </p:spPr>
        <p:style>
          <a:lnRef idx="2">
            <a:schemeClr val="accent1">
              <a:shade val="15000"/>
            </a:schemeClr>
          </a:lnRef>
          <a:fillRef idx="1">
            <a:schemeClr val="accent1"/>
          </a:fillRef>
          <a:effectRef idx="0">
            <a:schemeClr val="accent1"/>
          </a:effectRef>
          <a:fontRef idx="minor">
            <a:schemeClr val="lt1"/>
          </a:fontRef>
        </p:style>
        <p:txBody>
          <a:bodyPr rtlCol="0" anchor="t" anchorCtr="0"/>
          <a:lstStyle/>
          <a:p>
            <a:pPr>
              <a:spcBef>
                <a:spcPts val="554"/>
              </a:spcBef>
            </a:pPr>
            <a:r>
              <a:rPr lang="ja-JP" altLang="en-US" sz="2000" b="1" u="sng" dirty="0">
                <a:solidFill>
                  <a:schemeClr val="tx1"/>
                </a:solidFill>
                <a:latin typeface="+mj-ea"/>
                <a:ea typeface="+mj-ea"/>
              </a:rPr>
              <a:t>○国の要請</a:t>
            </a:r>
            <a:endParaRPr lang="en-US" altLang="ja-JP" sz="2000" b="1" u="sng" dirty="0">
              <a:solidFill>
                <a:schemeClr val="tx1"/>
              </a:solidFill>
              <a:latin typeface="+mj-ea"/>
              <a:ea typeface="+mj-ea"/>
            </a:endParaRPr>
          </a:p>
          <a:p>
            <a:pPr>
              <a:spcBef>
                <a:spcPts val="554"/>
              </a:spcBef>
            </a:pPr>
            <a:r>
              <a:rPr lang="ja-JP" altLang="en-US" sz="2000" dirty="0">
                <a:solidFill>
                  <a:schemeClr val="tx1"/>
                </a:solidFill>
                <a:latin typeface="+mj-ea"/>
                <a:ea typeface="+mj-ea"/>
              </a:rPr>
              <a:t>　緊急度</a:t>
            </a:r>
            <a:r>
              <a:rPr lang="en-US" altLang="ja-JP" sz="2000" dirty="0">
                <a:solidFill>
                  <a:schemeClr val="tx1"/>
                </a:solidFill>
                <a:latin typeface="+mj-ea"/>
                <a:ea typeface="+mj-ea"/>
              </a:rPr>
              <a:t>Ⅰ</a:t>
            </a:r>
            <a:r>
              <a:rPr lang="ja-JP" altLang="en-US" sz="2000" dirty="0">
                <a:solidFill>
                  <a:schemeClr val="tx1"/>
                </a:solidFill>
                <a:latin typeface="+mj-ea"/>
                <a:ea typeface="+mj-ea"/>
              </a:rPr>
              <a:t>⇒</a:t>
            </a:r>
            <a:r>
              <a:rPr lang="ja-JP" altLang="en-US" sz="2000" dirty="0">
                <a:solidFill>
                  <a:srgbClr val="FF0000"/>
                </a:solidFill>
                <a:latin typeface="+mj-ea"/>
                <a:ea typeface="+mj-ea"/>
              </a:rPr>
              <a:t>速やかな（原則</a:t>
            </a:r>
            <a:r>
              <a:rPr lang="en-US" altLang="ja-JP" sz="2000" dirty="0">
                <a:solidFill>
                  <a:srgbClr val="FF0000"/>
                </a:solidFill>
                <a:latin typeface="+mj-ea"/>
                <a:ea typeface="+mj-ea"/>
              </a:rPr>
              <a:t>1</a:t>
            </a:r>
            <a:r>
              <a:rPr lang="ja-JP" altLang="en-US" sz="2000" dirty="0">
                <a:solidFill>
                  <a:srgbClr val="FF0000"/>
                </a:solidFill>
                <a:latin typeface="+mj-ea"/>
                <a:ea typeface="+mj-ea"/>
              </a:rPr>
              <a:t>年以内）対策</a:t>
            </a:r>
            <a:r>
              <a:rPr lang="ja-JP" altLang="en-US" sz="2000" dirty="0">
                <a:solidFill>
                  <a:schemeClr val="tx1"/>
                </a:solidFill>
                <a:latin typeface="+mj-ea"/>
                <a:ea typeface="+mj-ea"/>
              </a:rPr>
              <a:t>を実施</a:t>
            </a:r>
            <a:endParaRPr lang="en-US" altLang="ja-JP" sz="2000" dirty="0">
              <a:solidFill>
                <a:schemeClr val="tx1"/>
              </a:solidFill>
              <a:latin typeface="+mj-ea"/>
              <a:ea typeface="+mj-ea"/>
            </a:endParaRPr>
          </a:p>
          <a:p>
            <a:pPr>
              <a:spcBef>
                <a:spcPts val="554"/>
              </a:spcBef>
            </a:pPr>
            <a:r>
              <a:rPr lang="ja-JP" altLang="en-US" sz="2000" dirty="0">
                <a:solidFill>
                  <a:schemeClr val="tx1"/>
                </a:solidFill>
                <a:latin typeface="+mj-ea"/>
                <a:ea typeface="+mj-ea"/>
              </a:rPr>
              <a:t>　緊急度</a:t>
            </a:r>
            <a:r>
              <a:rPr lang="en-US" altLang="ja-JP" sz="2000" dirty="0">
                <a:solidFill>
                  <a:schemeClr val="tx1"/>
                </a:solidFill>
                <a:latin typeface="+mj-ea"/>
                <a:ea typeface="+mj-ea"/>
              </a:rPr>
              <a:t>Ⅱ</a:t>
            </a:r>
            <a:r>
              <a:rPr lang="ja-JP" altLang="en-US" sz="2000" dirty="0">
                <a:solidFill>
                  <a:schemeClr val="tx1"/>
                </a:solidFill>
                <a:latin typeface="+mj-ea"/>
                <a:ea typeface="+mj-ea"/>
              </a:rPr>
              <a:t>⇒応急措置を実施した上で、</a:t>
            </a:r>
            <a:r>
              <a:rPr lang="ja-JP" altLang="en-US" sz="2000" dirty="0">
                <a:solidFill>
                  <a:srgbClr val="FF0000"/>
                </a:solidFill>
                <a:latin typeface="+mj-ea"/>
                <a:ea typeface="+mj-ea"/>
              </a:rPr>
              <a:t>５年以内に対策</a:t>
            </a:r>
            <a:r>
              <a:rPr lang="ja-JP" altLang="en-US" sz="2000" dirty="0">
                <a:solidFill>
                  <a:schemeClr val="tx1"/>
                </a:solidFill>
                <a:latin typeface="+mj-ea"/>
                <a:ea typeface="+mj-ea"/>
              </a:rPr>
              <a:t>を実施</a:t>
            </a:r>
            <a:endParaRPr lang="en-US" altLang="ja-JP" sz="2000" dirty="0">
              <a:solidFill>
                <a:schemeClr val="tx1"/>
              </a:solidFill>
              <a:latin typeface="+mj-ea"/>
              <a:ea typeface="+mj-ea"/>
            </a:endParaRPr>
          </a:p>
        </p:txBody>
      </p:sp>
      <p:sp>
        <p:nvSpPr>
          <p:cNvPr id="4" name="スライド番号プレースホルダー 3">
            <a:extLst>
              <a:ext uri="{FF2B5EF4-FFF2-40B4-BE49-F238E27FC236}">
                <a16:creationId xmlns:a16="http://schemas.microsoft.com/office/drawing/2014/main" id="{F8CD9F96-7AC5-C9C3-4502-92D1C4B7A72A}"/>
              </a:ext>
            </a:extLst>
          </p:cNvPr>
          <p:cNvSpPr>
            <a:spLocks noGrp="1"/>
          </p:cNvSpPr>
          <p:nvPr>
            <p:ph type="sldNum" sz="quarter" idx="12"/>
          </p:nvPr>
        </p:nvSpPr>
        <p:spPr>
          <a:xfrm>
            <a:off x="7807238" y="6492876"/>
            <a:ext cx="2057400" cy="365125"/>
          </a:xfrm>
        </p:spPr>
        <p:txBody>
          <a:bodyPr/>
          <a:lstStyle/>
          <a:p>
            <a:fld id="{AD788B66-0322-4004-ABBC-9FC7CA51F2EC}" type="slidenum">
              <a:rPr kumimoji="1" lang="ja-JP" altLang="en-US"/>
              <a:t>61</a:t>
            </a:fld>
            <a:endParaRPr kumimoji="1" lang="ja-JP" altLang="en-US" dirty="0"/>
          </a:p>
        </p:txBody>
      </p:sp>
      <p:sp>
        <p:nvSpPr>
          <p:cNvPr id="5" name="角丸四角形 17">
            <a:extLst>
              <a:ext uri="{FF2B5EF4-FFF2-40B4-BE49-F238E27FC236}">
                <a16:creationId xmlns:a16="http://schemas.microsoft.com/office/drawing/2014/main" id="{F9AA90BF-29CF-1BC6-1BB5-1FA7F28EB569}"/>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５</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 ．埼玉県八潮市における道路陥没を踏まえた対応状況</a:t>
            </a:r>
          </a:p>
          <a:p>
            <a:pPr>
              <a:lnSpc>
                <a:spcPts val="2194"/>
              </a:lnSpc>
            </a:pP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6" name="タイトル 1">
            <a:extLst>
              <a:ext uri="{FF2B5EF4-FFF2-40B4-BE49-F238E27FC236}">
                <a16:creationId xmlns:a16="http://schemas.microsoft.com/office/drawing/2014/main" id="{D86FEC24-AEAF-F4FD-087B-A4A405B998A0}"/>
              </a:ext>
            </a:extLst>
          </p:cNvPr>
          <p:cNvSpPr txBox="1">
            <a:spLocks/>
          </p:cNvSpPr>
          <p:nvPr/>
        </p:nvSpPr>
        <p:spPr>
          <a:xfrm>
            <a:off x="1563" y="610344"/>
            <a:ext cx="9863076" cy="334424"/>
          </a:xfrm>
          <a:prstGeom prst="rect">
            <a:avLst/>
          </a:prstGeom>
          <a:solidFill>
            <a:schemeClr val="bg1"/>
          </a:solid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en-US" altLang="ja-JP" sz="1800" dirty="0">
                <a:solidFill>
                  <a:prstClr val="black"/>
                </a:solidFill>
                <a:latin typeface="Meiryo UI" panose="020B0604030504040204" pitchFamily="50" charset="-128"/>
                <a:ea typeface="Meiryo UI" panose="020B0604030504040204" pitchFamily="50" charset="-128"/>
              </a:rPr>
              <a:t>【</a:t>
            </a:r>
            <a:r>
              <a:rPr lang="ja-JP" altLang="en-US" sz="1800" dirty="0">
                <a:solidFill>
                  <a:prstClr val="black"/>
                </a:solidFill>
                <a:latin typeface="Meiryo UI" panose="020B0604030504040204" pitchFamily="50" charset="-128"/>
                <a:ea typeface="Meiryo UI" panose="020B0604030504040204" pitchFamily="50" charset="-128"/>
              </a:rPr>
              <a:t>全国特別重点調査への対応方針</a:t>
            </a:r>
            <a:r>
              <a:rPr lang="en-US" altLang="ja-JP" sz="1800" dirty="0">
                <a:solidFill>
                  <a:prstClr val="black"/>
                </a:solidFill>
                <a:latin typeface="Meiryo UI" panose="020B0604030504040204" pitchFamily="50" charset="-128"/>
                <a:ea typeface="Meiryo UI" panose="020B0604030504040204" pitchFamily="50" charset="-128"/>
              </a:rPr>
              <a:t>】</a:t>
            </a:r>
          </a:p>
        </p:txBody>
      </p:sp>
      <p:sp>
        <p:nvSpPr>
          <p:cNvPr id="3" name="正方形/長方形 2">
            <a:extLst>
              <a:ext uri="{FF2B5EF4-FFF2-40B4-BE49-F238E27FC236}">
                <a16:creationId xmlns:a16="http://schemas.microsoft.com/office/drawing/2014/main" id="{A57771B3-AD89-5750-F3C5-0662A6229BAC}"/>
              </a:ext>
            </a:extLst>
          </p:cNvPr>
          <p:cNvSpPr/>
          <p:nvPr/>
        </p:nvSpPr>
        <p:spPr>
          <a:xfrm>
            <a:off x="6039393" y="575290"/>
            <a:ext cx="3805646" cy="1081025"/>
          </a:xfrm>
          <a:prstGeom prst="rect">
            <a:avLst/>
          </a:prstGeom>
          <a:noFill/>
          <a:ln>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nchorCtr="0"/>
          <a:lstStyle/>
          <a:p>
            <a:r>
              <a:rPr lang="ja-JP" altLang="en-US" sz="1600" dirty="0">
                <a:solidFill>
                  <a:schemeClr val="tx1"/>
                </a:solidFill>
              </a:rPr>
              <a:t>本市では、</a:t>
            </a:r>
            <a:r>
              <a:rPr lang="ja-JP" altLang="en-US" sz="1600" dirty="0">
                <a:solidFill>
                  <a:srgbClr val="FF0000"/>
                </a:solidFill>
              </a:rPr>
              <a:t>健全度に基づき施設管理</a:t>
            </a:r>
            <a:r>
              <a:rPr lang="ja-JP" altLang="en-US" sz="1600" dirty="0">
                <a:solidFill>
                  <a:schemeClr val="tx1"/>
                </a:solidFill>
              </a:rPr>
              <a:t>を実施</a:t>
            </a:r>
            <a:endParaRPr lang="en-US" altLang="ja-JP" sz="1600" dirty="0">
              <a:solidFill>
                <a:schemeClr val="tx1"/>
              </a:solidFill>
            </a:endParaRPr>
          </a:p>
          <a:p>
            <a:r>
              <a:rPr lang="ja-JP" altLang="en-US" sz="1600" dirty="0">
                <a:solidFill>
                  <a:schemeClr val="tx1"/>
                </a:solidFill>
              </a:rPr>
              <a:t>　・健全度１⇒速やかに改築　</a:t>
            </a:r>
            <a:endParaRPr lang="en-US" altLang="ja-JP" sz="1600" dirty="0">
              <a:solidFill>
                <a:schemeClr val="tx1"/>
              </a:solidFill>
            </a:endParaRPr>
          </a:p>
          <a:p>
            <a:r>
              <a:rPr lang="ja-JP" altLang="en-US" sz="1600" dirty="0">
                <a:solidFill>
                  <a:schemeClr val="tx1"/>
                </a:solidFill>
              </a:rPr>
              <a:t>　・健全度２</a:t>
            </a:r>
            <a:r>
              <a:rPr lang="en-US" altLang="ja-JP" sz="1600" dirty="0">
                <a:solidFill>
                  <a:schemeClr val="tx1"/>
                </a:solidFill>
              </a:rPr>
              <a:t>(</a:t>
            </a:r>
            <a:r>
              <a:rPr lang="ja-JP" altLang="en-US" sz="1600" dirty="0">
                <a:solidFill>
                  <a:schemeClr val="tx1"/>
                </a:solidFill>
              </a:rPr>
              <a:t>安全面</a:t>
            </a:r>
            <a:r>
              <a:rPr lang="en-US" altLang="ja-JP" sz="1600" dirty="0">
                <a:solidFill>
                  <a:schemeClr val="tx1"/>
                </a:solidFill>
              </a:rPr>
              <a:t>)</a:t>
            </a:r>
            <a:r>
              <a:rPr lang="ja-JP" altLang="en-US" sz="1600" dirty="0">
                <a:solidFill>
                  <a:schemeClr val="tx1"/>
                </a:solidFill>
              </a:rPr>
              <a:t>⇒５年以内に改築</a:t>
            </a:r>
            <a:endParaRPr lang="en-US" altLang="ja-JP" sz="1600" dirty="0">
              <a:solidFill>
                <a:schemeClr val="tx1"/>
              </a:solidFill>
            </a:endParaRPr>
          </a:p>
          <a:p>
            <a:r>
              <a:rPr lang="ja-JP" altLang="en-US" sz="1600" dirty="0">
                <a:solidFill>
                  <a:schemeClr val="tx1"/>
                </a:solidFill>
              </a:rPr>
              <a:t>　・健全度２</a:t>
            </a:r>
            <a:r>
              <a:rPr lang="en-US" altLang="ja-JP" sz="1600" dirty="0">
                <a:solidFill>
                  <a:schemeClr val="tx1"/>
                </a:solidFill>
              </a:rPr>
              <a:t>(</a:t>
            </a:r>
            <a:r>
              <a:rPr lang="ja-JP" altLang="en-US" sz="1600" dirty="0">
                <a:solidFill>
                  <a:schemeClr val="tx1"/>
                </a:solidFill>
              </a:rPr>
              <a:t>機能面</a:t>
            </a:r>
            <a:r>
              <a:rPr lang="en-US" altLang="ja-JP" sz="1600" dirty="0">
                <a:solidFill>
                  <a:schemeClr val="tx1"/>
                </a:solidFill>
              </a:rPr>
              <a:t>)</a:t>
            </a:r>
            <a:r>
              <a:rPr lang="ja-JP" altLang="en-US" sz="1600" dirty="0">
                <a:solidFill>
                  <a:schemeClr val="tx1"/>
                </a:solidFill>
              </a:rPr>
              <a:t>⇒</a:t>
            </a:r>
            <a:r>
              <a:rPr lang="en-US" altLang="ja-JP" sz="1600" dirty="0">
                <a:solidFill>
                  <a:schemeClr val="tx1"/>
                </a:solidFill>
              </a:rPr>
              <a:t>10</a:t>
            </a:r>
            <a:r>
              <a:rPr lang="ja-JP" altLang="en-US" sz="1600" dirty="0">
                <a:solidFill>
                  <a:schemeClr val="tx1"/>
                </a:solidFill>
              </a:rPr>
              <a:t>年以内に改築　</a:t>
            </a:r>
            <a:endParaRPr lang="en-US" altLang="ja-JP" sz="1600" dirty="0">
              <a:solidFill>
                <a:schemeClr val="tx1"/>
              </a:solidFill>
            </a:endParaRPr>
          </a:p>
        </p:txBody>
      </p:sp>
    </p:spTree>
    <p:extLst>
      <p:ext uri="{BB962C8B-B14F-4D97-AF65-F5344CB8AC3E}">
        <p14:creationId xmlns:p14="http://schemas.microsoft.com/office/powerpoint/2010/main" val="3306953491"/>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1E09D805-393A-183D-D861-61B90BB3C972}"/>
              </a:ext>
            </a:extLst>
          </p:cNvPr>
          <p:cNvSpPr>
            <a:spLocks noGrp="1"/>
          </p:cNvSpPr>
          <p:nvPr>
            <p:ph type="sldNum" sz="quarter" idx="12"/>
          </p:nvPr>
        </p:nvSpPr>
        <p:spPr>
          <a:xfrm>
            <a:off x="7828498" y="6487810"/>
            <a:ext cx="2057400" cy="365125"/>
          </a:xfrm>
        </p:spPr>
        <p:txBody>
          <a:bodyPr/>
          <a:lstStyle/>
          <a:p>
            <a:fld id="{AD788B66-0322-4004-ABBC-9FC7CA51F2EC}" type="slidenum">
              <a:rPr kumimoji="1" lang="ja-JP" altLang="en-US" sz="1400"/>
              <a:t>62</a:t>
            </a:fld>
            <a:endParaRPr kumimoji="1" lang="ja-JP" altLang="en-US" sz="1400" dirty="0"/>
          </a:p>
        </p:txBody>
      </p:sp>
      <p:pic>
        <p:nvPicPr>
          <p:cNvPr id="6" name="図 5">
            <a:extLst>
              <a:ext uri="{FF2B5EF4-FFF2-40B4-BE49-F238E27FC236}">
                <a16:creationId xmlns:a16="http://schemas.microsoft.com/office/drawing/2014/main" id="{7EE7832F-B2F1-3B88-4CF9-CC04D6C3870D}"/>
              </a:ext>
            </a:extLst>
          </p:cNvPr>
          <p:cNvPicPr>
            <a:picLocks noChangeAspect="1"/>
          </p:cNvPicPr>
          <p:nvPr/>
        </p:nvPicPr>
        <p:blipFill>
          <a:blip r:embed="rId2"/>
          <a:srcRect t="68548" r="22371"/>
          <a:stretch/>
        </p:blipFill>
        <p:spPr>
          <a:xfrm>
            <a:off x="5013845" y="5120452"/>
            <a:ext cx="4807131" cy="1162852"/>
          </a:xfrm>
          <a:prstGeom prst="rect">
            <a:avLst/>
          </a:prstGeom>
        </p:spPr>
      </p:pic>
      <p:sp>
        <p:nvSpPr>
          <p:cNvPr id="4" name="角丸四角形 17">
            <a:extLst>
              <a:ext uri="{FF2B5EF4-FFF2-40B4-BE49-F238E27FC236}">
                <a16:creationId xmlns:a16="http://schemas.microsoft.com/office/drawing/2014/main" id="{6A5A7735-2C73-0278-70ED-3897B74C97A3}"/>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５</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１ ．埼玉県八潮市における道路陥没を踏まえた対応状況</a:t>
            </a:r>
          </a:p>
          <a:p>
            <a:pPr>
              <a:lnSpc>
                <a:spcPts val="2194"/>
              </a:lnSpc>
            </a:pP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8" name="タイトル 1">
            <a:extLst>
              <a:ext uri="{FF2B5EF4-FFF2-40B4-BE49-F238E27FC236}">
                <a16:creationId xmlns:a16="http://schemas.microsoft.com/office/drawing/2014/main" id="{EC5EA1FB-6D8A-C3DB-23C5-A5891EA2D2FF}"/>
              </a:ext>
            </a:extLst>
          </p:cNvPr>
          <p:cNvSpPr txBox="1">
            <a:spLocks/>
          </p:cNvSpPr>
          <p:nvPr/>
        </p:nvSpPr>
        <p:spPr>
          <a:xfrm>
            <a:off x="1563" y="610344"/>
            <a:ext cx="9819414" cy="334424"/>
          </a:xfrm>
          <a:prstGeom prst="rect">
            <a:avLst/>
          </a:prstGeom>
          <a:solidFill>
            <a:schemeClr val="bg1"/>
          </a:solid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en-US" altLang="ja-JP" sz="1800" dirty="0">
                <a:solidFill>
                  <a:prstClr val="black"/>
                </a:solidFill>
                <a:latin typeface="Meiryo UI" panose="020B0604030504040204" pitchFamily="50" charset="-128"/>
                <a:ea typeface="Meiryo UI" panose="020B0604030504040204" pitchFamily="50" charset="-128"/>
              </a:rPr>
              <a:t>【</a:t>
            </a:r>
            <a:r>
              <a:rPr lang="ja-JP" altLang="en-US" sz="1800" dirty="0">
                <a:solidFill>
                  <a:prstClr val="black"/>
                </a:solidFill>
                <a:latin typeface="Meiryo UI" panose="020B0604030504040204" pitchFamily="50" charset="-128"/>
                <a:ea typeface="Meiryo UI" panose="020B0604030504040204" pitchFamily="50" charset="-128"/>
              </a:rPr>
              <a:t>対策手法</a:t>
            </a:r>
            <a:r>
              <a:rPr lang="en-US" altLang="ja-JP" sz="1800" dirty="0">
                <a:solidFill>
                  <a:prstClr val="black"/>
                </a:solidFill>
                <a:latin typeface="Meiryo UI" panose="020B0604030504040204" pitchFamily="50" charset="-128"/>
                <a:ea typeface="Meiryo UI" panose="020B0604030504040204" pitchFamily="50" charset="-128"/>
              </a:rPr>
              <a:t>】</a:t>
            </a:r>
          </a:p>
        </p:txBody>
      </p:sp>
      <p:sp>
        <p:nvSpPr>
          <p:cNvPr id="9" name="タイトル 1">
            <a:extLst>
              <a:ext uri="{FF2B5EF4-FFF2-40B4-BE49-F238E27FC236}">
                <a16:creationId xmlns:a16="http://schemas.microsoft.com/office/drawing/2014/main" id="{3CB15C56-BADA-EE2E-247A-002BABBB0FC9}"/>
              </a:ext>
            </a:extLst>
          </p:cNvPr>
          <p:cNvSpPr txBox="1">
            <a:spLocks/>
          </p:cNvSpPr>
          <p:nvPr/>
        </p:nvSpPr>
        <p:spPr>
          <a:xfrm>
            <a:off x="15052" y="4783970"/>
            <a:ext cx="9864000" cy="388919"/>
          </a:xfrm>
          <a:prstGeom prst="rect">
            <a:avLst/>
          </a:prstGeom>
          <a:no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ja-JP" altLang="en-US" sz="2000" b="1" u="sng" dirty="0">
                <a:solidFill>
                  <a:prstClr val="black"/>
                </a:solidFill>
                <a:latin typeface="Meiryo UI" panose="020B0604030504040204" pitchFamily="50" charset="-128"/>
                <a:ea typeface="Meiryo UI" panose="020B0604030504040204" pitchFamily="50" charset="-128"/>
              </a:rPr>
              <a:t>○本市健全度判定結果</a:t>
            </a:r>
            <a:endParaRPr lang="en-US" altLang="ja-JP" sz="2000" b="1" u="sng" dirty="0">
              <a:solidFill>
                <a:prstClr val="black"/>
              </a:solidFill>
              <a:latin typeface="Meiryo UI" panose="020B0604030504040204" pitchFamily="50" charset="-128"/>
              <a:ea typeface="Meiryo UI" panose="020B0604030504040204" pitchFamily="50" charset="-128"/>
            </a:endParaRPr>
          </a:p>
        </p:txBody>
      </p:sp>
      <p:sp>
        <p:nvSpPr>
          <p:cNvPr id="3" name="テキスト ボックス 2">
            <a:extLst>
              <a:ext uri="{FF2B5EF4-FFF2-40B4-BE49-F238E27FC236}">
                <a16:creationId xmlns:a16="http://schemas.microsoft.com/office/drawing/2014/main" id="{48376E56-3FE8-92D4-CA3F-CDAAF71A1F2A}"/>
              </a:ext>
            </a:extLst>
          </p:cNvPr>
          <p:cNvSpPr txBox="1"/>
          <p:nvPr/>
        </p:nvSpPr>
        <p:spPr>
          <a:xfrm>
            <a:off x="547212" y="1278303"/>
            <a:ext cx="3644539" cy="338554"/>
          </a:xfrm>
          <a:prstGeom prst="rect">
            <a:avLst/>
          </a:prstGeom>
          <a:noFill/>
        </p:spPr>
        <p:txBody>
          <a:bodyPr wrap="square">
            <a:spAutoFit/>
          </a:bodyPr>
          <a:lstStyle/>
          <a:p>
            <a:pPr algn="ctr"/>
            <a:r>
              <a:rPr lang="en-US" altLang="ja-JP" sz="1600" dirty="0">
                <a:latin typeface="+mn-ea"/>
              </a:rPr>
              <a:t>【</a:t>
            </a:r>
            <a:r>
              <a:rPr lang="ja-JP" altLang="en-US" sz="1600" dirty="0">
                <a:latin typeface="+mn-ea"/>
              </a:rPr>
              <a:t>緊急度</a:t>
            </a:r>
            <a:r>
              <a:rPr lang="en-US" altLang="ja-JP" sz="1600" dirty="0">
                <a:latin typeface="+mn-ea"/>
              </a:rPr>
              <a:t>Ⅰ】</a:t>
            </a:r>
            <a:r>
              <a:rPr lang="ja-JP" altLang="en-US" sz="1600" dirty="0">
                <a:latin typeface="+mn-ea"/>
              </a:rPr>
              <a:t>鉄筋露出</a:t>
            </a:r>
          </a:p>
        </p:txBody>
      </p:sp>
      <p:pic>
        <p:nvPicPr>
          <p:cNvPr id="5" name="図 4">
            <a:extLst>
              <a:ext uri="{FF2B5EF4-FFF2-40B4-BE49-F238E27FC236}">
                <a16:creationId xmlns:a16="http://schemas.microsoft.com/office/drawing/2014/main" id="{F4F89815-BB7D-5C81-8A58-DBEAE8BF5F11}"/>
              </a:ext>
            </a:extLst>
          </p:cNvPr>
          <p:cNvPicPr>
            <a:picLocks noChangeAspect="1"/>
          </p:cNvPicPr>
          <p:nvPr/>
        </p:nvPicPr>
        <p:blipFill>
          <a:blip r:embed="rId3"/>
          <a:stretch>
            <a:fillRect/>
          </a:stretch>
        </p:blipFill>
        <p:spPr>
          <a:xfrm>
            <a:off x="782043" y="1608284"/>
            <a:ext cx="3661091" cy="2781634"/>
          </a:xfrm>
          <a:prstGeom prst="rect">
            <a:avLst/>
          </a:prstGeom>
        </p:spPr>
      </p:pic>
      <p:sp>
        <p:nvSpPr>
          <p:cNvPr id="7" name="テキスト ボックス 6">
            <a:extLst>
              <a:ext uri="{FF2B5EF4-FFF2-40B4-BE49-F238E27FC236}">
                <a16:creationId xmlns:a16="http://schemas.microsoft.com/office/drawing/2014/main" id="{B0488442-E06B-5E7A-1128-5E722D2B9B89}"/>
              </a:ext>
            </a:extLst>
          </p:cNvPr>
          <p:cNvSpPr txBox="1"/>
          <p:nvPr/>
        </p:nvSpPr>
        <p:spPr>
          <a:xfrm>
            <a:off x="656322" y="4389918"/>
            <a:ext cx="4017035" cy="307777"/>
          </a:xfrm>
          <a:prstGeom prst="rect">
            <a:avLst/>
          </a:prstGeom>
          <a:noFill/>
        </p:spPr>
        <p:txBody>
          <a:bodyPr wrap="square">
            <a:spAutoFit/>
          </a:bodyPr>
          <a:lstStyle/>
          <a:p>
            <a:pPr algn="ctr"/>
            <a:r>
              <a:rPr lang="ja-JP" altLang="en-US" sz="1400" dirty="0">
                <a:latin typeface="+mn-ea"/>
              </a:rPr>
              <a:t>鷹合平野幹線　</a:t>
            </a:r>
            <a:r>
              <a:rPr lang="en-US" altLang="ja-JP" sz="1400" dirty="0">
                <a:latin typeface="+mn-ea"/>
              </a:rPr>
              <a:t>2400×2400</a:t>
            </a:r>
            <a:r>
              <a:rPr lang="ja-JP" altLang="en-US" sz="1400" dirty="0">
                <a:latin typeface="+mn-ea"/>
              </a:rPr>
              <a:t>（</a:t>
            </a:r>
            <a:r>
              <a:rPr lang="en-US" altLang="ja-JP" sz="1400" dirty="0">
                <a:latin typeface="+mn-ea"/>
              </a:rPr>
              <a:t>1965</a:t>
            </a:r>
            <a:r>
              <a:rPr lang="ja-JP" altLang="en-US" sz="1400" dirty="0">
                <a:latin typeface="+mn-ea"/>
              </a:rPr>
              <a:t>竣工）</a:t>
            </a:r>
          </a:p>
        </p:txBody>
      </p:sp>
      <p:pic>
        <p:nvPicPr>
          <p:cNvPr id="13" name="図 12">
            <a:extLst>
              <a:ext uri="{FF2B5EF4-FFF2-40B4-BE49-F238E27FC236}">
                <a16:creationId xmlns:a16="http://schemas.microsoft.com/office/drawing/2014/main" id="{B134F7BE-1A7D-CEA6-2B53-FFE7BAF63E09}"/>
              </a:ext>
            </a:extLst>
          </p:cNvPr>
          <p:cNvPicPr>
            <a:picLocks noChangeAspect="1"/>
          </p:cNvPicPr>
          <p:nvPr/>
        </p:nvPicPr>
        <p:blipFill>
          <a:blip r:embed="rId2"/>
          <a:srcRect r="22371" b="68548"/>
          <a:stretch/>
        </p:blipFill>
        <p:spPr>
          <a:xfrm>
            <a:off x="148799" y="5172889"/>
            <a:ext cx="4807131" cy="1162852"/>
          </a:xfrm>
          <a:prstGeom prst="rect">
            <a:avLst/>
          </a:prstGeom>
        </p:spPr>
      </p:pic>
      <p:sp>
        <p:nvSpPr>
          <p:cNvPr id="14" name="タイトル 1">
            <a:extLst>
              <a:ext uri="{FF2B5EF4-FFF2-40B4-BE49-F238E27FC236}">
                <a16:creationId xmlns:a16="http://schemas.microsoft.com/office/drawing/2014/main" id="{607BB304-7DF8-A896-4860-0359E75E4F0C}"/>
              </a:ext>
            </a:extLst>
          </p:cNvPr>
          <p:cNvSpPr txBox="1">
            <a:spLocks/>
          </p:cNvSpPr>
          <p:nvPr/>
        </p:nvSpPr>
        <p:spPr>
          <a:xfrm>
            <a:off x="15052" y="918779"/>
            <a:ext cx="9864000" cy="388919"/>
          </a:xfrm>
          <a:prstGeom prst="rect">
            <a:avLst/>
          </a:prstGeom>
          <a:no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ja-JP" altLang="en-US" sz="2000" b="1" u="sng" dirty="0">
                <a:solidFill>
                  <a:prstClr val="black"/>
                </a:solidFill>
                <a:latin typeface="Meiryo UI" panose="020B0604030504040204" pitchFamily="50" charset="-128"/>
                <a:ea typeface="Meiryo UI" panose="020B0604030504040204" pitchFamily="50" charset="-128"/>
              </a:rPr>
              <a:t>○劣化状況写真（一例）</a:t>
            </a:r>
            <a:endParaRPr lang="en-US" altLang="ja-JP" sz="2000" b="1" u="sng" dirty="0">
              <a:solidFill>
                <a:prstClr val="black"/>
              </a:solidFill>
              <a:latin typeface="Meiryo UI" panose="020B0604030504040204" pitchFamily="50" charset="-128"/>
              <a:ea typeface="Meiryo UI" panose="020B0604030504040204" pitchFamily="50" charset="-128"/>
            </a:endParaRPr>
          </a:p>
        </p:txBody>
      </p:sp>
      <p:pic>
        <p:nvPicPr>
          <p:cNvPr id="15" name="図 14">
            <a:extLst>
              <a:ext uri="{FF2B5EF4-FFF2-40B4-BE49-F238E27FC236}">
                <a16:creationId xmlns:a16="http://schemas.microsoft.com/office/drawing/2014/main" id="{FA68ADFC-A617-712A-BA9F-CFEADACD5B8D}"/>
              </a:ext>
            </a:extLst>
          </p:cNvPr>
          <p:cNvPicPr>
            <a:picLocks noChangeAspect="1"/>
          </p:cNvPicPr>
          <p:nvPr/>
        </p:nvPicPr>
        <p:blipFill>
          <a:blip r:embed="rId4"/>
          <a:stretch>
            <a:fillRect/>
          </a:stretch>
        </p:blipFill>
        <p:spPr>
          <a:xfrm>
            <a:off x="5241906" y="1576860"/>
            <a:ext cx="3907397" cy="2820668"/>
          </a:xfrm>
          <a:prstGeom prst="rect">
            <a:avLst/>
          </a:prstGeom>
        </p:spPr>
      </p:pic>
      <p:sp>
        <p:nvSpPr>
          <p:cNvPr id="16" name="テキスト ボックス 15">
            <a:extLst>
              <a:ext uri="{FF2B5EF4-FFF2-40B4-BE49-F238E27FC236}">
                <a16:creationId xmlns:a16="http://schemas.microsoft.com/office/drawing/2014/main" id="{C42CA2CE-E82A-950C-3534-5CE47A62B253}"/>
              </a:ext>
            </a:extLst>
          </p:cNvPr>
          <p:cNvSpPr txBox="1"/>
          <p:nvPr/>
        </p:nvSpPr>
        <p:spPr>
          <a:xfrm>
            <a:off x="5131388" y="1253203"/>
            <a:ext cx="4017035" cy="338554"/>
          </a:xfrm>
          <a:prstGeom prst="rect">
            <a:avLst/>
          </a:prstGeom>
          <a:noFill/>
        </p:spPr>
        <p:txBody>
          <a:bodyPr wrap="square">
            <a:spAutoFit/>
          </a:bodyPr>
          <a:lstStyle/>
          <a:p>
            <a:pPr algn="ctr"/>
            <a:r>
              <a:rPr lang="en-US" altLang="ja-JP" sz="1600" dirty="0">
                <a:latin typeface="+mn-ea"/>
              </a:rPr>
              <a:t>【</a:t>
            </a:r>
            <a:r>
              <a:rPr lang="ja-JP" altLang="en-US" sz="1600" dirty="0">
                <a:latin typeface="+mn-ea"/>
              </a:rPr>
              <a:t>緊急度</a:t>
            </a:r>
            <a:r>
              <a:rPr lang="en-US" altLang="ja-JP" sz="1600" dirty="0">
                <a:latin typeface="+mn-ea"/>
              </a:rPr>
              <a:t>Ⅱ】</a:t>
            </a:r>
            <a:r>
              <a:rPr lang="ja-JP" altLang="en-US" sz="1600" dirty="0">
                <a:latin typeface="+mn-ea"/>
              </a:rPr>
              <a:t>骨材露出</a:t>
            </a:r>
          </a:p>
        </p:txBody>
      </p:sp>
      <p:sp>
        <p:nvSpPr>
          <p:cNvPr id="17" name="テキスト ボックス 16">
            <a:extLst>
              <a:ext uri="{FF2B5EF4-FFF2-40B4-BE49-F238E27FC236}">
                <a16:creationId xmlns:a16="http://schemas.microsoft.com/office/drawing/2014/main" id="{C3EEED76-1E9F-8952-9A33-D031D52CBA91}"/>
              </a:ext>
            </a:extLst>
          </p:cNvPr>
          <p:cNvSpPr txBox="1"/>
          <p:nvPr/>
        </p:nvSpPr>
        <p:spPr>
          <a:xfrm>
            <a:off x="5408892" y="4404511"/>
            <a:ext cx="4017035" cy="307777"/>
          </a:xfrm>
          <a:prstGeom prst="rect">
            <a:avLst/>
          </a:prstGeom>
          <a:noFill/>
        </p:spPr>
        <p:txBody>
          <a:bodyPr wrap="square">
            <a:spAutoFit/>
          </a:bodyPr>
          <a:lstStyle/>
          <a:p>
            <a:pPr algn="ctr"/>
            <a:r>
              <a:rPr lang="ja-JP" altLang="en-US" sz="1400" dirty="0">
                <a:latin typeface="+mn-ea"/>
              </a:rPr>
              <a:t>森之宮中浜幹線　</a:t>
            </a:r>
            <a:r>
              <a:rPr lang="en-US" altLang="ja-JP" sz="1400" dirty="0">
                <a:latin typeface="+mn-ea"/>
              </a:rPr>
              <a:t>1970×1970</a:t>
            </a:r>
            <a:r>
              <a:rPr lang="ja-JP" altLang="en-US" sz="1400" dirty="0">
                <a:latin typeface="+mn-ea"/>
              </a:rPr>
              <a:t>（</a:t>
            </a:r>
            <a:r>
              <a:rPr lang="en-US" altLang="ja-JP" sz="1400" dirty="0">
                <a:latin typeface="+mn-ea"/>
              </a:rPr>
              <a:t>1929</a:t>
            </a:r>
            <a:r>
              <a:rPr lang="ja-JP" altLang="en-US" sz="1400" dirty="0">
                <a:latin typeface="+mn-ea"/>
              </a:rPr>
              <a:t>竣工）</a:t>
            </a:r>
          </a:p>
        </p:txBody>
      </p:sp>
      <p:sp>
        <p:nvSpPr>
          <p:cNvPr id="18" name="タイトル 1">
            <a:extLst>
              <a:ext uri="{FF2B5EF4-FFF2-40B4-BE49-F238E27FC236}">
                <a16:creationId xmlns:a16="http://schemas.microsoft.com/office/drawing/2014/main" id="{0578AB22-830A-BE47-3562-F3E17DD047A3}"/>
              </a:ext>
            </a:extLst>
          </p:cNvPr>
          <p:cNvSpPr txBox="1">
            <a:spLocks/>
          </p:cNvSpPr>
          <p:nvPr/>
        </p:nvSpPr>
        <p:spPr>
          <a:xfrm>
            <a:off x="253303" y="6361867"/>
            <a:ext cx="9384337" cy="415381"/>
          </a:xfrm>
          <a:prstGeom prst="rect">
            <a:avLst/>
          </a:prstGeom>
          <a:noFill/>
          <a:ln>
            <a:solidFill>
              <a:schemeClr val="accent1">
                <a:alpha val="0"/>
              </a:schemeClr>
            </a:solidFill>
          </a:ln>
        </p:spPr>
        <p:txBody>
          <a:bodyPr vert="horz" lIns="91440" tIns="45720" rIns="91440" bIns="45720" rtlCol="0" anchor="t">
            <a:no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r>
              <a:rPr lang="ja-JP" altLang="en-US" sz="2000" b="1" dirty="0">
                <a:solidFill>
                  <a:srgbClr val="FF0000"/>
                </a:solidFill>
                <a:latin typeface="Meiryo UI" panose="020B0604030504040204" pitchFamily="50" charset="-128"/>
                <a:ea typeface="Meiryo UI" panose="020B0604030504040204" pitchFamily="50" charset="-128"/>
              </a:rPr>
              <a:t>➡　道路陥没リスクを踏まえて、劣化範囲ごとに状態に応じた対策手法を検討・実施する。</a:t>
            </a:r>
            <a:endParaRPr lang="en-US" altLang="ja-JP" sz="2000" b="1" dirty="0">
              <a:solidFill>
                <a:srgbClr val="FF0000"/>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24804186"/>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16326" y="2474925"/>
            <a:ext cx="8673347" cy="954075"/>
          </a:xfrm>
          <a:prstGeom prst="rect">
            <a:avLst/>
          </a:prstGeom>
          <a:noFill/>
        </p:spPr>
        <p:txBody>
          <a:bodyPr vert="horz" wrap="square" lIns="91407" tIns="45704" rIns="91407" bIns="45704" rtlCol="0" anchor="ctr">
            <a:spAutoFit/>
          </a:bodyPr>
          <a:lstStyle/>
          <a:p>
            <a:pPr algn="ctr"/>
            <a:r>
              <a:rPr lang="ja-JP" altLang="en-US" sz="2800" b="1" dirty="0"/>
              <a:t>長堀抽水所雨水滞水池爆発事故に対する</a:t>
            </a:r>
            <a:endParaRPr lang="en-US" altLang="ja-JP" sz="2800" b="1" dirty="0"/>
          </a:p>
          <a:p>
            <a:pPr algn="ctr"/>
            <a:r>
              <a:rPr lang="ja-JP" altLang="en-US" sz="2800" b="1" dirty="0"/>
              <a:t>原因究明・再発防止策</a:t>
            </a:r>
            <a:endParaRPr lang="en-US" altLang="ja-JP" sz="2800" b="1" dirty="0"/>
          </a:p>
        </p:txBody>
      </p:sp>
      <p:sp>
        <p:nvSpPr>
          <p:cNvPr id="3" name="スライド番号プレースホルダー 2"/>
          <p:cNvSpPr>
            <a:spLocks noGrp="1"/>
          </p:cNvSpPr>
          <p:nvPr>
            <p:ph type="sldNum" sz="quarter" idx="12"/>
          </p:nvPr>
        </p:nvSpPr>
        <p:spPr/>
        <p:txBody>
          <a:bodyPr/>
          <a:lstStyle/>
          <a:p>
            <a:fld id="{36EC18DB-A5DF-4E0E-B815-FCD04A2C4B2C}" type="slidenum">
              <a:rPr kumimoji="1" lang="ja-JP" altLang="en-US" smtClean="0"/>
              <a:t>63</a:t>
            </a:fld>
            <a:endParaRPr kumimoji="1" lang="ja-JP" altLang="en-US"/>
          </a:p>
        </p:txBody>
      </p:sp>
      <p:sp>
        <p:nvSpPr>
          <p:cNvPr id="4" name="字幕 2">
            <a:extLst>
              <a:ext uri="{FF2B5EF4-FFF2-40B4-BE49-F238E27FC236}">
                <a16:creationId xmlns:a16="http://schemas.microsoft.com/office/drawing/2014/main" id="{0725CF1E-8AEC-9D8F-6F8E-123B7541AD1A}"/>
              </a:ext>
            </a:extLst>
          </p:cNvPr>
          <p:cNvSpPr txBox="1">
            <a:spLocks/>
          </p:cNvSpPr>
          <p:nvPr/>
        </p:nvSpPr>
        <p:spPr>
          <a:xfrm>
            <a:off x="261170" y="353233"/>
            <a:ext cx="4988562" cy="895859"/>
          </a:xfrm>
          <a:prstGeom prst="rect">
            <a:avLst/>
          </a:prstGeom>
        </p:spPr>
        <p:txBody>
          <a:bodyPr vert="horz" lIns="91440" tIns="45720" rIns="91440" bIns="45720" rtlCol="0">
            <a:normAutofit/>
          </a:bodyPr>
          <a:lstStyle>
            <a:lvl1pPr marL="0" indent="0" algn="ctr"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kumimoji="1"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kumimoji="1"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9pPr>
          </a:lstStyle>
          <a:p>
            <a:pPr algn="l"/>
            <a:r>
              <a:rPr lang="en-US" altLang="ja-JP" dirty="0"/>
              <a:t>【</a:t>
            </a:r>
            <a:r>
              <a:rPr lang="ja-JP" altLang="en-US" dirty="0"/>
              <a:t>議題５　その他報告事項２</a:t>
            </a:r>
            <a:r>
              <a:rPr lang="en-US" altLang="ja-JP" dirty="0"/>
              <a:t>】</a:t>
            </a:r>
          </a:p>
        </p:txBody>
      </p:sp>
    </p:spTree>
    <p:extLst>
      <p:ext uri="{BB962C8B-B14F-4D97-AF65-F5344CB8AC3E}">
        <p14:creationId xmlns:p14="http://schemas.microsoft.com/office/powerpoint/2010/main" val="3122297704"/>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12" name="グループ化 811">
            <a:extLst>
              <a:ext uri="{FF2B5EF4-FFF2-40B4-BE49-F238E27FC236}">
                <a16:creationId xmlns:a16="http://schemas.microsoft.com/office/drawing/2014/main" id="{24BA4109-1CFE-1870-0833-5024FF7A3A75}"/>
              </a:ext>
            </a:extLst>
          </p:cNvPr>
          <p:cNvGrpSpPr/>
          <p:nvPr/>
        </p:nvGrpSpPr>
        <p:grpSpPr>
          <a:xfrm>
            <a:off x="114000" y="3101564"/>
            <a:ext cx="3500852" cy="1629597"/>
            <a:chOff x="13495116" y="2588365"/>
            <a:chExt cx="6083729" cy="2831889"/>
          </a:xfrm>
        </p:grpSpPr>
        <p:pic>
          <p:nvPicPr>
            <p:cNvPr id="813" name="図 812">
              <a:extLst>
                <a:ext uri="{FF2B5EF4-FFF2-40B4-BE49-F238E27FC236}">
                  <a16:creationId xmlns:a16="http://schemas.microsoft.com/office/drawing/2014/main" id="{DD917FE0-B94E-C0B5-0838-2BC6BF434463}"/>
                </a:ext>
              </a:extLst>
            </p:cNvPr>
            <p:cNvPicPr>
              <a:picLocks noChangeAspect="1"/>
            </p:cNvPicPr>
            <p:nvPr/>
          </p:nvPicPr>
          <p:blipFill>
            <a:blip r:embed="rId3"/>
            <a:stretch>
              <a:fillRect/>
            </a:stretch>
          </p:blipFill>
          <p:spPr>
            <a:xfrm>
              <a:off x="13508010" y="2601651"/>
              <a:ext cx="6070835" cy="2818603"/>
            </a:xfrm>
            <a:prstGeom prst="rect">
              <a:avLst/>
            </a:prstGeom>
          </p:spPr>
        </p:pic>
        <p:sp>
          <p:nvSpPr>
            <p:cNvPr id="814" name="正方形/長方形 813">
              <a:extLst>
                <a:ext uri="{FF2B5EF4-FFF2-40B4-BE49-F238E27FC236}">
                  <a16:creationId xmlns:a16="http://schemas.microsoft.com/office/drawing/2014/main" id="{EBCB6097-64FE-E48D-B351-8983D5FCBA23}"/>
                </a:ext>
              </a:extLst>
            </p:cNvPr>
            <p:cNvSpPr/>
            <p:nvPr/>
          </p:nvSpPr>
          <p:spPr>
            <a:xfrm>
              <a:off x="13605775" y="2917470"/>
              <a:ext cx="45719" cy="154092"/>
            </a:xfrm>
            <a:prstGeom prst="rect">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15" name="直線矢印コネクタ 814">
              <a:extLst>
                <a:ext uri="{FF2B5EF4-FFF2-40B4-BE49-F238E27FC236}">
                  <a16:creationId xmlns:a16="http://schemas.microsoft.com/office/drawing/2014/main" id="{BDA8FAE1-DD3A-F760-9C6A-BE46E2603C68}"/>
                </a:ext>
              </a:extLst>
            </p:cNvPr>
            <p:cNvCxnSpPr>
              <a:cxnSpLocks/>
            </p:cNvCxnSpPr>
            <p:nvPr/>
          </p:nvCxnSpPr>
          <p:spPr>
            <a:xfrm flipV="1">
              <a:off x="15595704" y="4325587"/>
              <a:ext cx="1621367" cy="4450"/>
            </a:xfrm>
            <a:prstGeom prst="straightConnector1">
              <a:avLst/>
            </a:prstGeom>
            <a:ln w="12700">
              <a:solidFill>
                <a:srgbClr val="FF0000"/>
              </a:solidFill>
              <a:prstDash val="lgDash"/>
              <a:tailEnd type="triangle" w="sm" len="lg"/>
            </a:ln>
          </p:spPr>
          <p:style>
            <a:lnRef idx="1">
              <a:schemeClr val="accent1"/>
            </a:lnRef>
            <a:fillRef idx="0">
              <a:schemeClr val="accent1"/>
            </a:fillRef>
            <a:effectRef idx="0">
              <a:schemeClr val="accent1"/>
            </a:effectRef>
            <a:fontRef idx="minor">
              <a:schemeClr val="tx1"/>
            </a:fontRef>
          </p:style>
        </p:cxnSp>
        <p:sp>
          <p:nvSpPr>
            <p:cNvPr id="816" name="十字形 815">
              <a:extLst>
                <a:ext uri="{FF2B5EF4-FFF2-40B4-BE49-F238E27FC236}">
                  <a16:creationId xmlns:a16="http://schemas.microsoft.com/office/drawing/2014/main" id="{545D4ABF-EEC8-9217-67A2-15B9744EA1B0}"/>
                </a:ext>
              </a:extLst>
            </p:cNvPr>
            <p:cNvSpPr/>
            <p:nvPr/>
          </p:nvSpPr>
          <p:spPr>
            <a:xfrm rot="2472296">
              <a:off x="17205689" y="4237389"/>
              <a:ext cx="140807" cy="142424"/>
            </a:xfrm>
            <a:prstGeom prst="plus">
              <a:avLst>
                <a:gd name="adj" fmla="val 50000"/>
              </a:avLst>
            </a:prstGeom>
            <a:solidFill>
              <a:srgbClr val="FF0000"/>
            </a:solidFill>
            <a:ln>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17" name="正方形/長方形 816">
              <a:extLst>
                <a:ext uri="{FF2B5EF4-FFF2-40B4-BE49-F238E27FC236}">
                  <a16:creationId xmlns:a16="http://schemas.microsoft.com/office/drawing/2014/main" id="{3FEA73F6-8834-873D-47BC-6C18A105E779}"/>
                </a:ext>
              </a:extLst>
            </p:cNvPr>
            <p:cNvSpPr/>
            <p:nvPr/>
          </p:nvSpPr>
          <p:spPr>
            <a:xfrm>
              <a:off x="13495116" y="2588365"/>
              <a:ext cx="1979795" cy="411567"/>
            </a:xfrm>
            <a:prstGeom prst="rect">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lIns="0" tIns="36000" rIns="0" bIns="0" rtlCol="0" anchor="ctr"/>
            <a:lstStyle/>
            <a:p>
              <a:r>
                <a:rPr kumimoji="1" lang="ja-JP" altLang="en-US" sz="900" dirty="0">
                  <a:solidFill>
                    <a:srgbClr val="FF0000"/>
                  </a:solidFill>
                  <a:ea typeface="メイリオ" panose="020B0604030504040204" pitchFamily="50" charset="-128"/>
                </a:rPr>
                <a:t>　</a:t>
              </a:r>
              <a:endParaRPr kumimoji="1" lang="ja-JP" altLang="en-US" sz="900" dirty="0">
                <a:solidFill>
                  <a:schemeClr val="tx1"/>
                </a:solidFill>
                <a:ea typeface="メイリオ" panose="020B0604030504040204" pitchFamily="50" charset="-128"/>
              </a:endParaRPr>
            </a:p>
          </p:txBody>
        </p:sp>
        <p:sp>
          <p:nvSpPr>
            <p:cNvPr id="818" name="正方形/長方形 817">
              <a:extLst>
                <a:ext uri="{FF2B5EF4-FFF2-40B4-BE49-F238E27FC236}">
                  <a16:creationId xmlns:a16="http://schemas.microsoft.com/office/drawing/2014/main" id="{6F3898EB-62F0-842A-98D1-E74A9D04ECCE}"/>
                </a:ext>
              </a:extLst>
            </p:cNvPr>
            <p:cNvSpPr/>
            <p:nvPr/>
          </p:nvSpPr>
          <p:spPr>
            <a:xfrm>
              <a:off x="18253011" y="2909853"/>
              <a:ext cx="751689" cy="217882"/>
            </a:xfrm>
            <a:prstGeom prst="rect">
              <a:avLst/>
            </a:prstGeom>
            <a:ln>
              <a:solidFill>
                <a:srgbClr val="FF0000"/>
              </a:solidFill>
            </a:ln>
          </p:spPr>
          <p:style>
            <a:lnRef idx="2">
              <a:schemeClr val="accent6"/>
            </a:lnRef>
            <a:fillRef idx="1">
              <a:schemeClr val="lt1"/>
            </a:fillRef>
            <a:effectRef idx="0">
              <a:schemeClr val="accent6"/>
            </a:effectRef>
            <a:fontRef idx="minor">
              <a:schemeClr val="dk1"/>
            </a:fontRef>
          </p:style>
          <p:txBody>
            <a:bodyPr lIns="0" tIns="36000" rIns="0" bIns="0" rtlCol="0" anchor="ctr"/>
            <a:lstStyle/>
            <a:p>
              <a:pPr algn="ctr"/>
              <a:r>
                <a:rPr kumimoji="1" lang="ja-JP" altLang="en-US" sz="700" dirty="0">
                  <a:ea typeface="メイリオ" panose="020B0604030504040204" pitchFamily="50" charset="-128"/>
                </a:rPr>
                <a:t>脱臭装置</a:t>
              </a:r>
            </a:p>
          </p:txBody>
        </p:sp>
        <p:pic>
          <p:nvPicPr>
            <p:cNvPr id="819" name="図 818">
              <a:extLst>
                <a:ext uri="{FF2B5EF4-FFF2-40B4-BE49-F238E27FC236}">
                  <a16:creationId xmlns:a16="http://schemas.microsoft.com/office/drawing/2014/main" id="{8FDDF477-41E3-9806-D542-D93A455A33CD}"/>
                </a:ext>
              </a:extLst>
            </p:cNvPr>
            <p:cNvPicPr>
              <a:picLocks noChangeAspect="1"/>
            </p:cNvPicPr>
            <p:nvPr/>
          </p:nvPicPr>
          <p:blipFill rotWithShape="1">
            <a:blip r:embed="rId4"/>
            <a:srcRect b="33610"/>
            <a:stretch/>
          </p:blipFill>
          <p:spPr>
            <a:xfrm>
              <a:off x="13595749" y="2932265"/>
              <a:ext cx="1654289" cy="126666"/>
            </a:xfrm>
            <a:prstGeom prst="rect">
              <a:avLst/>
            </a:prstGeom>
          </p:spPr>
        </p:pic>
        <p:sp>
          <p:nvSpPr>
            <p:cNvPr id="820" name="正方形/長方形 819">
              <a:extLst>
                <a:ext uri="{FF2B5EF4-FFF2-40B4-BE49-F238E27FC236}">
                  <a16:creationId xmlns:a16="http://schemas.microsoft.com/office/drawing/2014/main" id="{6D6AC6F9-ED2C-1156-9D39-A4F52CC258AE}"/>
                </a:ext>
              </a:extLst>
            </p:cNvPr>
            <p:cNvSpPr/>
            <p:nvPr/>
          </p:nvSpPr>
          <p:spPr>
            <a:xfrm flipH="1">
              <a:off x="14889438" y="4268573"/>
              <a:ext cx="51594" cy="612000"/>
            </a:xfrm>
            <a:prstGeom prst="rect">
              <a:avLst/>
            </a:prstGeom>
            <a:solidFill>
              <a:schemeClr val="bg1">
                <a:lumMod val="85000"/>
              </a:schemeClr>
            </a:solidFill>
            <a:ln>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21" name="十字形 820">
              <a:extLst>
                <a:ext uri="{FF2B5EF4-FFF2-40B4-BE49-F238E27FC236}">
                  <a16:creationId xmlns:a16="http://schemas.microsoft.com/office/drawing/2014/main" id="{B63FC6C4-336B-0ACD-3481-73E12B9A9E3F}"/>
                </a:ext>
              </a:extLst>
            </p:cNvPr>
            <p:cNvSpPr/>
            <p:nvPr/>
          </p:nvSpPr>
          <p:spPr>
            <a:xfrm rot="2472296">
              <a:off x="14948484" y="4275182"/>
              <a:ext cx="140807" cy="142424"/>
            </a:xfrm>
            <a:prstGeom prst="plus">
              <a:avLst>
                <a:gd name="adj" fmla="val 50000"/>
              </a:avLst>
            </a:prstGeom>
            <a:solidFill>
              <a:srgbClr val="FF0000"/>
            </a:solidFill>
            <a:ln>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22" name="直線矢印コネクタ 821">
              <a:extLst>
                <a:ext uri="{FF2B5EF4-FFF2-40B4-BE49-F238E27FC236}">
                  <a16:creationId xmlns:a16="http://schemas.microsoft.com/office/drawing/2014/main" id="{E42D16A8-E332-C910-CE2E-0A886F278ECD}"/>
                </a:ext>
              </a:extLst>
            </p:cNvPr>
            <p:cNvCxnSpPr>
              <a:cxnSpLocks/>
            </p:cNvCxnSpPr>
            <p:nvPr/>
          </p:nvCxnSpPr>
          <p:spPr>
            <a:xfrm flipH="1" flipV="1">
              <a:off x="15048328" y="4328032"/>
              <a:ext cx="495347" cy="730"/>
            </a:xfrm>
            <a:prstGeom prst="straightConnector1">
              <a:avLst/>
            </a:prstGeom>
            <a:ln w="12700">
              <a:solidFill>
                <a:srgbClr val="FF0000"/>
              </a:solidFill>
              <a:prstDash val="lgDash"/>
              <a:tailEnd type="triangle" w="sm" len="lg"/>
            </a:ln>
          </p:spPr>
          <p:style>
            <a:lnRef idx="1">
              <a:schemeClr val="accent1"/>
            </a:lnRef>
            <a:fillRef idx="0">
              <a:schemeClr val="accent1"/>
            </a:fillRef>
            <a:effectRef idx="0">
              <a:schemeClr val="accent1"/>
            </a:effectRef>
            <a:fontRef idx="minor">
              <a:schemeClr val="tx1"/>
            </a:fontRef>
          </p:style>
        </p:cxnSp>
        <p:sp>
          <p:nvSpPr>
            <p:cNvPr id="823" name="正方形/長方形 822">
              <a:extLst>
                <a:ext uri="{FF2B5EF4-FFF2-40B4-BE49-F238E27FC236}">
                  <a16:creationId xmlns:a16="http://schemas.microsoft.com/office/drawing/2014/main" id="{87D7A6DF-C5BB-8600-B997-929C6E2C92E3}"/>
                </a:ext>
              </a:extLst>
            </p:cNvPr>
            <p:cNvSpPr/>
            <p:nvPr/>
          </p:nvSpPr>
          <p:spPr>
            <a:xfrm>
              <a:off x="15083372" y="4152753"/>
              <a:ext cx="495342" cy="136247"/>
            </a:xfrm>
            <a:prstGeom prst="rect">
              <a:avLst/>
            </a:prstGeom>
            <a:noFill/>
            <a:ln w="19050">
              <a:solidFill>
                <a:srgbClr val="92D050"/>
              </a:solidFill>
              <a:prstDash val="sysDash"/>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24" name="テキスト ボックス 823">
              <a:extLst>
                <a:ext uri="{FF2B5EF4-FFF2-40B4-BE49-F238E27FC236}">
                  <a16:creationId xmlns:a16="http://schemas.microsoft.com/office/drawing/2014/main" id="{B0176247-70A3-050D-5C05-59AF018E41BD}"/>
                </a:ext>
              </a:extLst>
            </p:cNvPr>
            <p:cNvSpPr txBox="1"/>
            <p:nvPr/>
          </p:nvSpPr>
          <p:spPr>
            <a:xfrm>
              <a:off x="14839828" y="3999518"/>
              <a:ext cx="596768" cy="262983"/>
            </a:xfrm>
            <a:prstGeom prst="rect">
              <a:avLst/>
            </a:prstGeom>
            <a:noFill/>
          </p:spPr>
          <p:txBody>
            <a:bodyPr wrap="none" rtlCol="0">
              <a:spAutoFit/>
            </a:bodyPr>
            <a:lstStyle/>
            <a:p>
              <a:r>
                <a:rPr kumimoji="1" lang="ja-JP" altLang="en-US" sz="700" b="1" dirty="0">
                  <a:solidFill>
                    <a:srgbClr val="92D050"/>
                  </a:solidFill>
                </a:rPr>
                <a:t>開口部</a:t>
              </a:r>
            </a:p>
          </p:txBody>
        </p:sp>
        <p:cxnSp>
          <p:nvCxnSpPr>
            <p:cNvPr id="825" name="直線矢印コネクタ 824">
              <a:extLst>
                <a:ext uri="{FF2B5EF4-FFF2-40B4-BE49-F238E27FC236}">
                  <a16:creationId xmlns:a16="http://schemas.microsoft.com/office/drawing/2014/main" id="{C73ED0FA-D84C-75DC-2753-F9534A0D89A9}"/>
                </a:ext>
              </a:extLst>
            </p:cNvPr>
            <p:cNvCxnSpPr>
              <a:cxnSpLocks/>
            </p:cNvCxnSpPr>
            <p:nvPr/>
          </p:nvCxnSpPr>
          <p:spPr>
            <a:xfrm flipV="1">
              <a:off x="16848431" y="4268573"/>
              <a:ext cx="0" cy="744918"/>
            </a:xfrm>
            <a:prstGeom prst="straightConnector1">
              <a:avLst/>
            </a:prstGeom>
            <a:ln>
              <a:solidFill>
                <a:srgbClr val="000000"/>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826" name="直線矢印コネクタ 825">
              <a:extLst>
                <a:ext uri="{FF2B5EF4-FFF2-40B4-BE49-F238E27FC236}">
                  <a16:creationId xmlns:a16="http://schemas.microsoft.com/office/drawing/2014/main" id="{41D9A1CA-3DAD-59F5-0D6D-D733C3D00A3C}"/>
                </a:ext>
              </a:extLst>
            </p:cNvPr>
            <p:cNvCxnSpPr>
              <a:cxnSpLocks/>
            </p:cNvCxnSpPr>
            <p:nvPr/>
          </p:nvCxnSpPr>
          <p:spPr>
            <a:xfrm flipV="1">
              <a:off x="14824597" y="3719354"/>
              <a:ext cx="0" cy="422669"/>
            </a:xfrm>
            <a:prstGeom prst="straightConnector1">
              <a:avLst/>
            </a:prstGeom>
            <a:ln>
              <a:solidFill>
                <a:srgbClr val="000000"/>
              </a:solidFill>
              <a:headEnd type="triangle"/>
              <a:tailEnd type="triangle"/>
            </a:ln>
          </p:spPr>
          <p:style>
            <a:lnRef idx="1">
              <a:schemeClr val="accent1"/>
            </a:lnRef>
            <a:fillRef idx="0">
              <a:schemeClr val="accent1"/>
            </a:fillRef>
            <a:effectRef idx="0">
              <a:schemeClr val="accent1"/>
            </a:effectRef>
            <a:fontRef idx="minor">
              <a:schemeClr val="tx1"/>
            </a:fontRef>
          </p:style>
        </p:cxnSp>
        <p:grpSp>
          <p:nvGrpSpPr>
            <p:cNvPr id="827" name="グループ化 826">
              <a:extLst>
                <a:ext uri="{FF2B5EF4-FFF2-40B4-BE49-F238E27FC236}">
                  <a16:creationId xmlns:a16="http://schemas.microsoft.com/office/drawing/2014/main" id="{2033631A-53EF-902A-9BAE-C85C0F88640F}"/>
                </a:ext>
              </a:extLst>
            </p:cNvPr>
            <p:cNvGrpSpPr/>
            <p:nvPr/>
          </p:nvGrpSpPr>
          <p:grpSpPr>
            <a:xfrm>
              <a:off x="16719346" y="4486119"/>
              <a:ext cx="733900" cy="289007"/>
              <a:chOff x="7409837" y="2631278"/>
              <a:chExt cx="733900" cy="289007"/>
            </a:xfrm>
          </p:grpSpPr>
          <p:sp>
            <p:nvSpPr>
              <p:cNvPr id="843" name="正方形/長方形 842">
                <a:extLst>
                  <a:ext uri="{FF2B5EF4-FFF2-40B4-BE49-F238E27FC236}">
                    <a16:creationId xmlns:a16="http://schemas.microsoft.com/office/drawing/2014/main" id="{A7524884-A2EE-57D4-397B-721848B6328D}"/>
                  </a:ext>
                </a:extLst>
              </p:cNvPr>
              <p:cNvSpPr/>
              <p:nvPr/>
            </p:nvSpPr>
            <p:spPr>
              <a:xfrm>
                <a:off x="7469512" y="2685631"/>
                <a:ext cx="531031" cy="159146"/>
              </a:xfrm>
              <a:prstGeom prst="rect">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4" name="テキスト ボックス 843">
                <a:extLst>
                  <a:ext uri="{FF2B5EF4-FFF2-40B4-BE49-F238E27FC236}">
                    <a16:creationId xmlns:a16="http://schemas.microsoft.com/office/drawing/2014/main" id="{2CF1E094-3465-7B20-3A50-2F4A898F612F}"/>
                  </a:ext>
                </a:extLst>
              </p:cNvPr>
              <p:cNvSpPr txBox="1"/>
              <p:nvPr/>
            </p:nvSpPr>
            <p:spPr>
              <a:xfrm>
                <a:off x="7409837" y="2631278"/>
                <a:ext cx="733900" cy="289007"/>
              </a:xfrm>
              <a:prstGeom prst="rect">
                <a:avLst/>
              </a:prstGeom>
              <a:noFill/>
              <a:ln>
                <a:noFill/>
              </a:ln>
            </p:spPr>
            <p:txBody>
              <a:bodyPr wrap="square" rtlCol="0">
                <a:spAutoFit/>
              </a:bodyPr>
              <a:lstStyle/>
              <a:p>
                <a:r>
                  <a:rPr kumimoji="1" lang="ja-JP" altLang="en-US" sz="700" dirty="0"/>
                  <a:t>滞水池</a:t>
                </a:r>
              </a:p>
            </p:txBody>
          </p:sp>
        </p:grpSp>
        <p:grpSp>
          <p:nvGrpSpPr>
            <p:cNvPr id="828" name="グループ化 827">
              <a:extLst>
                <a:ext uri="{FF2B5EF4-FFF2-40B4-BE49-F238E27FC236}">
                  <a16:creationId xmlns:a16="http://schemas.microsoft.com/office/drawing/2014/main" id="{E5A93E5E-14A0-764D-C273-5FE565DD7246}"/>
                </a:ext>
              </a:extLst>
            </p:cNvPr>
            <p:cNvGrpSpPr/>
            <p:nvPr/>
          </p:nvGrpSpPr>
          <p:grpSpPr>
            <a:xfrm>
              <a:off x="14700563" y="3791829"/>
              <a:ext cx="602689" cy="289007"/>
              <a:chOff x="8402424" y="2619971"/>
              <a:chExt cx="602689" cy="289007"/>
            </a:xfrm>
          </p:grpSpPr>
          <p:sp>
            <p:nvSpPr>
              <p:cNvPr id="841" name="正方形/長方形 840">
                <a:extLst>
                  <a:ext uri="{FF2B5EF4-FFF2-40B4-BE49-F238E27FC236}">
                    <a16:creationId xmlns:a16="http://schemas.microsoft.com/office/drawing/2014/main" id="{96F87417-97E9-5A0A-98C4-D7842B820CF7}"/>
                  </a:ext>
                </a:extLst>
              </p:cNvPr>
              <p:cNvSpPr/>
              <p:nvPr/>
            </p:nvSpPr>
            <p:spPr>
              <a:xfrm>
                <a:off x="8484080" y="2677489"/>
                <a:ext cx="347818" cy="139833"/>
              </a:xfrm>
              <a:prstGeom prst="rect">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2" name="テキスト ボックス 841">
                <a:extLst>
                  <a:ext uri="{FF2B5EF4-FFF2-40B4-BE49-F238E27FC236}">
                    <a16:creationId xmlns:a16="http://schemas.microsoft.com/office/drawing/2014/main" id="{67A664B7-266F-36BD-EEF8-2EFF9F7E7A92}"/>
                  </a:ext>
                </a:extLst>
              </p:cNvPr>
              <p:cNvSpPr txBox="1"/>
              <p:nvPr/>
            </p:nvSpPr>
            <p:spPr>
              <a:xfrm>
                <a:off x="8402424" y="2619971"/>
                <a:ext cx="602689" cy="289007"/>
              </a:xfrm>
              <a:prstGeom prst="rect">
                <a:avLst/>
              </a:prstGeom>
              <a:noFill/>
              <a:ln>
                <a:noFill/>
              </a:ln>
            </p:spPr>
            <p:txBody>
              <a:bodyPr wrap="square" rtlCol="0">
                <a:spAutoFit/>
              </a:bodyPr>
              <a:lstStyle/>
              <a:p>
                <a:r>
                  <a:rPr kumimoji="1" lang="ja-JP" altLang="en-US" sz="700" dirty="0"/>
                  <a:t>建屋</a:t>
                </a:r>
              </a:p>
            </p:txBody>
          </p:sp>
        </p:grpSp>
        <p:cxnSp>
          <p:nvCxnSpPr>
            <p:cNvPr id="829" name="直線矢印コネクタ 828">
              <a:extLst>
                <a:ext uri="{FF2B5EF4-FFF2-40B4-BE49-F238E27FC236}">
                  <a16:creationId xmlns:a16="http://schemas.microsoft.com/office/drawing/2014/main" id="{67896DC7-B3FC-8263-B10A-63767BBF0F17}"/>
                </a:ext>
              </a:extLst>
            </p:cNvPr>
            <p:cNvCxnSpPr>
              <a:cxnSpLocks/>
            </p:cNvCxnSpPr>
            <p:nvPr/>
          </p:nvCxnSpPr>
          <p:spPr>
            <a:xfrm flipV="1">
              <a:off x="17044536" y="3555911"/>
              <a:ext cx="0" cy="586112"/>
            </a:xfrm>
            <a:prstGeom prst="straightConnector1">
              <a:avLst/>
            </a:prstGeom>
            <a:ln>
              <a:solidFill>
                <a:srgbClr val="000000"/>
              </a:solidFill>
              <a:headEnd type="triangle"/>
              <a:tailEnd type="triangle"/>
            </a:ln>
          </p:spPr>
          <p:style>
            <a:lnRef idx="1">
              <a:schemeClr val="accent1"/>
            </a:lnRef>
            <a:fillRef idx="0">
              <a:schemeClr val="accent1"/>
            </a:fillRef>
            <a:effectRef idx="0">
              <a:schemeClr val="accent1"/>
            </a:effectRef>
            <a:fontRef idx="minor">
              <a:schemeClr val="tx1"/>
            </a:fontRef>
          </p:style>
        </p:cxnSp>
        <p:grpSp>
          <p:nvGrpSpPr>
            <p:cNvPr id="830" name="グループ化 829">
              <a:extLst>
                <a:ext uri="{FF2B5EF4-FFF2-40B4-BE49-F238E27FC236}">
                  <a16:creationId xmlns:a16="http://schemas.microsoft.com/office/drawing/2014/main" id="{CFFDFD14-EA79-11BE-7184-E02C0D3DA2FD}"/>
                </a:ext>
              </a:extLst>
            </p:cNvPr>
            <p:cNvGrpSpPr/>
            <p:nvPr/>
          </p:nvGrpSpPr>
          <p:grpSpPr>
            <a:xfrm>
              <a:off x="14407335" y="3156583"/>
              <a:ext cx="4667824" cy="2196180"/>
              <a:chOff x="1364319" y="2931032"/>
              <a:chExt cx="4667824" cy="2196180"/>
            </a:xfrm>
          </p:grpSpPr>
          <p:sp>
            <p:nvSpPr>
              <p:cNvPr id="834" name="思考の吹き出し: 雲形 833">
                <a:extLst>
                  <a:ext uri="{FF2B5EF4-FFF2-40B4-BE49-F238E27FC236}">
                    <a16:creationId xmlns:a16="http://schemas.microsoft.com/office/drawing/2014/main" id="{6BB2D634-8D1F-2BA2-1179-FC32F26992EC}"/>
                  </a:ext>
                </a:extLst>
              </p:cNvPr>
              <p:cNvSpPr/>
              <p:nvPr/>
            </p:nvSpPr>
            <p:spPr>
              <a:xfrm>
                <a:off x="2098440" y="4581419"/>
                <a:ext cx="333455" cy="225228"/>
              </a:xfrm>
              <a:prstGeom prst="cloudCallout">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36" name="正方形/長方形 835">
                <a:extLst>
                  <a:ext uri="{FF2B5EF4-FFF2-40B4-BE49-F238E27FC236}">
                    <a16:creationId xmlns:a16="http://schemas.microsoft.com/office/drawing/2014/main" id="{7EC74EE4-7E70-F900-0598-DF46500C8FDF}"/>
                  </a:ext>
                </a:extLst>
              </p:cNvPr>
              <p:cNvSpPr/>
              <p:nvPr/>
            </p:nvSpPr>
            <p:spPr>
              <a:xfrm>
                <a:off x="1364319" y="2938907"/>
                <a:ext cx="988836" cy="330538"/>
              </a:xfrm>
              <a:prstGeom prst="rect">
                <a:avLst/>
              </a:prstGeom>
              <a:ln w="19050">
                <a:solidFill>
                  <a:schemeClr val="accent6"/>
                </a:solidFill>
              </a:ln>
            </p:spPr>
            <p:style>
              <a:lnRef idx="2">
                <a:schemeClr val="accent6"/>
              </a:lnRef>
              <a:fillRef idx="1">
                <a:schemeClr val="lt1"/>
              </a:fillRef>
              <a:effectRef idx="0">
                <a:schemeClr val="accent6"/>
              </a:effectRef>
              <a:fontRef idx="minor">
                <a:schemeClr val="dk1"/>
              </a:fontRef>
            </p:style>
            <p:txBody>
              <a:bodyPr lIns="0" tIns="36000" rIns="0" bIns="0" rtlCol="0" anchor="ctr"/>
              <a:lstStyle/>
              <a:p>
                <a:pPr algn="ctr"/>
                <a:r>
                  <a:rPr kumimoji="1" lang="ja-JP" altLang="en-US" sz="700" dirty="0">
                    <a:ea typeface="メイリオ" panose="020B0604030504040204" pitchFamily="50" charset="-128"/>
                  </a:rPr>
                  <a:t>機材搬入ハッチ</a:t>
                </a:r>
                <a:endParaRPr kumimoji="1" lang="en-US" altLang="ja-JP" sz="700" dirty="0">
                  <a:ea typeface="メイリオ" panose="020B0604030504040204" pitchFamily="50" charset="-128"/>
                </a:endParaRPr>
              </a:p>
              <a:p>
                <a:pPr algn="ctr"/>
                <a:r>
                  <a:rPr kumimoji="1" lang="en-US" altLang="ja-JP" sz="700" dirty="0">
                    <a:ea typeface="メイリオ" panose="020B0604030504040204" pitchFamily="50" charset="-128"/>
                  </a:rPr>
                  <a:t>(</a:t>
                </a:r>
                <a:r>
                  <a:rPr kumimoji="1" lang="ja-JP" altLang="en-US" sz="700" dirty="0">
                    <a:ea typeface="メイリオ" panose="020B0604030504040204" pitchFamily="50" charset="-128"/>
                  </a:rPr>
                  <a:t>密閉蓋）</a:t>
                </a:r>
                <a:endParaRPr kumimoji="1" lang="en-US" altLang="ja-JP" sz="700" dirty="0">
                  <a:ea typeface="メイリオ" panose="020B0604030504040204" pitchFamily="50" charset="-128"/>
                </a:endParaRPr>
              </a:p>
            </p:txBody>
          </p:sp>
          <p:sp>
            <p:nvSpPr>
              <p:cNvPr id="837" name="正方形/長方形 836">
                <a:extLst>
                  <a:ext uri="{FF2B5EF4-FFF2-40B4-BE49-F238E27FC236}">
                    <a16:creationId xmlns:a16="http://schemas.microsoft.com/office/drawing/2014/main" id="{609A7CFA-ECF8-FA56-918B-8ABBEF5BCF88}"/>
                  </a:ext>
                </a:extLst>
              </p:cNvPr>
              <p:cNvSpPr/>
              <p:nvPr/>
            </p:nvSpPr>
            <p:spPr>
              <a:xfrm>
                <a:off x="2461931" y="2931032"/>
                <a:ext cx="1126594" cy="337163"/>
              </a:xfrm>
              <a:prstGeom prst="rect">
                <a:avLst/>
              </a:prstGeom>
              <a:ln w="19050">
                <a:solidFill>
                  <a:schemeClr val="accent6"/>
                </a:solidFill>
              </a:ln>
            </p:spPr>
            <p:style>
              <a:lnRef idx="2">
                <a:schemeClr val="accent6"/>
              </a:lnRef>
              <a:fillRef idx="1">
                <a:schemeClr val="lt1"/>
              </a:fillRef>
              <a:effectRef idx="0">
                <a:schemeClr val="accent6"/>
              </a:effectRef>
              <a:fontRef idx="minor">
                <a:schemeClr val="dk1"/>
              </a:fontRef>
            </p:style>
            <p:txBody>
              <a:bodyPr lIns="0" tIns="36000" rIns="0" bIns="0" rtlCol="0" anchor="ctr"/>
              <a:lstStyle/>
              <a:p>
                <a:pPr algn="ctr"/>
                <a:r>
                  <a:rPr kumimoji="1" lang="ja-JP" altLang="en-US" sz="700" dirty="0">
                    <a:ea typeface="メイリオ" panose="020B0604030504040204" pitchFamily="50" charset="-128"/>
                  </a:rPr>
                  <a:t>空気取り入れ口</a:t>
                </a:r>
                <a:endParaRPr kumimoji="1" lang="en-US" altLang="ja-JP" sz="700" dirty="0">
                  <a:ea typeface="メイリオ" panose="020B0604030504040204" pitchFamily="50" charset="-128"/>
                </a:endParaRPr>
              </a:p>
              <a:p>
                <a:pPr algn="ctr"/>
                <a:r>
                  <a:rPr lang="ja-JP" altLang="en-US" sz="700" dirty="0">
                    <a:ea typeface="メイリオ" panose="020B0604030504040204" pitchFamily="50" charset="-128"/>
                  </a:rPr>
                  <a:t>（逆流防止装置）</a:t>
                </a:r>
                <a:endParaRPr kumimoji="1" lang="ja-JP" altLang="en-US" sz="700" dirty="0">
                  <a:ea typeface="メイリオ" panose="020B0604030504040204" pitchFamily="50" charset="-128"/>
                </a:endParaRPr>
              </a:p>
            </p:txBody>
          </p:sp>
          <p:sp>
            <p:nvSpPr>
              <p:cNvPr id="838" name="思考の吹き出し: 雲形 837">
                <a:extLst>
                  <a:ext uri="{FF2B5EF4-FFF2-40B4-BE49-F238E27FC236}">
                    <a16:creationId xmlns:a16="http://schemas.microsoft.com/office/drawing/2014/main" id="{E31C1AED-F408-1538-FAB0-72C34760F078}"/>
                  </a:ext>
                </a:extLst>
              </p:cNvPr>
              <p:cNvSpPr/>
              <p:nvPr/>
            </p:nvSpPr>
            <p:spPr>
              <a:xfrm>
                <a:off x="2116881" y="4121210"/>
                <a:ext cx="333455" cy="205451"/>
              </a:xfrm>
              <a:prstGeom prst="cloudCallout">
                <a:avLst>
                  <a:gd name="adj1" fmla="val -7122"/>
                  <a:gd name="adj2" fmla="val 187680"/>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39" name="正方形/長方形 838">
                <a:extLst>
                  <a:ext uri="{FF2B5EF4-FFF2-40B4-BE49-F238E27FC236}">
                    <a16:creationId xmlns:a16="http://schemas.microsoft.com/office/drawing/2014/main" id="{75FE5219-C6BD-7BA3-0688-6AC59FE8C2B4}"/>
                  </a:ext>
                </a:extLst>
              </p:cNvPr>
              <p:cNvSpPr/>
              <p:nvPr/>
            </p:nvSpPr>
            <p:spPr>
              <a:xfrm>
                <a:off x="3497483" y="4881155"/>
                <a:ext cx="2534660" cy="246057"/>
              </a:xfrm>
              <a:prstGeom prst="rect">
                <a:avLst/>
              </a:prstGeom>
              <a:noFill/>
              <a:ln>
                <a:noFill/>
              </a:ln>
            </p:spPr>
            <p:style>
              <a:lnRef idx="2">
                <a:schemeClr val="accent6"/>
              </a:lnRef>
              <a:fillRef idx="1">
                <a:schemeClr val="lt1"/>
              </a:fillRef>
              <a:effectRef idx="0">
                <a:schemeClr val="accent6"/>
              </a:effectRef>
              <a:fontRef idx="minor">
                <a:schemeClr val="dk1"/>
              </a:fontRef>
            </p:style>
            <p:txBody>
              <a:bodyPr lIns="0" tIns="36000" rIns="0" bIns="0" rtlCol="0" anchor="ctr"/>
              <a:lstStyle/>
              <a:p>
                <a:pPr algn="ctr"/>
                <a:r>
                  <a:rPr lang="ja-JP" altLang="en-US" sz="700" dirty="0">
                    <a:latin typeface="游ゴシック" panose="020B0400000000000000" pitchFamily="50" charset="-128"/>
                    <a:ea typeface="游ゴシック" panose="020B0400000000000000" pitchFamily="50" charset="-128"/>
                  </a:rPr>
                  <a:t>長堀抽水所雨水滞水池　施設断面図　</a:t>
                </a:r>
                <a:endParaRPr kumimoji="1" lang="en-US" altLang="ja-JP" sz="700" dirty="0">
                  <a:latin typeface="游ゴシック" panose="020B0400000000000000" pitchFamily="50" charset="-128"/>
                  <a:ea typeface="游ゴシック" panose="020B0400000000000000" pitchFamily="50" charset="-128"/>
                </a:endParaRPr>
              </a:p>
            </p:txBody>
          </p:sp>
        </p:grpSp>
        <p:grpSp>
          <p:nvGrpSpPr>
            <p:cNvPr id="831" name="グループ化 830">
              <a:extLst>
                <a:ext uri="{FF2B5EF4-FFF2-40B4-BE49-F238E27FC236}">
                  <a16:creationId xmlns:a16="http://schemas.microsoft.com/office/drawing/2014/main" id="{2F25C00A-CC8D-BA96-09F0-FDE12B3E9508}"/>
                </a:ext>
              </a:extLst>
            </p:cNvPr>
            <p:cNvGrpSpPr/>
            <p:nvPr/>
          </p:nvGrpSpPr>
          <p:grpSpPr>
            <a:xfrm>
              <a:off x="16907156" y="3782242"/>
              <a:ext cx="526139" cy="289007"/>
              <a:chOff x="8405554" y="2619970"/>
              <a:chExt cx="526139" cy="289007"/>
            </a:xfrm>
          </p:grpSpPr>
          <p:sp>
            <p:nvSpPr>
              <p:cNvPr id="832" name="正方形/長方形 831">
                <a:extLst>
                  <a:ext uri="{FF2B5EF4-FFF2-40B4-BE49-F238E27FC236}">
                    <a16:creationId xmlns:a16="http://schemas.microsoft.com/office/drawing/2014/main" id="{D75D1AC5-60B0-DF71-A990-FB7108EC961B}"/>
                  </a:ext>
                </a:extLst>
              </p:cNvPr>
              <p:cNvSpPr/>
              <p:nvPr/>
            </p:nvSpPr>
            <p:spPr>
              <a:xfrm>
                <a:off x="8484080" y="2677489"/>
                <a:ext cx="347818" cy="139833"/>
              </a:xfrm>
              <a:prstGeom prst="rect">
                <a:avLst/>
              </a:prstGeom>
              <a:solidFill>
                <a:schemeClr val="bg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33" name="テキスト ボックス 832">
                <a:extLst>
                  <a:ext uri="{FF2B5EF4-FFF2-40B4-BE49-F238E27FC236}">
                    <a16:creationId xmlns:a16="http://schemas.microsoft.com/office/drawing/2014/main" id="{605C256D-3999-B193-A1A5-D2AD37D1A050}"/>
                  </a:ext>
                </a:extLst>
              </p:cNvPr>
              <p:cNvSpPr txBox="1"/>
              <p:nvPr/>
            </p:nvSpPr>
            <p:spPr>
              <a:xfrm>
                <a:off x="8405554" y="2619970"/>
                <a:ext cx="526139" cy="289007"/>
              </a:xfrm>
              <a:prstGeom prst="rect">
                <a:avLst/>
              </a:prstGeom>
              <a:noFill/>
              <a:ln>
                <a:noFill/>
              </a:ln>
            </p:spPr>
            <p:txBody>
              <a:bodyPr wrap="none" rtlCol="0">
                <a:spAutoFit/>
              </a:bodyPr>
              <a:lstStyle/>
              <a:p>
                <a:r>
                  <a:rPr kumimoji="1" lang="ja-JP" altLang="en-US" sz="700" dirty="0"/>
                  <a:t>建屋</a:t>
                </a:r>
              </a:p>
            </p:txBody>
          </p:sp>
        </p:grpSp>
      </p:grpSp>
      <p:sp>
        <p:nvSpPr>
          <p:cNvPr id="7" name="スライド番号プレースホルダー 6">
            <a:extLst>
              <a:ext uri="{FF2B5EF4-FFF2-40B4-BE49-F238E27FC236}">
                <a16:creationId xmlns:a16="http://schemas.microsoft.com/office/drawing/2014/main" id="{F0869689-5547-FBE2-71C3-73B27D12E99F}"/>
              </a:ext>
            </a:extLst>
          </p:cNvPr>
          <p:cNvSpPr>
            <a:spLocks noGrp="1"/>
          </p:cNvSpPr>
          <p:nvPr>
            <p:ph type="sldNum" sz="quarter" idx="12"/>
          </p:nvPr>
        </p:nvSpPr>
        <p:spPr>
          <a:xfrm>
            <a:off x="7758548" y="6504654"/>
            <a:ext cx="2057400" cy="337038"/>
          </a:xfrm>
        </p:spPr>
        <p:txBody>
          <a:bodyPr/>
          <a:lstStyle/>
          <a:p>
            <a:pPr defTabSz="422041"/>
            <a:fld id="{36EC18DB-A5DF-4E0E-B815-FCD04A2C4B2C}" type="slidenum">
              <a:rPr kumimoji="1" lang="ja-JP" altLang="en-US">
                <a:solidFill>
                  <a:prstClr val="black"/>
                </a:solidFill>
                <a:latin typeface="Segoe UI"/>
                <a:ea typeface="Meiryo UI"/>
              </a:rPr>
              <a:pPr defTabSz="422041"/>
              <a:t>64</a:t>
            </a:fld>
            <a:endParaRPr kumimoji="1" lang="ja-JP" altLang="en-US" dirty="0">
              <a:solidFill>
                <a:prstClr val="black"/>
              </a:solidFill>
              <a:latin typeface="Segoe UI"/>
              <a:ea typeface="Meiryo UI"/>
            </a:endParaRPr>
          </a:p>
        </p:txBody>
      </p:sp>
      <p:sp>
        <p:nvSpPr>
          <p:cNvPr id="4" name="角丸四角形 17">
            <a:extLst>
              <a:ext uri="{FF2B5EF4-FFF2-40B4-BE49-F238E27FC236}">
                <a16:creationId xmlns:a16="http://schemas.microsoft.com/office/drawing/2014/main" id="{83A9157E-96AB-CA93-AE9F-BA2785AAE70B}"/>
              </a:ext>
            </a:extLst>
          </p:cNvPr>
          <p:cNvSpPr/>
          <p:nvPr/>
        </p:nvSpPr>
        <p:spPr>
          <a:xfrm>
            <a:off x="114000" y="74691"/>
            <a:ext cx="9792000"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５</a:t>
            </a:r>
            <a:r>
              <a:rPr lang="en-US" altLang="ja-JP" sz="2275" dirty="0">
                <a:solidFill>
                  <a:schemeClr val="tx1"/>
                </a:solidFill>
                <a:latin typeface="HGPｺﾞｼｯｸE" panose="020B0900000000000000" pitchFamily="50" charset="-128"/>
                <a:ea typeface="HGPｺﾞｼｯｸE" panose="020B0900000000000000" pitchFamily="50" charset="-128"/>
              </a:rPr>
              <a:t>-</a:t>
            </a:r>
            <a:r>
              <a:rPr lang="ja-JP" altLang="en-US" sz="2275" dirty="0">
                <a:solidFill>
                  <a:schemeClr val="tx1"/>
                </a:solidFill>
                <a:latin typeface="HGPｺﾞｼｯｸE" panose="020B0900000000000000" pitchFamily="50" charset="-128"/>
                <a:ea typeface="HGPｺﾞｼｯｸE" panose="020B0900000000000000" pitchFamily="50" charset="-128"/>
              </a:rPr>
              <a:t>２ ．長堀抽水所雨水滞水池爆発事故に対する原因究明・再発防止策</a:t>
            </a:r>
          </a:p>
          <a:p>
            <a:pPr>
              <a:lnSpc>
                <a:spcPts val="2194"/>
              </a:lnSpc>
            </a:pP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pic>
        <p:nvPicPr>
          <p:cNvPr id="5" name="図 4" descr="ダイアグラム&#10;&#10;AI によって生成されたコンテンツは間違っている可能性があります。">
            <a:extLst>
              <a:ext uri="{FF2B5EF4-FFF2-40B4-BE49-F238E27FC236}">
                <a16:creationId xmlns:a16="http://schemas.microsoft.com/office/drawing/2014/main" id="{0B9AE306-2020-55BB-41D3-7E3A60C8E903}"/>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rot="5400000">
            <a:off x="654177" y="513186"/>
            <a:ext cx="2132677" cy="3018353"/>
          </a:xfrm>
          <a:prstGeom prst="rect">
            <a:avLst/>
          </a:prstGeom>
          <a:ln>
            <a:solidFill>
              <a:schemeClr val="tx1"/>
            </a:solidFill>
          </a:ln>
        </p:spPr>
      </p:pic>
      <p:sp>
        <p:nvSpPr>
          <p:cNvPr id="6" name="テキスト ボックス 5">
            <a:extLst>
              <a:ext uri="{FF2B5EF4-FFF2-40B4-BE49-F238E27FC236}">
                <a16:creationId xmlns:a16="http://schemas.microsoft.com/office/drawing/2014/main" id="{EB430C1A-D654-BCC6-3A03-66D441B33B3B}"/>
              </a:ext>
            </a:extLst>
          </p:cNvPr>
          <p:cNvSpPr txBox="1"/>
          <p:nvPr/>
        </p:nvSpPr>
        <p:spPr>
          <a:xfrm>
            <a:off x="151231" y="4830978"/>
            <a:ext cx="3493433" cy="1600438"/>
          </a:xfrm>
          <a:prstGeom prst="rect">
            <a:avLst/>
          </a:prstGeom>
          <a:noFill/>
          <a:ln>
            <a:solidFill>
              <a:schemeClr val="tx1"/>
            </a:solidFill>
          </a:ln>
        </p:spPr>
        <p:txBody>
          <a:bodyPr wrap="square">
            <a:spAutoFit/>
          </a:bodyPr>
          <a:lstStyle/>
          <a:p>
            <a:r>
              <a:rPr lang="ja-JP" altLang="en-US" sz="1400" dirty="0">
                <a:latin typeface="Meiryo UI" panose="020B0604030504040204" pitchFamily="50" charset="-128"/>
                <a:ea typeface="Meiryo UI" panose="020B0604030504040204" pitchFamily="50" charset="-128"/>
              </a:rPr>
              <a:t>再発防止策</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滞水池における汚濁物の除去と速やか</a:t>
            </a:r>
            <a:endParaRPr lang="en-US" altLang="ja-JP" sz="1400" dirty="0">
              <a:latin typeface="ＭＳ 明朝" panose="02020609040205080304" pitchFamily="17" charset="-128"/>
              <a:ea typeface="ＭＳ 明朝" panose="02020609040205080304" pitchFamily="17" charset="-128"/>
              <a:cs typeface="Times New Roman" panose="02020603050405020304" pitchFamily="18" charset="0"/>
            </a:endParaRP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　かつ確実なドライ化</a:t>
            </a: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滞水池の内部での発生ガスの常時</a:t>
            </a:r>
            <a:endParaRPr lang="en-US" altLang="ja-JP" sz="1400" dirty="0">
              <a:latin typeface="ＭＳ 明朝" panose="02020609040205080304" pitchFamily="17" charset="-128"/>
              <a:ea typeface="ＭＳ 明朝" panose="02020609040205080304" pitchFamily="17" charset="-128"/>
              <a:cs typeface="Times New Roman" panose="02020603050405020304" pitchFamily="18" charset="0"/>
            </a:endParaRP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　吸引対策</a:t>
            </a:r>
            <a:endParaRPr lang="en-US" altLang="ja-JP" sz="1400" dirty="0">
              <a:latin typeface="ＭＳ 明朝" panose="02020609040205080304" pitchFamily="17" charset="-128"/>
              <a:ea typeface="ＭＳ 明朝" panose="02020609040205080304" pitchFamily="17" charset="-128"/>
              <a:cs typeface="Times New Roman" panose="02020603050405020304" pitchFamily="18" charset="0"/>
            </a:endParaRP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建屋内のメタンガス等の計測監視と</a:t>
            </a:r>
            <a:endParaRPr lang="en-US" altLang="ja-JP" sz="1400" dirty="0">
              <a:latin typeface="ＭＳ 明朝" panose="02020609040205080304" pitchFamily="17" charset="-128"/>
              <a:ea typeface="ＭＳ 明朝" panose="02020609040205080304" pitchFamily="17" charset="-128"/>
              <a:cs typeface="Times New Roman" panose="02020603050405020304" pitchFamily="18" charset="0"/>
            </a:endParaRP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　異常時の緊急対応</a:t>
            </a:r>
          </a:p>
        </p:txBody>
      </p:sp>
      <p:sp>
        <p:nvSpPr>
          <p:cNvPr id="853" name="テキスト ボックス 852">
            <a:extLst>
              <a:ext uri="{FF2B5EF4-FFF2-40B4-BE49-F238E27FC236}">
                <a16:creationId xmlns:a16="http://schemas.microsoft.com/office/drawing/2014/main" id="{F6E51002-8D48-FCD6-608A-DED673B82CEA}"/>
              </a:ext>
            </a:extLst>
          </p:cNvPr>
          <p:cNvSpPr txBox="1"/>
          <p:nvPr/>
        </p:nvSpPr>
        <p:spPr>
          <a:xfrm>
            <a:off x="114000" y="735697"/>
            <a:ext cx="2672526" cy="461665"/>
          </a:xfrm>
          <a:prstGeom prst="rect">
            <a:avLst/>
          </a:prstGeom>
          <a:solidFill>
            <a:schemeClr val="bg1"/>
          </a:solidFill>
          <a:ln>
            <a:solidFill>
              <a:schemeClr val="tx1"/>
            </a:solidFill>
          </a:ln>
        </p:spPr>
        <p:txBody>
          <a:bodyPr wrap="none" rtlCol="0">
            <a:spAutoFit/>
          </a:bodyPr>
          <a:lstStyle/>
          <a:p>
            <a:r>
              <a:rPr kumimoji="1" lang="ja-JP" altLang="en-US" sz="1200" dirty="0"/>
              <a:t>大阪市長堀抽水所雨水滞水池における</a:t>
            </a:r>
            <a:endParaRPr kumimoji="1" lang="en-US" altLang="ja-JP" sz="1200" dirty="0"/>
          </a:p>
          <a:p>
            <a:r>
              <a:rPr kumimoji="1" lang="ja-JP" altLang="en-US" sz="1200" dirty="0"/>
              <a:t>爆発事故調査報告書（概要版）</a:t>
            </a:r>
          </a:p>
        </p:txBody>
      </p:sp>
      <p:sp>
        <p:nvSpPr>
          <p:cNvPr id="856" name="テキスト ボックス 855">
            <a:extLst>
              <a:ext uri="{FF2B5EF4-FFF2-40B4-BE49-F238E27FC236}">
                <a16:creationId xmlns:a16="http://schemas.microsoft.com/office/drawing/2014/main" id="{8A3554E8-2558-2752-5E92-217D379F832D}"/>
              </a:ext>
            </a:extLst>
          </p:cNvPr>
          <p:cNvSpPr txBox="1"/>
          <p:nvPr/>
        </p:nvSpPr>
        <p:spPr>
          <a:xfrm>
            <a:off x="3734582" y="3546353"/>
            <a:ext cx="6073846" cy="2893100"/>
          </a:xfrm>
          <a:prstGeom prst="rect">
            <a:avLst/>
          </a:prstGeom>
          <a:noFill/>
          <a:ln>
            <a:solidFill>
              <a:schemeClr val="tx1"/>
            </a:solidFill>
          </a:ln>
        </p:spPr>
        <p:txBody>
          <a:bodyPr wrap="square">
            <a:spAutoFit/>
          </a:bodyPr>
          <a:lstStyle/>
          <a:p>
            <a:r>
              <a:rPr lang="ja-JP" altLang="en-US" sz="1400" dirty="0">
                <a:latin typeface="Meiryo UI" panose="020B0604030504040204" pitchFamily="50" charset="-128"/>
                <a:ea typeface="Meiryo UI" panose="020B0604030504040204" pitchFamily="50" charset="-128"/>
              </a:rPr>
              <a:t>業務打合せ書</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メタンガスの滞留する恐れがある施設の換気運転について」</a:t>
            </a:r>
          </a:p>
          <a:p>
            <a:endParaRPr lang="ja-JP" altLang="en-US" sz="1400" dirty="0">
              <a:latin typeface="ＭＳ 明朝" panose="02020609040205080304" pitchFamily="17" charset="-128"/>
              <a:ea typeface="ＭＳ 明朝" panose="02020609040205080304" pitchFamily="17" charset="-128"/>
              <a:cs typeface="Times New Roman" panose="02020603050405020304" pitchFamily="18" charset="0"/>
            </a:endParaRP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　長堀抽水所雨水滞水池における爆発事故を受け、</a:t>
            </a:r>
            <a:r>
              <a:rPr lang="ja-JP" altLang="en-US" sz="1400" b="1" dirty="0">
                <a:solidFill>
                  <a:srgbClr val="FF0000"/>
                </a:solidFill>
                <a:latin typeface="ＭＳ 明朝" panose="02020609040205080304" pitchFamily="17" charset="-128"/>
                <a:ea typeface="ＭＳ 明朝" panose="02020609040205080304" pitchFamily="17" charset="-128"/>
                <a:cs typeface="Times New Roman" panose="02020603050405020304" pitchFamily="18" charset="0"/>
              </a:rPr>
              <a:t>メタンガスの滞留する恐れがある施設の換気については、別紙の運転を基本とします。</a:t>
            </a: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　本包括で受託している施設の換気設備については、各方面設備課と協議の上、速やかに運転変更をお願いします。運転変更を行った場合、誤って変更を戻さないよう、それぞれの機場にあった形状のスイッチカバー等の設置もお願いします。（スイッチカバー等が設置されるまでは、テープ等の仮設による養生をお願いします。）なお、これによる動力費（電力料金）の上昇リスクは、市の分担とします。</a:t>
            </a: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既に別紙以上の運転が実施されている施設は、今回、運転変更の必要はありません。）</a:t>
            </a:r>
          </a:p>
        </p:txBody>
      </p:sp>
      <p:sp>
        <p:nvSpPr>
          <p:cNvPr id="863" name="テキスト ボックス 862">
            <a:extLst>
              <a:ext uri="{FF2B5EF4-FFF2-40B4-BE49-F238E27FC236}">
                <a16:creationId xmlns:a16="http://schemas.microsoft.com/office/drawing/2014/main" id="{2C4669D2-6B22-ABCB-251B-9D6AC86E8043}"/>
              </a:ext>
            </a:extLst>
          </p:cNvPr>
          <p:cNvSpPr txBox="1"/>
          <p:nvPr/>
        </p:nvSpPr>
        <p:spPr>
          <a:xfrm>
            <a:off x="3734582" y="768502"/>
            <a:ext cx="6073846" cy="2677656"/>
          </a:xfrm>
          <a:prstGeom prst="rect">
            <a:avLst/>
          </a:prstGeom>
          <a:noFill/>
          <a:ln>
            <a:solidFill>
              <a:schemeClr val="tx1"/>
            </a:solidFill>
          </a:ln>
        </p:spPr>
        <p:txBody>
          <a:bodyPr wrap="square">
            <a:spAutoFit/>
          </a:bodyPr>
          <a:lstStyle/>
          <a:p>
            <a:r>
              <a:rPr lang="ja-JP" altLang="en-US" sz="1400" dirty="0">
                <a:latin typeface="Meiryo UI" panose="020B0604030504040204" pitchFamily="50" charset="-128"/>
                <a:ea typeface="Meiryo UI" panose="020B0604030504040204" pitchFamily="50" charset="-128"/>
              </a:rPr>
              <a:t>業務打合せ書</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長堀抽水所雨水滞水池爆発事故の事故調査報告書の共有について」</a:t>
            </a:r>
          </a:p>
          <a:p>
            <a:endParaRPr lang="ja-JP" altLang="en-US" sz="1400" dirty="0">
              <a:latin typeface="ＭＳ 明朝" panose="02020609040205080304" pitchFamily="17" charset="-128"/>
              <a:ea typeface="ＭＳ 明朝" panose="02020609040205080304" pitchFamily="17" charset="-128"/>
              <a:cs typeface="Times New Roman" panose="02020603050405020304" pitchFamily="18" charset="0"/>
            </a:endParaRP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昨年の長堀抽水所雨水滞水池爆発事故の事故調査報告書が完成しましたので、報告書の内容について共有いたします。</a:t>
            </a:r>
          </a:p>
          <a:p>
            <a:r>
              <a:rPr lang="en-US" altLang="ja-JP" sz="1400" dirty="0">
                <a:latin typeface="ＭＳ 明朝" panose="02020609040205080304" pitchFamily="17" charset="-128"/>
                <a:ea typeface="ＭＳ 明朝" panose="02020609040205080304" pitchFamily="17" charset="-128"/>
                <a:cs typeface="Times New Roman" panose="02020603050405020304" pitchFamily="18" charset="0"/>
              </a:rPr>
              <a:t>https://www.city.osaka.lg.jp/kensetsu/page/0000635889.html</a:t>
            </a: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上記調査報告書に記載のメタンガスについて、社内展開及び注意喚起をお願い致します。</a:t>
            </a: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具体的には、下水処理場及び抽水所において次の事項の検討願います。</a:t>
            </a: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１．</a:t>
            </a:r>
            <a:r>
              <a:rPr lang="ja-JP" altLang="en-US" sz="1400" b="1" dirty="0">
                <a:solidFill>
                  <a:srgbClr val="FF0000"/>
                </a:solidFill>
                <a:latin typeface="ＭＳ 明朝" panose="02020609040205080304" pitchFamily="17" charset="-128"/>
                <a:ea typeface="ＭＳ 明朝" panose="02020609040205080304" pitchFamily="17" charset="-128"/>
                <a:cs typeface="Times New Roman" panose="02020603050405020304" pitchFamily="18" charset="0"/>
              </a:rPr>
              <a:t>メタンガス発生が想定される施設（条件）でのガス濃度測定の実施</a:t>
            </a: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２．</a:t>
            </a:r>
            <a:r>
              <a:rPr lang="ja-JP" altLang="en-US" sz="1400" b="1" dirty="0">
                <a:solidFill>
                  <a:srgbClr val="FF0000"/>
                </a:solidFill>
                <a:latin typeface="ＭＳ 明朝" panose="02020609040205080304" pitchFamily="17" charset="-128"/>
                <a:ea typeface="ＭＳ 明朝" panose="02020609040205080304" pitchFamily="17" charset="-128"/>
                <a:cs typeface="Times New Roman" panose="02020603050405020304" pitchFamily="18" charset="0"/>
              </a:rPr>
              <a:t>メタンガス発生が想定される施設（条件）に注意喚起看板の設置</a:t>
            </a:r>
          </a:p>
          <a:p>
            <a:r>
              <a:rPr lang="ja-JP" altLang="en-US" sz="1400" dirty="0">
                <a:latin typeface="ＭＳ 明朝" panose="02020609040205080304" pitchFamily="17" charset="-128"/>
                <a:ea typeface="ＭＳ 明朝" panose="02020609040205080304" pitchFamily="17" charset="-128"/>
                <a:cs typeface="Times New Roman" panose="02020603050405020304" pitchFamily="18" charset="0"/>
              </a:rPr>
              <a:t>３．上記に対する社内教育の実施</a:t>
            </a:r>
          </a:p>
        </p:txBody>
      </p:sp>
    </p:spTree>
    <p:extLst>
      <p:ext uri="{BB962C8B-B14F-4D97-AF65-F5344CB8AC3E}">
        <p14:creationId xmlns:p14="http://schemas.microsoft.com/office/powerpoint/2010/main" val="1606534984"/>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6">
            <a:extLst>
              <a:ext uri="{FF2B5EF4-FFF2-40B4-BE49-F238E27FC236}">
                <a16:creationId xmlns:a16="http://schemas.microsoft.com/office/drawing/2014/main" id="{F0869689-5547-FBE2-71C3-73B27D12E99F}"/>
              </a:ext>
            </a:extLst>
          </p:cNvPr>
          <p:cNvSpPr>
            <a:spLocks noGrp="1"/>
          </p:cNvSpPr>
          <p:nvPr>
            <p:ph type="sldNum" sz="quarter" idx="12"/>
          </p:nvPr>
        </p:nvSpPr>
        <p:spPr>
          <a:xfrm>
            <a:off x="7848600" y="6499191"/>
            <a:ext cx="2057400" cy="337038"/>
          </a:xfrm>
        </p:spPr>
        <p:txBody>
          <a:bodyPr/>
          <a:lstStyle/>
          <a:p>
            <a:pPr defTabSz="422041"/>
            <a:fld id="{36EC18DB-A5DF-4E0E-B815-FCD04A2C4B2C}" type="slidenum">
              <a:rPr lang="ja-JP" altLang="en-US">
                <a:solidFill>
                  <a:prstClr val="black"/>
                </a:solidFill>
                <a:latin typeface="Segoe UI"/>
                <a:ea typeface="Meiryo UI"/>
              </a:rPr>
              <a:pPr defTabSz="422041"/>
              <a:t>65</a:t>
            </a:fld>
            <a:endParaRPr lang="ja-JP" altLang="en-US" dirty="0">
              <a:solidFill>
                <a:prstClr val="black"/>
              </a:solidFill>
              <a:latin typeface="Segoe UI"/>
              <a:ea typeface="Meiryo UI"/>
            </a:endParaRPr>
          </a:p>
        </p:txBody>
      </p:sp>
      <p:sp>
        <p:nvSpPr>
          <p:cNvPr id="9" name="正方形/長方形 8">
            <a:extLst>
              <a:ext uri="{FF2B5EF4-FFF2-40B4-BE49-F238E27FC236}">
                <a16:creationId xmlns:a16="http://schemas.microsoft.com/office/drawing/2014/main" id="{F0572310-F4A8-4893-D4EB-61ABA82EFC7E}"/>
              </a:ext>
            </a:extLst>
          </p:cNvPr>
          <p:cNvSpPr/>
          <p:nvPr/>
        </p:nvSpPr>
        <p:spPr>
          <a:xfrm>
            <a:off x="381000" y="2865130"/>
            <a:ext cx="9144000" cy="43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4000" b="1" dirty="0">
                <a:solidFill>
                  <a:schemeClr val="tx1"/>
                </a:solidFill>
                <a:latin typeface="Meiryo UI" panose="020B0604030504040204" pitchFamily="50" charset="-128"/>
                <a:ea typeface="Meiryo UI" panose="020B0604030504040204" pitchFamily="50" charset="-128"/>
              </a:rPr>
              <a:t>別添資料</a:t>
            </a:r>
            <a:endParaRPr kumimoji="1" lang="en-US" altLang="ja-JP" sz="4000" b="1" dirty="0">
              <a:solidFill>
                <a:schemeClr val="tx1"/>
              </a:solidFill>
              <a:latin typeface="Meiryo UI" panose="020B0604030504040204" pitchFamily="50" charset="-128"/>
              <a:ea typeface="Meiryo UI" panose="020B0604030504040204" pitchFamily="50" charset="-128"/>
            </a:endParaRPr>
          </a:p>
          <a:p>
            <a:pPr algn="ctr"/>
            <a:r>
              <a:rPr kumimoji="1" lang="ja-JP" altLang="en-US" sz="4000" b="1" dirty="0">
                <a:solidFill>
                  <a:schemeClr val="tx1"/>
                </a:solidFill>
                <a:latin typeface="Meiryo UI" panose="020B0604030504040204" pitchFamily="50" charset="-128"/>
                <a:ea typeface="Meiryo UI" panose="020B0604030504040204" pitchFamily="50" charset="-128"/>
              </a:rPr>
              <a:t>（モニタリングチェックシート）</a:t>
            </a:r>
          </a:p>
        </p:txBody>
      </p:sp>
    </p:spTree>
    <p:extLst>
      <p:ext uri="{BB962C8B-B14F-4D97-AF65-F5344CB8AC3E}">
        <p14:creationId xmlns:p14="http://schemas.microsoft.com/office/powerpoint/2010/main" val="2838849720"/>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2"/>
          </p:nvPr>
        </p:nvSpPr>
        <p:spPr/>
        <p:txBody>
          <a:bodyPr/>
          <a:lstStyle/>
          <a:p>
            <a:fld id="{36EC18DB-A5DF-4E0E-B815-FCD04A2C4B2C}" type="slidenum">
              <a:rPr kumimoji="1" lang="ja-JP" altLang="en-US" smtClean="0"/>
              <a:t>66</a:t>
            </a:fld>
            <a:endParaRPr kumimoji="1" lang="ja-JP" altLang="en-US"/>
          </a:p>
        </p:txBody>
      </p:sp>
      <p:sp>
        <p:nvSpPr>
          <p:cNvPr id="8" name="角丸四角形 7"/>
          <p:cNvSpPr/>
          <p:nvPr/>
        </p:nvSpPr>
        <p:spPr>
          <a:xfrm>
            <a:off x="43032" y="89219"/>
            <a:ext cx="59214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モニタリング実施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6"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5212080" y="673475"/>
            <a:ext cx="4375009" cy="1138585"/>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200" u="sng" dirty="0">
                <a:solidFill>
                  <a:schemeClr val="bg1"/>
                </a:solidFill>
                <a:latin typeface="HGP創英角ｺﾞｼｯｸUB" panose="020B0900000000000000" pitchFamily="50" charset="-128"/>
                <a:ea typeface="HGP創英角ｺﾞｼｯｸUB" panose="020B0900000000000000" pitchFamily="50" charset="-128"/>
              </a:rPr>
              <a:t>モニタリング結果凡例</a:t>
            </a:r>
            <a:endParaRPr lang="en-US" altLang="ja-JP" sz="1200" u="sng"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〇　：　問題なし　　　　　　　　　　△　：　問題ないが改善可能</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en-US" altLang="ja-JP" sz="12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　：　業務履行に問題あり　　</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黒字：書類整理改善　　　</a:t>
            </a:r>
            <a:r>
              <a:rPr lang="ja-JP" altLang="en-US" sz="1200" dirty="0">
                <a:solidFill>
                  <a:srgbClr val="FF0000"/>
                </a:solidFill>
                <a:latin typeface="HGP創英角ｺﾞｼｯｸUB" panose="020B0900000000000000" pitchFamily="50" charset="-128"/>
                <a:ea typeface="HGP創英角ｺﾞｼｯｸUB" panose="020B0900000000000000" pitchFamily="50" charset="-128"/>
              </a:rPr>
              <a:t>赤字：現場調査改善</a:t>
            </a:r>
          </a:p>
        </p:txBody>
      </p:sp>
      <p:sp>
        <p:nvSpPr>
          <p:cNvPr id="7"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06681" y="793838"/>
            <a:ext cx="4983479" cy="101822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業務モニタリング確認４０項目（管路施設）</a:t>
            </a:r>
            <a:endParaRPr lang="en-US" altLang="ja-JP" sz="195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a:t>
            </a:r>
            <a:r>
              <a:rPr lang="en-US" altLang="ja-JP" sz="16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600" dirty="0">
                <a:solidFill>
                  <a:schemeClr val="bg1"/>
                </a:solidFill>
                <a:latin typeface="HGP創英角ｺﾞｼｯｸUB" panose="020B0900000000000000" pitchFamily="50" charset="-128"/>
                <a:ea typeface="HGP創英角ｺﾞｼｯｸUB" panose="020B0900000000000000" pitchFamily="50" charset="-128"/>
              </a:rPr>
              <a:t>モニタリングマニュアルチェックシートによる確認</a:t>
            </a:r>
          </a:p>
        </p:txBody>
      </p:sp>
      <p:pic>
        <p:nvPicPr>
          <p:cNvPr id="3" name="図 2">
            <a:extLst>
              <a:ext uri="{FF2B5EF4-FFF2-40B4-BE49-F238E27FC236}">
                <a16:creationId xmlns:a16="http://schemas.microsoft.com/office/drawing/2014/main" id="{A01C7172-4730-879D-692C-4667BC75FE44}"/>
              </a:ext>
            </a:extLst>
          </p:cNvPr>
          <p:cNvPicPr>
            <a:picLocks noChangeAspect="1"/>
          </p:cNvPicPr>
          <p:nvPr/>
        </p:nvPicPr>
        <p:blipFill>
          <a:blip r:embed="rId3"/>
          <a:stretch>
            <a:fillRect/>
          </a:stretch>
        </p:blipFill>
        <p:spPr>
          <a:xfrm>
            <a:off x="106681" y="1855499"/>
            <a:ext cx="9480408" cy="4409492"/>
          </a:xfrm>
          <a:prstGeom prst="rect">
            <a:avLst/>
          </a:prstGeom>
        </p:spPr>
      </p:pic>
    </p:spTree>
    <p:extLst>
      <p:ext uri="{BB962C8B-B14F-4D97-AF65-F5344CB8AC3E}">
        <p14:creationId xmlns:p14="http://schemas.microsoft.com/office/powerpoint/2010/main" val="591751256"/>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2"/>
          </p:nvPr>
        </p:nvSpPr>
        <p:spPr/>
        <p:txBody>
          <a:bodyPr/>
          <a:lstStyle/>
          <a:p>
            <a:fld id="{36EC18DB-A5DF-4E0E-B815-FCD04A2C4B2C}" type="slidenum">
              <a:rPr kumimoji="1" lang="ja-JP" altLang="en-US" smtClean="0"/>
              <a:t>67</a:t>
            </a:fld>
            <a:endParaRPr kumimoji="1" lang="ja-JP" altLang="en-US"/>
          </a:p>
        </p:txBody>
      </p:sp>
      <p:sp>
        <p:nvSpPr>
          <p:cNvPr id="7"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5342322" y="668253"/>
            <a:ext cx="4375009" cy="1138585"/>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200" u="sng" dirty="0">
                <a:solidFill>
                  <a:schemeClr val="bg1"/>
                </a:solidFill>
                <a:latin typeface="HGP創英角ｺﾞｼｯｸUB" panose="020B0900000000000000" pitchFamily="50" charset="-128"/>
                <a:ea typeface="HGP創英角ｺﾞｼｯｸUB" panose="020B0900000000000000" pitchFamily="50" charset="-128"/>
              </a:rPr>
              <a:t>モニタリング結果凡例</a:t>
            </a:r>
            <a:endParaRPr lang="en-US" altLang="ja-JP" sz="1200" u="sng"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〇　：　問題なし　　　　　　　　　　△　：　問題ないが改善可能</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en-US" altLang="ja-JP" sz="12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　：　業務履行に問題あり　　</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黒字：書類整理改善　　　</a:t>
            </a:r>
            <a:r>
              <a:rPr lang="ja-JP" altLang="en-US" sz="1200" dirty="0">
                <a:solidFill>
                  <a:srgbClr val="FF0000"/>
                </a:solidFill>
                <a:latin typeface="HGP創英角ｺﾞｼｯｸUB" panose="020B0900000000000000" pitchFamily="50" charset="-128"/>
                <a:ea typeface="HGP創英角ｺﾞｼｯｸUB" panose="020B0900000000000000" pitchFamily="50" charset="-128"/>
              </a:rPr>
              <a:t>赤字：現場調査改善</a:t>
            </a:r>
          </a:p>
        </p:txBody>
      </p:sp>
      <p:sp>
        <p:nvSpPr>
          <p:cNvPr id="10"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91588" y="788616"/>
            <a:ext cx="4983479" cy="101822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業務モニタリング確認４２項目（管路施設）</a:t>
            </a:r>
            <a:endParaRPr lang="en-US" altLang="ja-JP" sz="195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a:t>
            </a:r>
            <a:r>
              <a:rPr lang="en-US" altLang="ja-JP" sz="16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600" dirty="0">
                <a:solidFill>
                  <a:schemeClr val="bg1"/>
                </a:solidFill>
                <a:latin typeface="HGP創英角ｺﾞｼｯｸUB" panose="020B0900000000000000" pitchFamily="50" charset="-128"/>
                <a:ea typeface="HGP創英角ｺﾞｼｯｸUB" panose="020B0900000000000000" pitchFamily="50" charset="-128"/>
              </a:rPr>
              <a:t>モニタリングマニュアルチェックシートによる確認</a:t>
            </a:r>
          </a:p>
        </p:txBody>
      </p:sp>
      <p:sp>
        <p:nvSpPr>
          <p:cNvPr id="2" name="角丸四角形 7">
            <a:extLst>
              <a:ext uri="{FF2B5EF4-FFF2-40B4-BE49-F238E27FC236}">
                <a16:creationId xmlns:a16="http://schemas.microsoft.com/office/drawing/2014/main" id="{9F4A039B-DEB5-BF7C-FC73-3363BD506CE9}"/>
              </a:ext>
            </a:extLst>
          </p:cNvPr>
          <p:cNvSpPr/>
          <p:nvPr/>
        </p:nvSpPr>
        <p:spPr>
          <a:xfrm>
            <a:off x="43032" y="89219"/>
            <a:ext cx="59214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モニタリング実施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pic>
        <p:nvPicPr>
          <p:cNvPr id="3" name="図 2">
            <a:extLst>
              <a:ext uri="{FF2B5EF4-FFF2-40B4-BE49-F238E27FC236}">
                <a16:creationId xmlns:a16="http://schemas.microsoft.com/office/drawing/2014/main" id="{53F8F7A6-A254-5985-364F-258BB49DBE08}"/>
              </a:ext>
            </a:extLst>
          </p:cNvPr>
          <p:cNvPicPr>
            <a:picLocks noChangeAspect="1"/>
          </p:cNvPicPr>
          <p:nvPr/>
        </p:nvPicPr>
        <p:blipFill>
          <a:blip r:embed="rId3"/>
          <a:stretch>
            <a:fillRect/>
          </a:stretch>
        </p:blipFill>
        <p:spPr>
          <a:xfrm>
            <a:off x="191588" y="1908721"/>
            <a:ext cx="9525743" cy="3936398"/>
          </a:xfrm>
          <a:prstGeom prst="rect">
            <a:avLst/>
          </a:prstGeom>
        </p:spPr>
      </p:pic>
    </p:spTree>
    <p:extLst>
      <p:ext uri="{BB962C8B-B14F-4D97-AF65-F5344CB8AC3E}">
        <p14:creationId xmlns:p14="http://schemas.microsoft.com/office/powerpoint/2010/main" val="2612454200"/>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2"/>
          </p:nvPr>
        </p:nvSpPr>
        <p:spPr/>
        <p:txBody>
          <a:bodyPr/>
          <a:lstStyle/>
          <a:p>
            <a:fld id="{36EC18DB-A5DF-4E0E-B815-FCD04A2C4B2C}" type="slidenum">
              <a:rPr kumimoji="1" lang="ja-JP" altLang="en-US" smtClean="0"/>
              <a:t>68</a:t>
            </a:fld>
            <a:endParaRPr kumimoji="1" lang="ja-JP" altLang="en-US"/>
          </a:p>
        </p:txBody>
      </p:sp>
      <p:sp>
        <p:nvSpPr>
          <p:cNvPr id="9"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91588" y="763301"/>
            <a:ext cx="4983479" cy="101822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業務モニタリング確認４２項目（管路施設）</a:t>
            </a:r>
            <a:endParaRPr lang="en-US" altLang="ja-JP" sz="195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a:t>
            </a:r>
            <a:r>
              <a:rPr lang="en-US" altLang="ja-JP" sz="16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600" dirty="0">
                <a:solidFill>
                  <a:schemeClr val="bg1"/>
                </a:solidFill>
                <a:latin typeface="HGP創英角ｺﾞｼｯｸUB" panose="020B0900000000000000" pitchFamily="50" charset="-128"/>
                <a:ea typeface="HGP創英角ｺﾞｼｯｸUB" panose="020B0900000000000000" pitchFamily="50" charset="-128"/>
              </a:rPr>
              <a:t>モニタリングマニュアルチェックシートによる確認</a:t>
            </a:r>
          </a:p>
        </p:txBody>
      </p:sp>
      <p:sp>
        <p:nvSpPr>
          <p:cNvPr id="7"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5299569" y="642938"/>
            <a:ext cx="4375009" cy="1138585"/>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200" u="sng" dirty="0">
                <a:solidFill>
                  <a:schemeClr val="bg1"/>
                </a:solidFill>
                <a:latin typeface="HGP創英角ｺﾞｼｯｸUB" panose="020B0900000000000000" pitchFamily="50" charset="-128"/>
                <a:ea typeface="HGP創英角ｺﾞｼｯｸUB" panose="020B0900000000000000" pitchFamily="50" charset="-128"/>
              </a:rPr>
              <a:t>モニタリング結果凡例</a:t>
            </a:r>
            <a:endParaRPr lang="en-US" altLang="ja-JP" sz="1200" u="sng"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〇　：　問題なし　　　　　　　　　　△　：　問題ないが改善可能</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en-US" altLang="ja-JP" sz="12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　：　業務履行に問題あり　　</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黒字：書類整理改善　　　</a:t>
            </a:r>
            <a:r>
              <a:rPr lang="ja-JP" altLang="en-US" sz="1200" dirty="0">
                <a:solidFill>
                  <a:srgbClr val="FF0000"/>
                </a:solidFill>
                <a:latin typeface="HGP創英角ｺﾞｼｯｸUB" panose="020B0900000000000000" pitchFamily="50" charset="-128"/>
                <a:ea typeface="HGP創英角ｺﾞｼｯｸUB" panose="020B0900000000000000" pitchFamily="50" charset="-128"/>
              </a:rPr>
              <a:t>赤字：現場調査改善</a:t>
            </a:r>
          </a:p>
        </p:txBody>
      </p:sp>
      <p:sp>
        <p:nvSpPr>
          <p:cNvPr id="3" name="角丸四角形 7">
            <a:extLst>
              <a:ext uri="{FF2B5EF4-FFF2-40B4-BE49-F238E27FC236}">
                <a16:creationId xmlns:a16="http://schemas.microsoft.com/office/drawing/2014/main" id="{52374122-7ECD-845B-33A9-E0754ED13972}"/>
              </a:ext>
            </a:extLst>
          </p:cNvPr>
          <p:cNvSpPr/>
          <p:nvPr/>
        </p:nvSpPr>
        <p:spPr>
          <a:xfrm>
            <a:off x="43032" y="89219"/>
            <a:ext cx="59214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モニタリング実施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pic>
        <p:nvPicPr>
          <p:cNvPr id="8" name="図 7">
            <a:extLst>
              <a:ext uri="{FF2B5EF4-FFF2-40B4-BE49-F238E27FC236}">
                <a16:creationId xmlns:a16="http://schemas.microsoft.com/office/drawing/2014/main" id="{893450ED-AA94-C815-068D-49870D36098E}"/>
              </a:ext>
            </a:extLst>
          </p:cNvPr>
          <p:cNvPicPr>
            <a:picLocks noChangeAspect="1"/>
          </p:cNvPicPr>
          <p:nvPr/>
        </p:nvPicPr>
        <p:blipFill>
          <a:blip r:embed="rId3"/>
          <a:stretch>
            <a:fillRect/>
          </a:stretch>
        </p:blipFill>
        <p:spPr>
          <a:xfrm>
            <a:off x="191588" y="2000819"/>
            <a:ext cx="9482990" cy="2799093"/>
          </a:xfrm>
          <a:prstGeom prst="rect">
            <a:avLst/>
          </a:prstGeom>
        </p:spPr>
      </p:pic>
    </p:spTree>
    <p:extLst>
      <p:ext uri="{BB962C8B-B14F-4D97-AF65-F5344CB8AC3E}">
        <p14:creationId xmlns:p14="http://schemas.microsoft.com/office/powerpoint/2010/main" val="2848352146"/>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57B5D533-1392-FDA2-494B-F7ABB8BB2E48}"/>
              </a:ext>
            </a:extLst>
          </p:cNvPr>
          <p:cNvSpPr>
            <a:spLocks noGrp="1"/>
          </p:cNvSpPr>
          <p:nvPr>
            <p:ph type="sldNum" sz="quarter" idx="12"/>
          </p:nvPr>
        </p:nvSpPr>
        <p:spPr/>
        <p:txBody>
          <a:bodyPr/>
          <a:lstStyle/>
          <a:p>
            <a:fld id="{36EC18DB-A5DF-4E0E-B815-FCD04A2C4B2C}" type="slidenum">
              <a:rPr kumimoji="1" lang="ja-JP" altLang="en-US" smtClean="0"/>
              <a:t>69</a:t>
            </a:fld>
            <a:endParaRPr kumimoji="1" lang="ja-JP" altLang="en-US"/>
          </a:p>
        </p:txBody>
      </p:sp>
      <p:sp>
        <p:nvSpPr>
          <p:cNvPr id="6" name="角丸四角形 7">
            <a:extLst>
              <a:ext uri="{FF2B5EF4-FFF2-40B4-BE49-F238E27FC236}">
                <a16:creationId xmlns:a16="http://schemas.microsoft.com/office/drawing/2014/main" id="{CCD6917B-BCFE-F1FC-047C-6272471D49A5}"/>
              </a:ext>
            </a:extLst>
          </p:cNvPr>
          <p:cNvSpPr/>
          <p:nvPr/>
        </p:nvSpPr>
        <p:spPr>
          <a:xfrm>
            <a:off x="43032" y="89219"/>
            <a:ext cx="59214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モニタリング実施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7" name="Text Box 64">
            <a:extLst>
              <a:ext uri="{FF2B5EF4-FFF2-40B4-BE49-F238E27FC236}">
                <a16:creationId xmlns:a16="http://schemas.microsoft.com/office/drawing/2014/main" id="{7302C939-892D-E297-E945-95797C233CB9}"/>
              </a:ext>
            </a:extLst>
          </p:cNvPr>
          <p:cNvSpPr txBox="1">
            <a:spLocks noChangeArrowheads="1"/>
          </p:cNvSpPr>
          <p:nvPr/>
        </p:nvSpPr>
        <p:spPr bwMode="auto">
          <a:xfrm>
            <a:off x="191587" y="622195"/>
            <a:ext cx="5262221" cy="1035135"/>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業務モニタリング確認</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11</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項目</a:t>
            </a:r>
            <a:endParaRPr lang="en-US" altLang="ja-JP" sz="195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取付管・</a:t>
            </a:r>
            <a:r>
              <a:rPr lang="en-US" altLang="ja-JP" sz="1950" dirty="0">
                <a:solidFill>
                  <a:schemeClr val="bg1"/>
                </a:solidFill>
                <a:latin typeface="HGP創英角ｺﾞｼｯｸUB" panose="020B0900000000000000" pitchFamily="50" charset="-128"/>
                <a:ea typeface="HGP創英角ｺﾞｼｯｸUB" panose="020B0900000000000000" pitchFamily="50" charset="-128"/>
              </a:rPr>
              <a:t>MH</a:t>
            </a: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蓋改築更新、舗装積残し）</a:t>
            </a:r>
            <a:endParaRPr lang="en-US" altLang="ja-JP" sz="195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a:t>
            </a:r>
            <a:r>
              <a:rPr lang="en-US" altLang="ja-JP" sz="16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600" dirty="0">
                <a:solidFill>
                  <a:schemeClr val="bg1"/>
                </a:solidFill>
                <a:latin typeface="HGP創英角ｺﾞｼｯｸUB" panose="020B0900000000000000" pitchFamily="50" charset="-128"/>
                <a:ea typeface="HGP創英角ｺﾞｼｯｸUB" panose="020B0900000000000000" pitchFamily="50" charset="-128"/>
              </a:rPr>
              <a:t>モニタリングマニュアルチェックシートによる確認</a:t>
            </a:r>
          </a:p>
        </p:txBody>
      </p:sp>
      <p:sp>
        <p:nvSpPr>
          <p:cNvPr id="14" name="Text Box 64">
            <a:extLst>
              <a:ext uri="{FF2B5EF4-FFF2-40B4-BE49-F238E27FC236}">
                <a16:creationId xmlns:a16="http://schemas.microsoft.com/office/drawing/2014/main" id="{50A8B34E-F5D7-6FEB-BF20-B1F5CA7F71F9}"/>
              </a:ext>
            </a:extLst>
          </p:cNvPr>
          <p:cNvSpPr txBox="1">
            <a:spLocks noChangeArrowheads="1"/>
          </p:cNvSpPr>
          <p:nvPr/>
        </p:nvSpPr>
        <p:spPr bwMode="auto">
          <a:xfrm>
            <a:off x="5515429" y="622195"/>
            <a:ext cx="4132942" cy="1001084"/>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200" u="sng" dirty="0">
                <a:solidFill>
                  <a:schemeClr val="bg1"/>
                </a:solidFill>
                <a:latin typeface="HGP創英角ｺﾞｼｯｸUB" panose="020B0900000000000000" pitchFamily="50" charset="-128"/>
                <a:ea typeface="HGP創英角ｺﾞｼｯｸUB" panose="020B0900000000000000" pitchFamily="50" charset="-128"/>
              </a:rPr>
              <a:t>モニタリング結果凡例</a:t>
            </a:r>
            <a:endParaRPr lang="en-US" altLang="ja-JP" sz="1200" u="sng"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〇　：　問題なし　　　　　　　　　　△　：　問題ないが改善可能</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en-US" altLang="ja-JP" sz="12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　：　業務履行に問題あり　　</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p:txBody>
      </p:sp>
      <p:pic>
        <p:nvPicPr>
          <p:cNvPr id="3" name="図 2">
            <a:extLst>
              <a:ext uri="{FF2B5EF4-FFF2-40B4-BE49-F238E27FC236}">
                <a16:creationId xmlns:a16="http://schemas.microsoft.com/office/drawing/2014/main" id="{A96DD431-4A4F-EE80-54A5-ADE76CAEFF33}"/>
              </a:ext>
            </a:extLst>
          </p:cNvPr>
          <p:cNvPicPr>
            <a:picLocks noChangeAspect="1"/>
          </p:cNvPicPr>
          <p:nvPr/>
        </p:nvPicPr>
        <p:blipFill>
          <a:blip r:embed="rId3"/>
          <a:stretch>
            <a:fillRect/>
          </a:stretch>
        </p:blipFill>
        <p:spPr>
          <a:xfrm>
            <a:off x="191587" y="1781653"/>
            <a:ext cx="9216182" cy="4861219"/>
          </a:xfrm>
          <a:prstGeom prst="rect">
            <a:avLst/>
          </a:prstGeom>
        </p:spPr>
      </p:pic>
    </p:spTree>
    <p:extLst>
      <p:ext uri="{BB962C8B-B14F-4D97-AF65-F5344CB8AC3E}">
        <p14:creationId xmlns:p14="http://schemas.microsoft.com/office/powerpoint/2010/main" val="252904130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6EC18DB-A5DF-4E0E-B815-FCD04A2C4B2C}" type="slidenum">
              <a:rPr kumimoji="1" lang="ja-JP" altLang="en-US" sz="1600" b="0" i="0" u="none" strike="noStrike" kern="1200" cap="none" spc="0" normalizeH="0" baseline="0" noProof="0" smtClean="0">
                <a:ln>
                  <a:noFill/>
                </a:ln>
                <a:solidFill>
                  <a:prstClr val="black"/>
                </a:solidFill>
                <a:effectLst/>
                <a:uLnTx/>
                <a:uFillTx/>
                <a:latin typeface="Segoe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a:t>
            </a:fld>
            <a:endParaRPr kumimoji="1" lang="ja-JP" altLang="en-US" sz="1600" b="0" i="0" u="none" strike="noStrike" kern="1200" cap="none" spc="0" normalizeH="0" baseline="0" noProof="0" dirty="0">
              <a:ln>
                <a:noFill/>
              </a:ln>
              <a:solidFill>
                <a:prstClr val="black"/>
              </a:solidFill>
              <a:effectLst/>
              <a:uLnTx/>
              <a:uFillTx/>
              <a:latin typeface="Segoe UI"/>
              <a:ea typeface="Meiryo UI"/>
              <a:cs typeface="+mn-cs"/>
            </a:endParaRPr>
          </a:p>
        </p:txBody>
      </p:sp>
      <p:pic>
        <p:nvPicPr>
          <p:cNvPr id="1026" name="Picture 2" descr="イメージ"/>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853041" y="716400"/>
            <a:ext cx="3971350" cy="4347687"/>
          </a:xfrm>
          <a:prstGeom prst="rect">
            <a:avLst/>
          </a:prstGeom>
          <a:noFill/>
          <a:extLst>
            <a:ext uri="{909E8E84-426E-40DD-AFC4-6F175D3DCCD1}">
              <a14:hiddenFill xmlns:a14="http://schemas.microsoft.com/office/drawing/2010/main">
                <a:solidFill>
                  <a:srgbClr val="FFFFFF"/>
                </a:solidFill>
              </a14:hiddenFill>
            </a:ext>
          </a:extLst>
        </p:spPr>
      </p:pic>
      <p:grpSp>
        <p:nvGrpSpPr>
          <p:cNvPr id="97" name="グループ化 96"/>
          <p:cNvGrpSpPr/>
          <p:nvPr/>
        </p:nvGrpSpPr>
        <p:grpSpPr>
          <a:xfrm>
            <a:off x="212241" y="4391650"/>
            <a:ext cx="6815575" cy="2085375"/>
            <a:chOff x="525111" y="676634"/>
            <a:chExt cx="8915101" cy="2727771"/>
          </a:xfrm>
        </p:grpSpPr>
        <p:pic>
          <p:nvPicPr>
            <p:cNvPr id="98" name="図 9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567588" y="2459372"/>
              <a:ext cx="872624" cy="945033"/>
            </a:xfrm>
            <a:prstGeom prst="rect">
              <a:avLst/>
            </a:prstGeom>
          </p:spPr>
        </p:pic>
        <p:pic>
          <p:nvPicPr>
            <p:cNvPr id="99" name="図 9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433915" y="2152064"/>
              <a:ext cx="1148715" cy="880110"/>
            </a:xfrm>
            <a:prstGeom prst="rect">
              <a:avLst/>
            </a:prstGeom>
          </p:spPr>
        </p:pic>
        <p:pic>
          <p:nvPicPr>
            <p:cNvPr id="100" name="図 99"/>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494233" y="2268086"/>
              <a:ext cx="885825" cy="809625"/>
            </a:xfrm>
            <a:prstGeom prst="rect">
              <a:avLst/>
            </a:prstGeom>
          </p:spPr>
        </p:pic>
        <p:pic>
          <p:nvPicPr>
            <p:cNvPr id="101" name="図 100"/>
            <p:cNvPicPr>
              <a:picLocks noChangeAspect="1"/>
            </p:cNvPicPr>
            <p:nvPr/>
          </p:nvPicPr>
          <p:blipFill rotWithShape="1">
            <a:blip r:embed="rId7" cstate="print">
              <a:extLst>
                <a:ext uri="{28A0092B-C50C-407E-A947-70E740481C1C}">
                  <a14:useLocalDpi xmlns:a14="http://schemas.microsoft.com/office/drawing/2010/main" val="0"/>
                </a:ext>
              </a:extLst>
            </a:blip>
            <a:srcRect/>
            <a:stretch/>
          </p:blipFill>
          <p:spPr>
            <a:xfrm>
              <a:off x="525111" y="676634"/>
              <a:ext cx="4209315" cy="1295400"/>
            </a:xfrm>
            <a:prstGeom prst="rect">
              <a:avLst/>
            </a:prstGeom>
          </p:spPr>
        </p:pic>
        <p:sp>
          <p:nvSpPr>
            <p:cNvPr id="102" name="Line 591"/>
            <p:cNvSpPr>
              <a:spLocks noChangeShapeType="1"/>
            </p:cNvSpPr>
            <p:nvPr/>
          </p:nvSpPr>
          <p:spPr bwMode="gray">
            <a:xfrm>
              <a:off x="1175795" y="1908243"/>
              <a:ext cx="0" cy="687388"/>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03" name="Line 592"/>
            <p:cNvSpPr>
              <a:spLocks noChangeShapeType="1"/>
            </p:cNvSpPr>
            <p:nvPr/>
          </p:nvSpPr>
          <p:spPr bwMode="gray">
            <a:xfrm>
              <a:off x="1248027" y="1908250"/>
              <a:ext cx="0" cy="633413"/>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04" name="Line 593"/>
            <p:cNvSpPr>
              <a:spLocks noChangeAspect="1" noChangeShapeType="1"/>
            </p:cNvSpPr>
            <p:nvPr/>
          </p:nvSpPr>
          <p:spPr bwMode="gray">
            <a:xfrm rot="-4763704">
              <a:off x="1452351" y="2336670"/>
              <a:ext cx="33338" cy="459184"/>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05" name="Line 594"/>
            <p:cNvSpPr>
              <a:spLocks noChangeShapeType="1"/>
            </p:cNvSpPr>
            <p:nvPr/>
          </p:nvSpPr>
          <p:spPr bwMode="gray">
            <a:xfrm>
              <a:off x="1691733" y="1903481"/>
              <a:ext cx="0" cy="677862"/>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06" name="Line 595"/>
            <p:cNvSpPr>
              <a:spLocks noChangeShapeType="1"/>
            </p:cNvSpPr>
            <p:nvPr/>
          </p:nvSpPr>
          <p:spPr bwMode="gray">
            <a:xfrm>
              <a:off x="1765685" y="1903484"/>
              <a:ext cx="0" cy="693737"/>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07" name="AutoShape 645"/>
            <p:cNvSpPr>
              <a:spLocks noChangeArrowheads="1"/>
            </p:cNvSpPr>
            <p:nvPr/>
          </p:nvSpPr>
          <p:spPr bwMode="auto">
            <a:xfrm rot="334862">
              <a:off x="1620973" y="2742273"/>
              <a:ext cx="495300" cy="107950"/>
            </a:xfrm>
            <a:prstGeom prst="rightArrow">
              <a:avLst>
                <a:gd name="adj1" fmla="val 50000"/>
                <a:gd name="adj2" fmla="val 105882"/>
              </a:avLst>
            </a:prstGeom>
            <a:solidFill>
              <a:srgbClr val="C0C0C0"/>
            </a:solidFill>
            <a:ln w="9525">
              <a:solidFill>
                <a:srgbClr val="808080"/>
              </a:solidFill>
              <a:miter lim="800000"/>
              <a:headEnd/>
              <a:tailEnd/>
            </a:ln>
          </p:spPr>
          <p:txBody>
            <a:bodyPr wrap="none"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08" name="AutoShape 646"/>
            <p:cNvSpPr>
              <a:spLocks noChangeArrowheads="1"/>
            </p:cNvSpPr>
            <p:nvPr/>
          </p:nvSpPr>
          <p:spPr bwMode="auto">
            <a:xfrm rot="334862">
              <a:off x="1621577" y="2910701"/>
              <a:ext cx="495300" cy="107950"/>
            </a:xfrm>
            <a:prstGeom prst="rightArrow">
              <a:avLst>
                <a:gd name="adj1" fmla="val 50000"/>
                <a:gd name="adj2" fmla="val 105882"/>
              </a:avLst>
            </a:prstGeom>
            <a:solidFill>
              <a:srgbClr val="333333"/>
            </a:solidFill>
            <a:ln w="9525">
              <a:solidFill>
                <a:srgbClr val="333333"/>
              </a:solidFill>
              <a:miter lim="800000"/>
              <a:headEnd/>
              <a:tailEnd/>
            </a:ln>
          </p:spPr>
          <p:txBody>
            <a:bodyPr wrap="none"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09" name="Rectangle 648"/>
            <p:cNvSpPr>
              <a:spLocks noChangeArrowheads="1"/>
            </p:cNvSpPr>
            <p:nvPr/>
          </p:nvSpPr>
          <p:spPr bwMode="auto">
            <a:xfrm rot="360000">
              <a:off x="1253388" y="2683500"/>
              <a:ext cx="717347" cy="156290"/>
            </a:xfrm>
            <a:prstGeom prst="rect">
              <a:avLst/>
            </a:prstGeom>
            <a:noFill/>
            <a:ln w="9525">
              <a:noFill/>
              <a:miter lim="800000"/>
              <a:headEnd/>
              <a:tailEnd/>
            </a:ln>
          </p:spPr>
          <p:txBody>
            <a:bodyPr wrap="square" lIns="0" tIns="0" rIns="0" bIns="0">
              <a:spAutoFit/>
            </a:bodyPr>
            <a:lstStyle/>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1000" b="1"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雨水</a:t>
              </a:r>
            </a:p>
          </p:txBody>
        </p:sp>
        <p:sp>
          <p:nvSpPr>
            <p:cNvPr id="110" name="Rectangle 649"/>
            <p:cNvSpPr>
              <a:spLocks noChangeArrowheads="1"/>
            </p:cNvSpPr>
            <p:nvPr/>
          </p:nvSpPr>
          <p:spPr bwMode="auto">
            <a:xfrm rot="360000">
              <a:off x="1233665" y="2850481"/>
              <a:ext cx="737248" cy="153888"/>
            </a:xfrm>
            <a:prstGeom prst="rect">
              <a:avLst/>
            </a:prstGeom>
            <a:noFill/>
            <a:ln w="9525">
              <a:noFill/>
              <a:miter lim="800000"/>
              <a:headEnd/>
              <a:tailEnd/>
            </a:ln>
          </p:spPr>
          <p:txBody>
            <a:bodyPr wrap="square" lIns="0" tIns="0" rIns="0" bIns="0">
              <a:spAutoFit/>
            </a:bodyPr>
            <a:lstStyle/>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1000" b="1"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汚水</a:t>
              </a:r>
              <a:endParaRPr kumimoji="0" lang="ja-JP" altLang="en-US" sz="1000" b="0"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endParaRPr>
            </a:p>
          </p:txBody>
        </p:sp>
        <p:sp>
          <p:nvSpPr>
            <p:cNvPr id="111" name="AutoShape 650"/>
            <p:cNvSpPr>
              <a:spLocks noChangeArrowheads="1"/>
            </p:cNvSpPr>
            <p:nvPr/>
          </p:nvSpPr>
          <p:spPr bwMode="auto">
            <a:xfrm>
              <a:off x="1826096" y="2022519"/>
              <a:ext cx="147902" cy="381000"/>
            </a:xfrm>
            <a:prstGeom prst="downArrow">
              <a:avLst>
                <a:gd name="adj1" fmla="val 50000"/>
                <a:gd name="adj2" fmla="val 69767"/>
              </a:avLst>
            </a:prstGeom>
            <a:solidFill>
              <a:srgbClr val="C0C0C0"/>
            </a:solidFill>
            <a:ln w="9525">
              <a:solidFill>
                <a:srgbClr val="808080"/>
              </a:solidFill>
              <a:miter lim="800000"/>
              <a:headEnd/>
              <a:tailEnd/>
            </a:ln>
          </p:spPr>
          <p:txBody>
            <a:bodyPr wrap="none"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12" name="AutoShape 651"/>
            <p:cNvSpPr>
              <a:spLocks noChangeArrowheads="1"/>
            </p:cNvSpPr>
            <p:nvPr/>
          </p:nvSpPr>
          <p:spPr bwMode="auto">
            <a:xfrm>
              <a:off x="965886" y="2022519"/>
              <a:ext cx="147902" cy="381000"/>
            </a:xfrm>
            <a:prstGeom prst="downArrow">
              <a:avLst>
                <a:gd name="adj1" fmla="val 50000"/>
                <a:gd name="adj2" fmla="val 69767"/>
              </a:avLst>
            </a:prstGeom>
            <a:solidFill>
              <a:srgbClr val="333333"/>
            </a:solidFill>
            <a:ln w="9525">
              <a:solidFill>
                <a:srgbClr val="333333"/>
              </a:solidFill>
              <a:miter lim="800000"/>
              <a:headEnd/>
              <a:tailEnd/>
            </a:ln>
          </p:spPr>
          <p:txBody>
            <a:bodyPr wrap="none"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13" name="Line 652"/>
            <p:cNvSpPr>
              <a:spLocks noChangeAspect="1" noChangeShapeType="1"/>
            </p:cNvSpPr>
            <p:nvPr/>
          </p:nvSpPr>
          <p:spPr bwMode="gray">
            <a:xfrm rot="-4763704">
              <a:off x="1813772" y="1981205"/>
              <a:ext cx="101600" cy="1384433"/>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14" name="Line 653"/>
            <p:cNvSpPr>
              <a:spLocks noChangeAspect="1" noChangeShapeType="1"/>
            </p:cNvSpPr>
            <p:nvPr/>
          </p:nvSpPr>
          <p:spPr bwMode="gray">
            <a:xfrm rot="-4763704">
              <a:off x="2155222" y="2211524"/>
              <a:ext cx="61913" cy="865056"/>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15" name="Line 654"/>
            <p:cNvSpPr>
              <a:spLocks noChangeAspect="1" noChangeShapeType="1"/>
            </p:cNvSpPr>
            <p:nvPr/>
          </p:nvSpPr>
          <p:spPr bwMode="gray">
            <a:xfrm rot="-4763704">
              <a:off x="3310393" y="2530749"/>
              <a:ext cx="28575" cy="386953"/>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16" name="Line 655"/>
            <p:cNvSpPr>
              <a:spLocks noChangeAspect="1" noChangeShapeType="1"/>
            </p:cNvSpPr>
            <p:nvPr/>
          </p:nvSpPr>
          <p:spPr bwMode="gray">
            <a:xfrm rot="-4763704">
              <a:off x="3262238" y="2576786"/>
              <a:ext cx="28575" cy="386953"/>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grpSp>
          <p:nvGrpSpPr>
            <p:cNvPr id="117" name="Group 671"/>
            <p:cNvGrpSpPr>
              <a:grpSpLocks/>
            </p:cNvGrpSpPr>
            <p:nvPr/>
          </p:nvGrpSpPr>
          <p:grpSpPr bwMode="auto">
            <a:xfrm rot="-113120">
              <a:off x="4537096" y="2351206"/>
              <a:ext cx="4063387" cy="303212"/>
              <a:chOff x="2696" y="2601"/>
              <a:chExt cx="2125" cy="191"/>
            </a:xfrm>
          </p:grpSpPr>
          <p:sp>
            <p:nvSpPr>
              <p:cNvPr id="172" name="Line 672"/>
              <p:cNvSpPr>
                <a:spLocks noChangeAspect="1" noChangeShapeType="1"/>
              </p:cNvSpPr>
              <p:nvPr/>
            </p:nvSpPr>
            <p:spPr bwMode="gray">
              <a:xfrm rot="-4763704">
                <a:off x="3678" y="1619"/>
                <a:ext cx="157" cy="2121"/>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73" name="Line 673"/>
              <p:cNvSpPr>
                <a:spLocks noChangeAspect="1" noChangeShapeType="1"/>
              </p:cNvSpPr>
              <p:nvPr/>
            </p:nvSpPr>
            <p:spPr bwMode="gray">
              <a:xfrm rot="-4763704">
                <a:off x="3682" y="1653"/>
                <a:ext cx="157" cy="2121"/>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grpSp>
        <p:sp>
          <p:nvSpPr>
            <p:cNvPr id="118" name="Rectangle 680"/>
            <p:cNvSpPr>
              <a:spLocks noChangeArrowheads="1"/>
            </p:cNvSpPr>
            <p:nvPr/>
          </p:nvSpPr>
          <p:spPr bwMode="auto">
            <a:xfrm rot="360000">
              <a:off x="7962673" y="2250313"/>
              <a:ext cx="705321" cy="169277"/>
            </a:xfrm>
            <a:prstGeom prst="rect">
              <a:avLst/>
            </a:prstGeom>
            <a:noFill/>
            <a:ln w="9525">
              <a:noFill/>
              <a:miter lim="800000"/>
              <a:headEnd/>
              <a:tailEnd/>
            </a:ln>
          </p:spPr>
          <p:txBody>
            <a:bodyPr wrap="none" lIns="0" tIns="0" rIns="0" bIns="0">
              <a:spAutoFit/>
            </a:bodyPr>
            <a:lstStyle/>
            <a:p>
              <a:pPr marL="0" marR="0" lvl="0" indent="0" algn="l" defTabSz="457200" rtl="0" eaLnBrk="1" fontAlgn="auto" latinLnBrk="0" hangingPunct="1">
                <a:lnSpc>
                  <a:spcPct val="100000"/>
                </a:lnSpc>
                <a:spcBef>
                  <a:spcPct val="0"/>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放流処理水</a:t>
              </a:r>
            </a:p>
          </p:txBody>
        </p:sp>
        <p:sp>
          <p:nvSpPr>
            <p:cNvPr id="119" name="Rectangle 682"/>
            <p:cNvSpPr>
              <a:spLocks noChangeArrowheads="1"/>
            </p:cNvSpPr>
            <p:nvPr/>
          </p:nvSpPr>
          <p:spPr bwMode="auto">
            <a:xfrm rot="300000">
              <a:off x="4754376" y="2967435"/>
              <a:ext cx="2196000" cy="153888"/>
            </a:xfrm>
            <a:prstGeom prst="rect">
              <a:avLst/>
            </a:prstGeom>
            <a:noFill/>
            <a:ln w="9525">
              <a:noFill/>
              <a:miter lim="800000"/>
              <a:headEnd/>
              <a:tailEnd/>
            </a:ln>
          </p:spPr>
          <p:txBody>
            <a:bodyPr lIns="0" tIns="0" rIns="0" b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1"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直接放流</a:t>
              </a:r>
              <a:endParaRPr kumimoji="0" lang="ja-JP" altLang="en-US" sz="1000" b="0"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endParaRPr>
            </a:p>
          </p:txBody>
        </p:sp>
        <p:sp>
          <p:nvSpPr>
            <p:cNvPr id="120" name="AutoShape 683"/>
            <p:cNvSpPr>
              <a:spLocks noChangeArrowheads="1"/>
            </p:cNvSpPr>
            <p:nvPr/>
          </p:nvSpPr>
          <p:spPr bwMode="auto">
            <a:xfrm rot="360000">
              <a:off x="8027713" y="2506481"/>
              <a:ext cx="495300" cy="107950"/>
            </a:xfrm>
            <a:prstGeom prst="rightArrow">
              <a:avLst>
                <a:gd name="adj1" fmla="val 50000"/>
                <a:gd name="adj2" fmla="val 105882"/>
              </a:avLst>
            </a:prstGeom>
            <a:solidFill>
              <a:srgbClr val="C0C0C0"/>
            </a:solidFill>
            <a:ln w="9525">
              <a:solidFill>
                <a:srgbClr val="808080"/>
              </a:solidFill>
              <a:miter lim="800000"/>
              <a:headEnd/>
              <a:tailEnd/>
            </a:ln>
          </p:spPr>
          <p:txBody>
            <a:bodyPr wrap="none"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21" name="AutoShape 684"/>
            <p:cNvSpPr>
              <a:spLocks noChangeArrowheads="1"/>
            </p:cNvSpPr>
            <p:nvPr/>
          </p:nvSpPr>
          <p:spPr bwMode="auto">
            <a:xfrm rot="334862">
              <a:off x="6202665" y="3068490"/>
              <a:ext cx="495300" cy="107950"/>
            </a:xfrm>
            <a:prstGeom prst="rightArrow">
              <a:avLst>
                <a:gd name="adj1" fmla="val 50000"/>
                <a:gd name="adj2" fmla="val 105882"/>
              </a:avLst>
            </a:prstGeom>
            <a:solidFill>
              <a:srgbClr val="C0C0C0"/>
            </a:solidFill>
            <a:ln w="9525">
              <a:solidFill>
                <a:srgbClr val="808080"/>
              </a:solidFill>
              <a:miter lim="800000"/>
              <a:headEnd/>
              <a:tailEnd/>
            </a:ln>
          </p:spPr>
          <p:txBody>
            <a:bodyPr wrap="none"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22" name="Rectangle 716"/>
            <p:cNvSpPr>
              <a:spLocks noChangeArrowheads="1"/>
            </p:cNvSpPr>
            <p:nvPr/>
          </p:nvSpPr>
          <p:spPr bwMode="auto">
            <a:xfrm>
              <a:off x="2612112" y="3115638"/>
              <a:ext cx="519766" cy="241552"/>
            </a:xfrm>
            <a:prstGeom prst="rect">
              <a:avLst/>
            </a:prstGeom>
            <a:solidFill>
              <a:schemeClr val="bg1"/>
            </a:solidFill>
            <a:ln w="9525">
              <a:noFill/>
              <a:miter lim="800000"/>
              <a:headEnd/>
              <a:tailEnd/>
            </a:ln>
          </p:spPr>
          <p:txBody>
            <a:bodyPr wrap="square" lIns="0" tIns="0" rIns="0" bIns="0">
              <a:spAutoFit/>
            </a:bodyPr>
            <a:lstStyle/>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管路</a:t>
              </a:r>
            </a:p>
          </p:txBody>
        </p:sp>
        <p:sp>
          <p:nvSpPr>
            <p:cNvPr id="123" name="Rectangle 717"/>
            <p:cNvSpPr>
              <a:spLocks noChangeArrowheads="1"/>
            </p:cNvSpPr>
            <p:nvPr/>
          </p:nvSpPr>
          <p:spPr bwMode="auto">
            <a:xfrm>
              <a:off x="3658433" y="3105893"/>
              <a:ext cx="737758" cy="221327"/>
            </a:xfrm>
            <a:prstGeom prst="rect">
              <a:avLst/>
            </a:prstGeom>
            <a:solidFill>
              <a:schemeClr val="bg1"/>
            </a:solidFill>
            <a:ln w="9525">
              <a:noFill/>
              <a:miter lim="800000"/>
              <a:headEnd/>
              <a:tailEnd/>
            </a:ln>
          </p:spPr>
          <p:txBody>
            <a:bodyPr wrap="none" lIns="0" tIns="0" rIns="0" bIns="0">
              <a:spAutoFit/>
            </a:bodyPr>
            <a:lstStyle/>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ポンプ場</a:t>
              </a:r>
            </a:p>
          </p:txBody>
        </p:sp>
        <p:grpSp>
          <p:nvGrpSpPr>
            <p:cNvPr id="124" name="グループ化 123"/>
            <p:cNvGrpSpPr/>
            <p:nvPr/>
          </p:nvGrpSpPr>
          <p:grpSpPr>
            <a:xfrm>
              <a:off x="5126559" y="2148034"/>
              <a:ext cx="1272646" cy="511175"/>
              <a:chOff x="6214286" y="4952993"/>
              <a:chExt cx="1272646" cy="511175"/>
            </a:xfrm>
          </p:grpSpPr>
          <p:sp>
            <p:nvSpPr>
              <p:cNvPr id="158" name="Rectangle 597"/>
              <p:cNvSpPr>
                <a:spLocks noChangeArrowheads="1"/>
              </p:cNvSpPr>
              <p:nvPr/>
            </p:nvSpPr>
            <p:spPr bwMode="gray">
              <a:xfrm>
                <a:off x="6214286" y="5070468"/>
                <a:ext cx="1016397" cy="393700"/>
              </a:xfrm>
              <a:prstGeom prst="rect">
                <a:avLst/>
              </a:prstGeom>
              <a:solidFill>
                <a:srgbClr val="C0C0C0"/>
              </a:solidFill>
              <a:ln w="9525">
                <a:noFill/>
                <a:miter lim="800000"/>
                <a:headEnd/>
                <a:tailEnd/>
              </a:ln>
            </p:spPr>
            <p:txBody>
              <a:bodyPr wrap="none"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59" name="Freeform 599"/>
              <p:cNvSpPr>
                <a:spLocks/>
              </p:cNvSpPr>
              <p:nvPr/>
            </p:nvSpPr>
            <p:spPr bwMode="gray">
              <a:xfrm>
                <a:off x="6216006" y="4952993"/>
                <a:ext cx="1270926" cy="127000"/>
              </a:xfrm>
              <a:custGeom>
                <a:avLst/>
                <a:gdLst>
                  <a:gd name="T0" fmla="*/ 0 w 419"/>
                  <a:gd name="T1" fmla="*/ 59 h 85"/>
                  <a:gd name="T2" fmla="*/ 9970 w 419"/>
                  <a:gd name="T3" fmla="*/ 59 h 85"/>
                  <a:gd name="T4" fmla="*/ 12607 w 419"/>
                  <a:gd name="T5" fmla="*/ 0 h 85"/>
                  <a:gd name="T6" fmla="*/ 2614 w 419"/>
                  <a:gd name="T7" fmla="*/ 0 h 85"/>
                  <a:gd name="T8" fmla="*/ 0 w 419"/>
                  <a:gd name="T9" fmla="*/ 59 h 85"/>
                  <a:gd name="T10" fmla="*/ 0 60000 65536"/>
                  <a:gd name="T11" fmla="*/ 0 60000 65536"/>
                  <a:gd name="T12" fmla="*/ 0 60000 65536"/>
                  <a:gd name="T13" fmla="*/ 0 60000 65536"/>
                  <a:gd name="T14" fmla="*/ 0 60000 65536"/>
                  <a:gd name="T15" fmla="*/ 0 w 419"/>
                  <a:gd name="T16" fmla="*/ 0 h 85"/>
                  <a:gd name="T17" fmla="*/ 419 w 419"/>
                  <a:gd name="T18" fmla="*/ 85 h 85"/>
                </a:gdLst>
                <a:ahLst/>
                <a:cxnLst>
                  <a:cxn ang="T10">
                    <a:pos x="T0" y="T1"/>
                  </a:cxn>
                  <a:cxn ang="T11">
                    <a:pos x="T2" y="T3"/>
                  </a:cxn>
                  <a:cxn ang="T12">
                    <a:pos x="T4" y="T5"/>
                  </a:cxn>
                  <a:cxn ang="T13">
                    <a:pos x="T6" y="T7"/>
                  </a:cxn>
                  <a:cxn ang="T14">
                    <a:pos x="T8" y="T9"/>
                  </a:cxn>
                </a:cxnLst>
                <a:rect l="T15" t="T16" r="T17" b="T18"/>
                <a:pathLst>
                  <a:path w="419" h="85">
                    <a:moveTo>
                      <a:pt x="0" y="85"/>
                    </a:moveTo>
                    <a:lnTo>
                      <a:pt x="331" y="85"/>
                    </a:lnTo>
                    <a:lnTo>
                      <a:pt x="419" y="0"/>
                    </a:lnTo>
                    <a:lnTo>
                      <a:pt x="87" y="0"/>
                    </a:lnTo>
                    <a:lnTo>
                      <a:pt x="0" y="85"/>
                    </a:lnTo>
                    <a:close/>
                  </a:path>
                </a:pathLst>
              </a:custGeom>
              <a:solidFill>
                <a:srgbClr val="C0C0C0"/>
              </a:solidFill>
              <a:ln w="9525">
                <a:no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60" name="Freeform 600"/>
              <p:cNvSpPr>
                <a:spLocks/>
              </p:cNvSpPr>
              <p:nvPr/>
            </p:nvSpPr>
            <p:spPr bwMode="gray">
              <a:xfrm>
                <a:off x="7218644" y="4952993"/>
                <a:ext cx="268288" cy="498475"/>
              </a:xfrm>
              <a:custGeom>
                <a:avLst/>
                <a:gdLst>
                  <a:gd name="T0" fmla="*/ 0 w 88"/>
                  <a:gd name="T1" fmla="*/ 59 h 333"/>
                  <a:gd name="T2" fmla="*/ 2734 w 88"/>
                  <a:gd name="T3" fmla="*/ 0 h 333"/>
                  <a:gd name="T4" fmla="*/ 2734 w 88"/>
                  <a:gd name="T5" fmla="*/ 175 h 333"/>
                  <a:gd name="T6" fmla="*/ 0 w 88"/>
                  <a:gd name="T7" fmla="*/ 234 h 333"/>
                  <a:gd name="T8" fmla="*/ 0 w 88"/>
                  <a:gd name="T9" fmla="*/ 59 h 333"/>
                  <a:gd name="T10" fmla="*/ 0 60000 65536"/>
                  <a:gd name="T11" fmla="*/ 0 60000 65536"/>
                  <a:gd name="T12" fmla="*/ 0 60000 65536"/>
                  <a:gd name="T13" fmla="*/ 0 60000 65536"/>
                  <a:gd name="T14" fmla="*/ 0 60000 65536"/>
                  <a:gd name="T15" fmla="*/ 0 w 88"/>
                  <a:gd name="T16" fmla="*/ 0 h 333"/>
                  <a:gd name="T17" fmla="*/ 88 w 88"/>
                  <a:gd name="T18" fmla="*/ 333 h 333"/>
                </a:gdLst>
                <a:ahLst/>
                <a:cxnLst>
                  <a:cxn ang="T10">
                    <a:pos x="T0" y="T1"/>
                  </a:cxn>
                  <a:cxn ang="T11">
                    <a:pos x="T2" y="T3"/>
                  </a:cxn>
                  <a:cxn ang="T12">
                    <a:pos x="T4" y="T5"/>
                  </a:cxn>
                  <a:cxn ang="T13">
                    <a:pos x="T6" y="T7"/>
                  </a:cxn>
                  <a:cxn ang="T14">
                    <a:pos x="T8" y="T9"/>
                  </a:cxn>
                </a:cxnLst>
                <a:rect l="T15" t="T16" r="T17" b="T18"/>
                <a:pathLst>
                  <a:path w="88" h="333">
                    <a:moveTo>
                      <a:pt x="0" y="85"/>
                    </a:moveTo>
                    <a:lnTo>
                      <a:pt x="88" y="0"/>
                    </a:lnTo>
                    <a:lnTo>
                      <a:pt x="88" y="249"/>
                    </a:lnTo>
                    <a:lnTo>
                      <a:pt x="0" y="333"/>
                    </a:lnTo>
                    <a:lnTo>
                      <a:pt x="0" y="85"/>
                    </a:lnTo>
                    <a:close/>
                  </a:path>
                </a:pathLst>
              </a:custGeom>
              <a:solidFill>
                <a:srgbClr val="969696"/>
              </a:solidFill>
              <a:ln w="9525">
                <a:no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61" name="Freeform 601"/>
              <p:cNvSpPr>
                <a:spLocks/>
              </p:cNvSpPr>
              <p:nvPr/>
            </p:nvSpPr>
            <p:spPr bwMode="gray">
              <a:xfrm>
                <a:off x="6216006" y="4952993"/>
                <a:ext cx="1270926" cy="498475"/>
              </a:xfrm>
              <a:custGeom>
                <a:avLst/>
                <a:gdLst>
                  <a:gd name="T0" fmla="*/ 25146493 w 67"/>
                  <a:gd name="T1" fmla="*/ 0 h 55"/>
                  <a:gd name="T2" fmla="*/ 0 w 67"/>
                  <a:gd name="T3" fmla="*/ 485484 h 55"/>
                  <a:gd name="T4" fmla="*/ 0 w 67"/>
                  <a:gd name="T5" fmla="*/ 1904713 h 55"/>
                  <a:gd name="T6" fmla="*/ 95493713 w 67"/>
                  <a:gd name="T7" fmla="*/ 1904713 h 55"/>
                  <a:gd name="T8" fmla="*/ 120639026 w 67"/>
                  <a:gd name="T9" fmla="*/ 1419229 h 55"/>
                  <a:gd name="T10" fmla="*/ 120639026 w 67"/>
                  <a:gd name="T11" fmla="*/ 0 h 55"/>
                  <a:gd name="T12" fmla="*/ 25146493 w 67"/>
                  <a:gd name="T13" fmla="*/ 0 h 55"/>
                  <a:gd name="T14" fmla="*/ 0 60000 65536"/>
                  <a:gd name="T15" fmla="*/ 0 60000 65536"/>
                  <a:gd name="T16" fmla="*/ 0 60000 65536"/>
                  <a:gd name="T17" fmla="*/ 0 60000 65536"/>
                  <a:gd name="T18" fmla="*/ 0 60000 65536"/>
                  <a:gd name="T19" fmla="*/ 0 60000 65536"/>
                  <a:gd name="T20" fmla="*/ 0 60000 65536"/>
                  <a:gd name="T21" fmla="*/ 0 w 67"/>
                  <a:gd name="T22" fmla="*/ 0 h 55"/>
                  <a:gd name="T23" fmla="*/ 67 w 67"/>
                  <a:gd name="T24" fmla="*/ 55 h 55"/>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67" h="55">
                    <a:moveTo>
                      <a:pt x="14" y="0"/>
                    </a:moveTo>
                    <a:lnTo>
                      <a:pt x="0" y="14"/>
                    </a:lnTo>
                    <a:lnTo>
                      <a:pt x="0" y="55"/>
                    </a:lnTo>
                    <a:lnTo>
                      <a:pt x="53" y="55"/>
                    </a:lnTo>
                    <a:lnTo>
                      <a:pt x="67" y="41"/>
                    </a:lnTo>
                    <a:lnTo>
                      <a:pt x="67" y="0"/>
                    </a:lnTo>
                    <a:lnTo>
                      <a:pt x="14" y="0"/>
                    </a:lnTo>
                    <a:close/>
                  </a:path>
                </a:pathLst>
              </a:custGeom>
              <a:noFill/>
              <a:ln w="9525" cap="rnd">
                <a:solidFill>
                  <a:srgbClr val="000000"/>
                </a:solidFill>
                <a:prstDash val="solid"/>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62" name="Freeform 602"/>
              <p:cNvSpPr>
                <a:spLocks/>
              </p:cNvSpPr>
              <p:nvPr/>
            </p:nvSpPr>
            <p:spPr bwMode="gray">
              <a:xfrm>
                <a:off x="6216006" y="4952993"/>
                <a:ext cx="1270926" cy="127000"/>
              </a:xfrm>
              <a:custGeom>
                <a:avLst/>
                <a:gdLst>
                  <a:gd name="T0" fmla="*/ 0 w 67"/>
                  <a:gd name="T1" fmla="*/ 487183 h 14"/>
                  <a:gd name="T2" fmla="*/ 95493713 w 67"/>
                  <a:gd name="T3" fmla="*/ 487183 h 14"/>
                  <a:gd name="T4" fmla="*/ 120639026 w 67"/>
                  <a:gd name="T5" fmla="*/ 0 h 14"/>
                  <a:gd name="T6" fmla="*/ 0 60000 65536"/>
                  <a:gd name="T7" fmla="*/ 0 60000 65536"/>
                  <a:gd name="T8" fmla="*/ 0 60000 65536"/>
                  <a:gd name="T9" fmla="*/ 0 w 67"/>
                  <a:gd name="T10" fmla="*/ 0 h 14"/>
                  <a:gd name="T11" fmla="*/ 67 w 67"/>
                  <a:gd name="T12" fmla="*/ 14 h 14"/>
                </a:gdLst>
                <a:ahLst/>
                <a:cxnLst>
                  <a:cxn ang="T6">
                    <a:pos x="T0" y="T1"/>
                  </a:cxn>
                  <a:cxn ang="T7">
                    <a:pos x="T2" y="T3"/>
                  </a:cxn>
                  <a:cxn ang="T8">
                    <a:pos x="T4" y="T5"/>
                  </a:cxn>
                </a:cxnLst>
                <a:rect l="T9" t="T10" r="T11" b="T12"/>
                <a:pathLst>
                  <a:path w="67" h="14">
                    <a:moveTo>
                      <a:pt x="0" y="14"/>
                    </a:moveTo>
                    <a:lnTo>
                      <a:pt x="53" y="14"/>
                    </a:lnTo>
                    <a:lnTo>
                      <a:pt x="67" y="0"/>
                    </a:lnTo>
                  </a:path>
                </a:pathLst>
              </a:custGeom>
              <a:noFill/>
              <a:ln w="9525" cap="rnd">
                <a:solidFill>
                  <a:srgbClr val="000000"/>
                </a:solidFill>
                <a:prstDash val="solid"/>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63" name="Line 603"/>
              <p:cNvSpPr>
                <a:spLocks noChangeShapeType="1"/>
              </p:cNvSpPr>
              <p:nvPr/>
            </p:nvSpPr>
            <p:spPr bwMode="gray">
              <a:xfrm>
                <a:off x="7218644" y="5079993"/>
                <a:ext cx="3440" cy="371475"/>
              </a:xfrm>
              <a:prstGeom prst="line">
                <a:avLst/>
              </a:prstGeom>
              <a:noFill/>
              <a:ln w="9525" cap="rnd">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64" name="Line 607"/>
              <p:cNvSpPr>
                <a:spLocks noChangeShapeType="1"/>
              </p:cNvSpPr>
              <p:nvPr/>
            </p:nvSpPr>
            <p:spPr bwMode="gray">
              <a:xfrm rot="-120000" flipH="1">
                <a:off x="6351473" y="4981717"/>
                <a:ext cx="144016" cy="64394"/>
              </a:xfrm>
              <a:prstGeom prst="line">
                <a:avLst/>
              </a:prstGeom>
              <a:noFill/>
              <a:ln w="9525" cap="rnd">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65" name="Line 607"/>
              <p:cNvSpPr>
                <a:spLocks noChangeShapeType="1"/>
              </p:cNvSpPr>
              <p:nvPr/>
            </p:nvSpPr>
            <p:spPr bwMode="gray">
              <a:xfrm rot="-120000" flipH="1">
                <a:off x="7217740" y="4981718"/>
                <a:ext cx="144016" cy="64394"/>
              </a:xfrm>
              <a:prstGeom prst="line">
                <a:avLst/>
              </a:prstGeom>
              <a:noFill/>
              <a:ln w="9525" cap="rnd">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cxnSp>
            <p:nvCxnSpPr>
              <p:cNvPr id="166" name="直線コネクタ 165"/>
              <p:cNvCxnSpPr>
                <a:stCxn id="164" idx="1"/>
                <a:endCxn id="165" idx="1"/>
              </p:cNvCxnSpPr>
              <p:nvPr/>
            </p:nvCxnSpPr>
            <p:spPr>
              <a:xfrm>
                <a:off x="6352641" y="5048604"/>
                <a:ext cx="866267" cy="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7" name="直線コネクタ 166"/>
              <p:cNvCxnSpPr>
                <a:stCxn id="164" idx="0"/>
                <a:endCxn id="165" idx="0"/>
              </p:cNvCxnSpPr>
              <p:nvPr/>
            </p:nvCxnSpPr>
            <p:spPr>
              <a:xfrm>
                <a:off x="6494321" y="4979224"/>
                <a:ext cx="866267" cy="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8" name="直線コネクタ 167"/>
              <p:cNvCxnSpPr/>
              <p:nvPr/>
            </p:nvCxnSpPr>
            <p:spPr>
              <a:xfrm>
                <a:off x="6390403" y="5031896"/>
                <a:ext cx="866267" cy="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9" name="直線コネクタ 168"/>
              <p:cNvCxnSpPr/>
              <p:nvPr/>
            </p:nvCxnSpPr>
            <p:spPr>
              <a:xfrm>
                <a:off x="6455267" y="4996177"/>
                <a:ext cx="866267" cy="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0" name="Line 607"/>
              <p:cNvSpPr>
                <a:spLocks noChangeShapeType="1"/>
              </p:cNvSpPr>
              <p:nvPr/>
            </p:nvSpPr>
            <p:spPr bwMode="gray">
              <a:xfrm rot="-120000" flipH="1">
                <a:off x="6596455" y="4981716"/>
                <a:ext cx="144016" cy="64394"/>
              </a:xfrm>
              <a:prstGeom prst="line">
                <a:avLst/>
              </a:prstGeom>
              <a:noFill/>
              <a:ln w="9525" cap="rnd">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71" name="Line 607"/>
              <p:cNvSpPr>
                <a:spLocks noChangeShapeType="1"/>
              </p:cNvSpPr>
              <p:nvPr/>
            </p:nvSpPr>
            <p:spPr bwMode="gray">
              <a:xfrm rot="-120000" flipH="1">
                <a:off x="6965712" y="4981716"/>
                <a:ext cx="144016" cy="64394"/>
              </a:xfrm>
              <a:prstGeom prst="line">
                <a:avLst/>
              </a:prstGeom>
              <a:noFill/>
              <a:ln w="9525" cap="rnd">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grpSp>
        <p:sp>
          <p:nvSpPr>
            <p:cNvPr id="125" name="Rectangle 649"/>
            <p:cNvSpPr>
              <a:spLocks noChangeArrowheads="1"/>
            </p:cNvSpPr>
            <p:nvPr/>
          </p:nvSpPr>
          <p:spPr bwMode="auto">
            <a:xfrm>
              <a:off x="605886" y="2119556"/>
              <a:ext cx="360000" cy="153888"/>
            </a:xfrm>
            <a:prstGeom prst="rect">
              <a:avLst/>
            </a:prstGeom>
            <a:noFill/>
            <a:ln w="9525">
              <a:noFill/>
              <a:miter lim="800000"/>
              <a:headEnd/>
              <a:tailEnd/>
            </a:ln>
          </p:spPr>
          <p:txBody>
            <a:bodyPr lIns="0" tIns="0" rIns="0" b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1"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汚水</a:t>
              </a:r>
              <a:endParaRPr kumimoji="0" lang="ja-JP" altLang="en-US" sz="1000" b="0"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endParaRPr>
            </a:p>
          </p:txBody>
        </p:sp>
        <p:sp>
          <p:nvSpPr>
            <p:cNvPr id="126" name="Rectangle 649"/>
            <p:cNvSpPr>
              <a:spLocks noChangeArrowheads="1"/>
            </p:cNvSpPr>
            <p:nvPr/>
          </p:nvSpPr>
          <p:spPr bwMode="auto">
            <a:xfrm>
              <a:off x="1973998" y="2119556"/>
              <a:ext cx="360000" cy="153888"/>
            </a:xfrm>
            <a:prstGeom prst="rect">
              <a:avLst/>
            </a:prstGeom>
            <a:noFill/>
            <a:ln w="9525">
              <a:noFill/>
              <a:miter lim="800000"/>
              <a:headEnd/>
              <a:tailEnd/>
            </a:ln>
          </p:spPr>
          <p:txBody>
            <a:bodyPr lIns="0" tIns="0" rIns="0" b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1"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雨水</a:t>
              </a:r>
            </a:p>
          </p:txBody>
        </p:sp>
        <p:sp>
          <p:nvSpPr>
            <p:cNvPr id="127" name="正方形/長方形 126"/>
            <p:cNvSpPr/>
            <p:nvPr/>
          </p:nvSpPr>
          <p:spPr>
            <a:xfrm rot="420000">
              <a:off x="575377" y="2674154"/>
              <a:ext cx="1991789" cy="4320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white"/>
                </a:solidFill>
                <a:effectLst/>
                <a:uLnTx/>
                <a:uFillTx/>
                <a:latin typeface="Segoe UI"/>
                <a:ea typeface="Meiryo UI"/>
                <a:cs typeface="+mn-cs"/>
              </a:endParaRPr>
            </a:p>
          </p:txBody>
        </p:sp>
        <p:sp>
          <p:nvSpPr>
            <p:cNvPr id="128" name="Rectangle 717"/>
            <p:cNvSpPr>
              <a:spLocks noChangeArrowheads="1"/>
            </p:cNvSpPr>
            <p:nvPr/>
          </p:nvSpPr>
          <p:spPr bwMode="auto">
            <a:xfrm>
              <a:off x="5200513" y="2360227"/>
              <a:ext cx="964407" cy="202883"/>
            </a:xfrm>
            <a:prstGeom prst="rect">
              <a:avLst/>
            </a:prstGeom>
            <a:noFill/>
            <a:ln w="9525">
              <a:noFill/>
              <a:miter lim="800000"/>
              <a:headEnd/>
              <a:tailEnd/>
            </a:ln>
          </p:spPr>
          <p:txBody>
            <a:bodyPr wrap="square" lIns="0" tIns="0" rIns="0" bIns="0">
              <a:spAutoFit/>
            </a:bodyPr>
            <a:lstStyle/>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水処理）</a:t>
              </a:r>
            </a:p>
          </p:txBody>
        </p:sp>
        <p:grpSp>
          <p:nvGrpSpPr>
            <p:cNvPr id="129" name="Group 686"/>
            <p:cNvGrpSpPr>
              <a:grpSpLocks/>
            </p:cNvGrpSpPr>
            <p:nvPr/>
          </p:nvGrpSpPr>
          <p:grpSpPr bwMode="auto">
            <a:xfrm>
              <a:off x="6078843" y="1628138"/>
              <a:ext cx="1130553" cy="441327"/>
              <a:chOff x="4388" y="3903"/>
              <a:chExt cx="751" cy="278"/>
            </a:xfrm>
          </p:grpSpPr>
          <p:sp>
            <p:nvSpPr>
              <p:cNvPr id="151" name="Freeform 687"/>
              <p:cNvSpPr>
                <a:spLocks/>
              </p:cNvSpPr>
              <p:nvPr/>
            </p:nvSpPr>
            <p:spPr bwMode="auto">
              <a:xfrm>
                <a:off x="4854" y="3903"/>
                <a:ext cx="150" cy="278"/>
              </a:xfrm>
              <a:custGeom>
                <a:avLst/>
                <a:gdLst>
                  <a:gd name="T0" fmla="*/ 0 w 75"/>
                  <a:gd name="T1" fmla="*/ 111 h 334"/>
                  <a:gd name="T2" fmla="*/ 0 w 75"/>
                  <a:gd name="T3" fmla="*/ 24 h 334"/>
                  <a:gd name="T4" fmla="*/ 4800 w 75"/>
                  <a:gd name="T5" fmla="*/ 0 h 334"/>
                  <a:gd name="T6" fmla="*/ 4800 w 75"/>
                  <a:gd name="T7" fmla="*/ 79 h 334"/>
                  <a:gd name="T8" fmla="*/ 0 w 75"/>
                  <a:gd name="T9" fmla="*/ 111 h 334"/>
                  <a:gd name="T10" fmla="*/ 0 60000 65536"/>
                  <a:gd name="T11" fmla="*/ 0 60000 65536"/>
                  <a:gd name="T12" fmla="*/ 0 60000 65536"/>
                  <a:gd name="T13" fmla="*/ 0 60000 65536"/>
                  <a:gd name="T14" fmla="*/ 0 60000 65536"/>
                  <a:gd name="T15" fmla="*/ 0 w 75"/>
                  <a:gd name="T16" fmla="*/ 0 h 334"/>
                  <a:gd name="T17" fmla="*/ 75 w 75"/>
                  <a:gd name="T18" fmla="*/ 334 h 334"/>
                </a:gdLst>
                <a:ahLst/>
                <a:cxnLst>
                  <a:cxn ang="T10">
                    <a:pos x="T0" y="T1"/>
                  </a:cxn>
                  <a:cxn ang="T11">
                    <a:pos x="T2" y="T3"/>
                  </a:cxn>
                  <a:cxn ang="T12">
                    <a:pos x="T4" y="T5"/>
                  </a:cxn>
                  <a:cxn ang="T13">
                    <a:pos x="T6" y="T7"/>
                  </a:cxn>
                  <a:cxn ang="T14">
                    <a:pos x="T8" y="T9"/>
                  </a:cxn>
                </a:cxnLst>
                <a:rect l="T15" t="T16" r="T17" b="T18"/>
                <a:pathLst>
                  <a:path w="75" h="334">
                    <a:moveTo>
                      <a:pt x="0" y="334"/>
                    </a:moveTo>
                    <a:lnTo>
                      <a:pt x="0" y="73"/>
                    </a:lnTo>
                    <a:lnTo>
                      <a:pt x="75" y="0"/>
                    </a:lnTo>
                    <a:lnTo>
                      <a:pt x="75" y="237"/>
                    </a:lnTo>
                    <a:lnTo>
                      <a:pt x="0" y="334"/>
                    </a:lnTo>
                    <a:close/>
                  </a:path>
                </a:pathLst>
              </a:custGeom>
              <a:solidFill>
                <a:srgbClr val="C0C0C0"/>
              </a:solid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52" name="Freeform 688"/>
              <p:cNvSpPr>
                <a:spLocks/>
              </p:cNvSpPr>
              <p:nvPr/>
            </p:nvSpPr>
            <p:spPr bwMode="auto">
              <a:xfrm>
                <a:off x="4388" y="3903"/>
                <a:ext cx="616" cy="61"/>
              </a:xfrm>
              <a:custGeom>
                <a:avLst/>
                <a:gdLst>
                  <a:gd name="T0" fmla="*/ 15155 w 307"/>
                  <a:gd name="T1" fmla="*/ 25 h 73"/>
                  <a:gd name="T2" fmla="*/ 0 w 307"/>
                  <a:gd name="T3" fmla="*/ 25 h 73"/>
                  <a:gd name="T4" fmla="*/ 6535 w 307"/>
                  <a:gd name="T5" fmla="*/ 0 h 73"/>
                  <a:gd name="T6" fmla="*/ 20033 w 307"/>
                  <a:gd name="T7" fmla="*/ 0 h 73"/>
                  <a:gd name="T8" fmla="*/ 15155 w 307"/>
                  <a:gd name="T9" fmla="*/ 25 h 73"/>
                  <a:gd name="T10" fmla="*/ 0 60000 65536"/>
                  <a:gd name="T11" fmla="*/ 0 60000 65536"/>
                  <a:gd name="T12" fmla="*/ 0 60000 65536"/>
                  <a:gd name="T13" fmla="*/ 0 60000 65536"/>
                  <a:gd name="T14" fmla="*/ 0 60000 65536"/>
                  <a:gd name="T15" fmla="*/ 0 w 307"/>
                  <a:gd name="T16" fmla="*/ 0 h 73"/>
                  <a:gd name="T17" fmla="*/ 307 w 307"/>
                  <a:gd name="T18" fmla="*/ 73 h 73"/>
                </a:gdLst>
                <a:ahLst/>
                <a:cxnLst>
                  <a:cxn ang="T10">
                    <a:pos x="T0" y="T1"/>
                  </a:cxn>
                  <a:cxn ang="T11">
                    <a:pos x="T2" y="T3"/>
                  </a:cxn>
                  <a:cxn ang="T12">
                    <a:pos x="T4" y="T5"/>
                  </a:cxn>
                  <a:cxn ang="T13">
                    <a:pos x="T6" y="T7"/>
                  </a:cxn>
                  <a:cxn ang="T14">
                    <a:pos x="T8" y="T9"/>
                  </a:cxn>
                </a:cxnLst>
                <a:rect l="T15" t="T16" r="T17" b="T18"/>
                <a:pathLst>
                  <a:path w="307" h="73">
                    <a:moveTo>
                      <a:pt x="232" y="73"/>
                    </a:moveTo>
                    <a:lnTo>
                      <a:pt x="0" y="73"/>
                    </a:lnTo>
                    <a:lnTo>
                      <a:pt x="100" y="0"/>
                    </a:lnTo>
                    <a:lnTo>
                      <a:pt x="307" y="0"/>
                    </a:lnTo>
                    <a:lnTo>
                      <a:pt x="232" y="73"/>
                    </a:lnTo>
                    <a:close/>
                  </a:path>
                </a:pathLst>
              </a:custGeom>
              <a:solidFill>
                <a:srgbClr val="808080"/>
              </a:solid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53" name="Rectangle 689"/>
              <p:cNvSpPr>
                <a:spLocks noChangeArrowheads="1"/>
              </p:cNvSpPr>
              <p:nvPr/>
            </p:nvSpPr>
            <p:spPr bwMode="auto">
              <a:xfrm>
                <a:off x="4388" y="3964"/>
                <a:ext cx="466" cy="217"/>
              </a:xfrm>
              <a:prstGeom prst="rect">
                <a:avLst/>
              </a:prstGeom>
              <a:solidFill>
                <a:srgbClr val="969696"/>
              </a:solidFill>
              <a:ln w="9525">
                <a:solidFill>
                  <a:srgbClr val="000000"/>
                </a:solidFill>
                <a:miter lim="800000"/>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54" name="Rectangle 690"/>
              <p:cNvSpPr>
                <a:spLocks noChangeArrowheads="1"/>
              </p:cNvSpPr>
              <p:nvPr/>
            </p:nvSpPr>
            <p:spPr bwMode="auto">
              <a:xfrm>
                <a:off x="4452" y="4050"/>
                <a:ext cx="175" cy="65"/>
              </a:xfrm>
              <a:prstGeom prst="rect">
                <a:avLst/>
              </a:prstGeom>
              <a:solidFill>
                <a:srgbClr val="C0C0C0"/>
              </a:solidFill>
              <a:ln w="9525" cap="rnd">
                <a:solidFill>
                  <a:srgbClr val="000000"/>
                </a:solidFill>
                <a:miter lim="800000"/>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55" name="Line 691"/>
              <p:cNvSpPr>
                <a:spLocks noChangeShapeType="1"/>
              </p:cNvSpPr>
              <p:nvPr/>
            </p:nvSpPr>
            <p:spPr bwMode="auto">
              <a:xfrm>
                <a:off x="4452" y="4084"/>
                <a:ext cx="175" cy="1"/>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56" name="Line 692"/>
              <p:cNvSpPr>
                <a:spLocks noChangeShapeType="1"/>
              </p:cNvSpPr>
              <p:nvPr/>
            </p:nvSpPr>
            <p:spPr bwMode="auto">
              <a:xfrm>
                <a:off x="4538" y="4050"/>
                <a:ext cx="2" cy="65"/>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57" name="Freeform 703"/>
              <p:cNvSpPr>
                <a:spLocks/>
              </p:cNvSpPr>
              <p:nvPr/>
            </p:nvSpPr>
            <p:spPr bwMode="auto">
              <a:xfrm>
                <a:off x="5137" y="4042"/>
                <a:ext cx="2" cy="1"/>
              </a:xfrm>
              <a:custGeom>
                <a:avLst/>
                <a:gdLst>
                  <a:gd name="T0" fmla="*/ 0 w 1"/>
                  <a:gd name="T1" fmla="*/ 0 h 1"/>
                  <a:gd name="T2" fmla="*/ 0 w 1"/>
                  <a:gd name="T3" fmla="*/ 0 h 1"/>
                  <a:gd name="T4" fmla="*/ 0 w 1"/>
                  <a:gd name="T5" fmla="*/ 0 h 1"/>
                  <a:gd name="T6" fmla="*/ 0 60000 65536"/>
                  <a:gd name="T7" fmla="*/ 0 60000 65536"/>
                  <a:gd name="T8" fmla="*/ 0 60000 65536"/>
                  <a:gd name="T9" fmla="*/ 0 w 1"/>
                  <a:gd name="T10" fmla="*/ 0 h 1"/>
                  <a:gd name="T11" fmla="*/ 1 w 1"/>
                  <a:gd name="T12" fmla="*/ 1 h 1"/>
                </a:gdLst>
                <a:ahLst/>
                <a:cxnLst>
                  <a:cxn ang="T6">
                    <a:pos x="T0" y="T1"/>
                  </a:cxn>
                  <a:cxn ang="T7">
                    <a:pos x="T2" y="T3"/>
                  </a:cxn>
                  <a:cxn ang="T8">
                    <a:pos x="T4" y="T5"/>
                  </a:cxn>
                </a:cxnLst>
                <a:rect l="T9" t="T10" r="T11" b="T12"/>
                <a:pathLst>
                  <a:path w="1" h="1">
                    <a:moveTo>
                      <a:pt x="0" y="0"/>
                    </a:moveTo>
                    <a:cubicBezTo>
                      <a:pt x="0" y="0"/>
                      <a:pt x="0" y="0"/>
                      <a:pt x="0" y="0"/>
                    </a:cubicBezTo>
                    <a:cubicBezTo>
                      <a:pt x="0" y="0"/>
                      <a:pt x="0" y="0"/>
                      <a:pt x="0" y="0"/>
                    </a:cubicBezTo>
                  </a:path>
                </a:pathLst>
              </a:custGeom>
              <a:noFill/>
              <a:ln w="9525" cap="rnd">
                <a:solidFill>
                  <a:srgbClr val="000000"/>
                </a:solidFill>
                <a:prstDash val="solid"/>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grpSp>
        <p:sp>
          <p:nvSpPr>
            <p:cNvPr id="130" name="Rectangle 717"/>
            <p:cNvSpPr>
              <a:spLocks noChangeArrowheads="1"/>
            </p:cNvSpPr>
            <p:nvPr/>
          </p:nvSpPr>
          <p:spPr bwMode="auto">
            <a:xfrm>
              <a:off x="5871273" y="1379429"/>
              <a:ext cx="1158082" cy="202884"/>
            </a:xfrm>
            <a:prstGeom prst="rect">
              <a:avLst/>
            </a:prstGeom>
            <a:noFill/>
            <a:ln w="9525">
              <a:noFill/>
              <a:miter lim="800000"/>
              <a:headEnd/>
              <a:tailEnd/>
            </a:ln>
          </p:spPr>
          <p:txBody>
            <a:bodyPr wrap="square" lIns="0" tIns="0" rIns="0" b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汚泥処理）</a:t>
              </a:r>
            </a:p>
          </p:txBody>
        </p:sp>
        <p:sp>
          <p:nvSpPr>
            <p:cNvPr id="131" name="Rectangle 717"/>
            <p:cNvSpPr>
              <a:spLocks noChangeArrowheads="1"/>
            </p:cNvSpPr>
            <p:nvPr/>
          </p:nvSpPr>
          <p:spPr bwMode="auto">
            <a:xfrm>
              <a:off x="6922721" y="2019364"/>
              <a:ext cx="1436582" cy="202884"/>
            </a:xfrm>
            <a:prstGeom prst="rect">
              <a:avLst/>
            </a:prstGeom>
            <a:noFill/>
            <a:ln w="9525">
              <a:noFill/>
              <a:miter lim="800000"/>
              <a:headEnd/>
              <a:tailEnd/>
            </a:ln>
          </p:spPr>
          <p:txBody>
            <a:bodyPr wrap="square" lIns="0" tIns="0" rIns="0" b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汚泥処理炉）</a:t>
              </a:r>
            </a:p>
          </p:txBody>
        </p:sp>
        <p:sp>
          <p:nvSpPr>
            <p:cNvPr id="132" name="角丸四角形 131"/>
            <p:cNvSpPr/>
            <p:nvPr/>
          </p:nvSpPr>
          <p:spPr>
            <a:xfrm>
              <a:off x="4994746" y="1102060"/>
              <a:ext cx="1946439" cy="1671816"/>
            </a:xfrm>
            <a:prstGeom prst="roundRect">
              <a:avLst>
                <a:gd name="adj" fmla="val 4411"/>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Segoe UI"/>
                <a:ea typeface="Meiryo UI"/>
                <a:cs typeface="+mn-cs"/>
              </a:endParaRPr>
            </a:p>
          </p:txBody>
        </p:sp>
        <p:sp>
          <p:nvSpPr>
            <p:cNvPr id="133" name="Rectangle 717"/>
            <p:cNvSpPr>
              <a:spLocks noChangeArrowheads="1"/>
            </p:cNvSpPr>
            <p:nvPr/>
          </p:nvSpPr>
          <p:spPr bwMode="auto">
            <a:xfrm>
              <a:off x="5146540" y="961855"/>
              <a:ext cx="964407" cy="241552"/>
            </a:xfrm>
            <a:prstGeom prst="rect">
              <a:avLst/>
            </a:prstGeom>
            <a:solidFill>
              <a:srgbClr val="FFFFFF"/>
            </a:solidFill>
            <a:ln w="9525">
              <a:noFill/>
              <a:miter lim="800000"/>
              <a:headEnd/>
              <a:tailEnd/>
            </a:ln>
          </p:spPr>
          <p:txBody>
            <a:bodyPr wrap="square" lIns="0" tIns="0" rIns="0" bIns="0">
              <a:spAutoFit/>
            </a:bodyPr>
            <a:lstStyle/>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下水</a:t>
              </a:r>
              <a:r>
                <a:rPr kumimoji="0" lang="ja-JP" altLang="en-US" sz="1100" b="1"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処理場</a:t>
              </a:r>
              <a:endParaRPr kumimoji="0" lang="en-US" altLang="ja-JP" sz="1200" b="1"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endParaRPr>
            </a:p>
          </p:txBody>
        </p:sp>
        <p:grpSp>
          <p:nvGrpSpPr>
            <p:cNvPr id="134" name="Group 671"/>
            <p:cNvGrpSpPr>
              <a:grpSpLocks/>
            </p:cNvGrpSpPr>
            <p:nvPr/>
          </p:nvGrpSpPr>
          <p:grpSpPr bwMode="auto">
            <a:xfrm rot="-113120">
              <a:off x="4457208" y="2853358"/>
              <a:ext cx="4299145" cy="303212"/>
              <a:chOff x="2696" y="2601"/>
              <a:chExt cx="2125" cy="191"/>
            </a:xfrm>
          </p:grpSpPr>
          <p:sp>
            <p:nvSpPr>
              <p:cNvPr id="149" name="Line 672"/>
              <p:cNvSpPr>
                <a:spLocks noChangeAspect="1" noChangeShapeType="1"/>
              </p:cNvSpPr>
              <p:nvPr/>
            </p:nvSpPr>
            <p:spPr bwMode="gray">
              <a:xfrm rot="-4763704">
                <a:off x="3678" y="1619"/>
                <a:ext cx="157" cy="2121"/>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50" name="Line 673"/>
              <p:cNvSpPr>
                <a:spLocks noChangeAspect="1" noChangeShapeType="1"/>
              </p:cNvSpPr>
              <p:nvPr/>
            </p:nvSpPr>
            <p:spPr bwMode="gray">
              <a:xfrm rot="-4763704">
                <a:off x="3682" y="1653"/>
                <a:ext cx="157" cy="2121"/>
              </a:xfrm>
              <a:prstGeom prst="line">
                <a:avLst/>
              </a:prstGeom>
              <a:no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grpSp>
        <p:sp>
          <p:nvSpPr>
            <p:cNvPr id="135" name="曲折矢印 134"/>
            <p:cNvSpPr/>
            <p:nvPr/>
          </p:nvSpPr>
          <p:spPr>
            <a:xfrm>
              <a:off x="5756511" y="1818359"/>
              <a:ext cx="266570" cy="302052"/>
            </a:xfrm>
            <a:prstGeom prst="bentArrow">
              <a:avLst>
                <a:gd name="adj1" fmla="val 21382"/>
                <a:gd name="adj2" fmla="val 21697"/>
                <a:gd name="adj3" fmla="val 22988"/>
                <a:gd name="adj4" fmla="val 39726"/>
              </a:avLst>
            </a:prstGeom>
            <a:solidFill>
              <a:schemeClr val="bg1">
                <a:lumMod val="85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36" name="Rectangle 682"/>
            <p:cNvSpPr>
              <a:spLocks noChangeArrowheads="1"/>
            </p:cNvSpPr>
            <p:nvPr/>
          </p:nvSpPr>
          <p:spPr bwMode="auto">
            <a:xfrm>
              <a:off x="5284734" y="1781009"/>
              <a:ext cx="529197" cy="184439"/>
            </a:xfrm>
            <a:prstGeom prst="rect">
              <a:avLst/>
            </a:prstGeom>
            <a:noFill/>
            <a:ln w="9525">
              <a:noFill/>
              <a:miter lim="800000"/>
              <a:headEnd/>
              <a:tailEnd/>
            </a:ln>
          </p:spPr>
          <p:txBody>
            <a:bodyPr wrap="square" lIns="0" tIns="0" rIns="0" b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HG丸ｺﾞｼｯｸM-PRO" pitchFamily="50" charset="-128"/>
                  <a:ea typeface="HG丸ｺﾞｼｯｸM-PRO" pitchFamily="50" charset="-128"/>
                  <a:cs typeface="+mn-cs"/>
                </a:rPr>
                <a:t>汚泥</a:t>
              </a:r>
            </a:p>
          </p:txBody>
        </p:sp>
        <p:grpSp>
          <p:nvGrpSpPr>
            <p:cNvPr id="137" name="グループ化 136"/>
            <p:cNvGrpSpPr/>
            <p:nvPr/>
          </p:nvGrpSpPr>
          <p:grpSpPr>
            <a:xfrm>
              <a:off x="6959495" y="1175787"/>
              <a:ext cx="630400" cy="848507"/>
              <a:chOff x="7093662" y="2016453"/>
              <a:chExt cx="630400" cy="848507"/>
            </a:xfrm>
          </p:grpSpPr>
          <p:grpSp>
            <p:nvGrpSpPr>
              <p:cNvPr id="143" name="グループ化 142"/>
              <p:cNvGrpSpPr/>
              <p:nvPr/>
            </p:nvGrpSpPr>
            <p:grpSpPr>
              <a:xfrm>
                <a:off x="7212676" y="2508009"/>
                <a:ext cx="511386" cy="356951"/>
                <a:chOff x="7134195" y="2526945"/>
                <a:chExt cx="511386" cy="356951"/>
              </a:xfrm>
            </p:grpSpPr>
            <p:sp>
              <p:nvSpPr>
                <p:cNvPr id="146" name="Freeform 688"/>
                <p:cNvSpPr>
                  <a:spLocks/>
                </p:cNvSpPr>
                <p:nvPr/>
              </p:nvSpPr>
              <p:spPr bwMode="auto">
                <a:xfrm>
                  <a:off x="7134195" y="2526945"/>
                  <a:ext cx="511385" cy="78324"/>
                </a:xfrm>
                <a:custGeom>
                  <a:avLst/>
                  <a:gdLst>
                    <a:gd name="T0" fmla="*/ 15155 w 307"/>
                    <a:gd name="T1" fmla="*/ 25 h 73"/>
                    <a:gd name="T2" fmla="*/ 0 w 307"/>
                    <a:gd name="T3" fmla="*/ 25 h 73"/>
                    <a:gd name="T4" fmla="*/ 6535 w 307"/>
                    <a:gd name="T5" fmla="*/ 0 h 73"/>
                    <a:gd name="T6" fmla="*/ 20033 w 307"/>
                    <a:gd name="T7" fmla="*/ 0 h 73"/>
                    <a:gd name="T8" fmla="*/ 15155 w 307"/>
                    <a:gd name="T9" fmla="*/ 25 h 73"/>
                    <a:gd name="T10" fmla="*/ 0 60000 65536"/>
                    <a:gd name="T11" fmla="*/ 0 60000 65536"/>
                    <a:gd name="T12" fmla="*/ 0 60000 65536"/>
                    <a:gd name="T13" fmla="*/ 0 60000 65536"/>
                    <a:gd name="T14" fmla="*/ 0 60000 65536"/>
                    <a:gd name="T15" fmla="*/ 0 w 307"/>
                    <a:gd name="T16" fmla="*/ 0 h 73"/>
                    <a:gd name="T17" fmla="*/ 307 w 307"/>
                    <a:gd name="T18" fmla="*/ 73 h 73"/>
                  </a:gdLst>
                  <a:ahLst/>
                  <a:cxnLst>
                    <a:cxn ang="T10">
                      <a:pos x="T0" y="T1"/>
                    </a:cxn>
                    <a:cxn ang="T11">
                      <a:pos x="T2" y="T3"/>
                    </a:cxn>
                    <a:cxn ang="T12">
                      <a:pos x="T4" y="T5"/>
                    </a:cxn>
                    <a:cxn ang="T13">
                      <a:pos x="T6" y="T7"/>
                    </a:cxn>
                    <a:cxn ang="T14">
                      <a:pos x="T8" y="T9"/>
                    </a:cxn>
                  </a:cxnLst>
                  <a:rect l="T15" t="T16" r="T17" b="T18"/>
                  <a:pathLst>
                    <a:path w="307" h="73">
                      <a:moveTo>
                        <a:pt x="232" y="73"/>
                      </a:moveTo>
                      <a:lnTo>
                        <a:pt x="0" y="73"/>
                      </a:lnTo>
                      <a:lnTo>
                        <a:pt x="100" y="0"/>
                      </a:lnTo>
                      <a:lnTo>
                        <a:pt x="307" y="0"/>
                      </a:lnTo>
                      <a:lnTo>
                        <a:pt x="232" y="73"/>
                      </a:lnTo>
                      <a:close/>
                    </a:path>
                  </a:pathLst>
                </a:custGeom>
                <a:solidFill>
                  <a:srgbClr val="808080"/>
                </a:solid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47" name="Rectangle 689"/>
                <p:cNvSpPr>
                  <a:spLocks noChangeArrowheads="1"/>
                </p:cNvSpPr>
                <p:nvPr/>
              </p:nvSpPr>
              <p:spPr bwMode="auto">
                <a:xfrm>
                  <a:off x="7142718" y="2605269"/>
                  <a:ext cx="320225" cy="278627"/>
                </a:xfrm>
                <a:prstGeom prst="rect">
                  <a:avLst/>
                </a:prstGeom>
                <a:solidFill>
                  <a:srgbClr val="969696"/>
                </a:solidFill>
                <a:ln w="9525">
                  <a:solidFill>
                    <a:srgbClr val="000000"/>
                  </a:solidFill>
                  <a:miter lim="800000"/>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48" name="Freeform 687"/>
                <p:cNvSpPr>
                  <a:spLocks/>
                </p:cNvSpPr>
                <p:nvPr/>
              </p:nvSpPr>
              <p:spPr bwMode="auto">
                <a:xfrm>
                  <a:off x="7462943" y="2526945"/>
                  <a:ext cx="182638" cy="356951"/>
                </a:xfrm>
                <a:custGeom>
                  <a:avLst/>
                  <a:gdLst>
                    <a:gd name="T0" fmla="*/ 0 w 75"/>
                    <a:gd name="T1" fmla="*/ 111 h 334"/>
                    <a:gd name="T2" fmla="*/ 0 w 75"/>
                    <a:gd name="T3" fmla="*/ 24 h 334"/>
                    <a:gd name="T4" fmla="*/ 4800 w 75"/>
                    <a:gd name="T5" fmla="*/ 0 h 334"/>
                    <a:gd name="T6" fmla="*/ 4800 w 75"/>
                    <a:gd name="T7" fmla="*/ 79 h 334"/>
                    <a:gd name="T8" fmla="*/ 0 w 75"/>
                    <a:gd name="T9" fmla="*/ 111 h 334"/>
                    <a:gd name="T10" fmla="*/ 0 60000 65536"/>
                    <a:gd name="T11" fmla="*/ 0 60000 65536"/>
                    <a:gd name="T12" fmla="*/ 0 60000 65536"/>
                    <a:gd name="T13" fmla="*/ 0 60000 65536"/>
                    <a:gd name="T14" fmla="*/ 0 60000 65536"/>
                    <a:gd name="T15" fmla="*/ 0 w 75"/>
                    <a:gd name="T16" fmla="*/ 0 h 334"/>
                    <a:gd name="T17" fmla="*/ 75 w 75"/>
                    <a:gd name="T18" fmla="*/ 334 h 334"/>
                  </a:gdLst>
                  <a:ahLst/>
                  <a:cxnLst>
                    <a:cxn ang="T10">
                      <a:pos x="T0" y="T1"/>
                    </a:cxn>
                    <a:cxn ang="T11">
                      <a:pos x="T2" y="T3"/>
                    </a:cxn>
                    <a:cxn ang="T12">
                      <a:pos x="T4" y="T5"/>
                    </a:cxn>
                    <a:cxn ang="T13">
                      <a:pos x="T6" y="T7"/>
                    </a:cxn>
                    <a:cxn ang="T14">
                      <a:pos x="T8" y="T9"/>
                    </a:cxn>
                  </a:cxnLst>
                  <a:rect l="T15" t="T16" r="T17" b="T18"/>
                  <a:pathLst>
                    <a:path w="75" h="334">
                      <a:moveTo>
                        <a:pt x="0" y="334"/>
                      </a:moveTo>
                      <a:lnTo>
                        <a:pt x="0" y="73"/>
                      </a:lnTo>
                      <a:lnTo>
                        <a:pt x="75" y="0"/>
                      </a:lnTo>
                      <a:lnTo>
                        <a:pt x="75" y="237"/>
                      </a:lnTo>
                      <a:lnTo>
                        <a:pt x="0" y="334"/>
                      </a:lnTo>
                      <a:close/>
                    </a:path>
                  </a:pathLst>
                </a:custGeom>
                <a:solidFill>
                  <a:srgbClr val="C0C0C0"/>
                </a:solidFill>
                <a:ln w="9525">
                  <a:solidFill>
                    <a:srgbClr val="000000"/>
                  </a:solidFill>
                  <a:round/>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grpSp>
          <p:sp>
            <p:nvSpPr>
              <p:cNvPr id="144" name="Freeform 693"/>
              <p:cNvSpPr>
                <a:spLocks/>
              </p:cNvSpPr>
              <p:nvPr/>
            </p:nvSpPr>
            <p:spPr bwMode="auto">
              <a:xfrm>
                <a:off x="7352212" y="2199040"/>
                <a:ext cx="216694" cy="355481"/>
              </a:xfrm>
              <a:custGeom>
                <a:avLst/>
                <a:gdLst>
                  <a:gd name="T0" fmla="*/ 0 w 63"/>
                  <a:gd name="T1" fmla="*/ 59 h 182"/>
                  <a:gd name="T2" fmla="*/ 832 w 63"/>
                  <a:gd name="T3" fmla="*/ 0 h 182"/>
                  <a:gd name="T4" fmla="*/ 2816 w 63"/>
                  <a:gd name="T5" fmla="*/ 0 h 182"/>
                  <a:gd name="T6" fmla="*/ 4032 w 63"/>
                  <a:gd name="T7" fmla="*/ 59 h 182"/>
                  <a:gd name="T8" fmla="*/ 0 w 63"/>
                  <a:gd name="T9" fmla="*/ 59 h 182"/>
                  <a:gd name="T10" fmla="*/ 0 60000 65536"/>
                  <a:gd name="T11" fmla="*/ 0 60000 65536"/>
                  <a:gd name="T12" fmla="*/ 0 60000 65536"/>
                  <a:gd name="T13" fmla="*/ 0 60000 65536"/>
                  <a:gd name="T14" fmla="*/ 0 60000 65536"/>
                  <a:gd name="T15" fmla="*/ 0 w 63"/>
                  <a:gd name="T16" fmla="*/ 0 h 182"/>
                  <a:gd name="T17" fmla="*/ 63 w 63"/>
                  <a:gd name="T18" fmla="*/ 182 h 182"/>
                </a:gdLst>
                <a:ahLst/>
                <a:cxnLst>
                  <a:cxn ang="T10">
                    <a:pos x="T0" y="T1"/>
                  </a:cxn>
                  <a:cxn ang="T11">
                    <a:pos x="T2" y="T3"/>
                  </a:cxn>
                  <a:cxn ang="T12">
                    <a:pos x="T4" y="T5"/>
                  </a:cxn>
                  <a:cxn ang="T13">
                    <a:pos x="T6" y="T7"/>
                  </a:cxn>
                  <a:cxn ang="T14">
                    <a:pos x="T8" y="T9"/>
                  </a:cxn>
                </a:cxnLst>
                <a:rect l="T15" t="T16" r="T17" b="T18"/>
                <a:pathLst>
                  <a:path w="63" h="182">
                    <a:moveTo>
                      <a:pt x="0" y="182"/>
                    </a:moveTo>
                    <a:lnTo>
                      <a:pt x="13" y="0"/>
                    </a:lnTo>
                    <a:lnTo>
                      <a:pt x="44" y="0"/>
                    </a:lnTo>
                    <a:lnTo>
                      <a:pt x="63" y="182"/>
                    </a:lnTo>
                    <a:lnTo>
                      <a:pt x="0" y="182"/>
                    </a:lnTo>
                    <a:close/>
                  </a:path>
                </a:pathLst>
              </a:custGeom>
              <a:solidFill>
                <a:srgbClr val="969696"/>
              </a:solidFill>
              <a:ln w="9525" cap="rnd">
                <a:solidFill>
                  <a:srgbClr val="000000"/>
                </a:solidFill>
                <a:prstDash val="solid"/>
                <a:miter lim="800000"/>
                <a:headEnd/>
                <a:tailEnd/>
              </a:ln>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sp>
            <p:nvSpPr>
              <p:cNvPr id="145" name="雲形吹き出し 144"/>
              <p:cNvSpPr/>
              <p:nvPr/>
            </p:nvSpPr>
            <p:spPr>
              <a:xfrm flipH="1">
                <a:off x="7093662" y="2016453"/>
                <a:ext cx="517102" cy="139881"/>
              </a:xfrm>
              <a:prstGeom prst="cloudCallou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Segoe UI"/>
                  <a:ea typeface="Meiryo UI"/>
                  <a:cs typeface="+mn-cs"/>
                </a:endParaRPr>
              </a:p>
            </p:txBody>
          </p:sp>
        </p:grpSp>
        <p:sp>
          <p:nvSpPr>
            <p:cNvPr id="138" name="AutoShape 684"/>
            <p:cNvSpPr>
              <a:spLocks noChangeArrowheads="1"/>
            </p:cNvSpPr>
            <p:nvPr/>
          </p:nvSpPr>
          <p:spPr bwMode="auto">
            <a:xfrm>
              <a:off x="6922722" y="1797251"/>
              <a:ext cx="164310" cy="107950"/>
            </a:xfrm>
            <a:prstGeom prst="rightArrow">
              <a:avLst>
                <a:gd name="adj1" fmla="val 50000"/>
                <a:gd name="adj2" fmla="val 61765"/>
              </a:avLst>
            </a:prstGeom>
            <a:solidFill>
              <a:srgbClr val="C0C0C0"/>
            </a:solidFill>
            <a:ln w="9525">
              <a:solidFill>
                <a:schemeClr val="tx1"/>
              </a:solidFill>
              <a:miter lim="800000"/>
              <a:headEnd/>
              <a:tailEnd/>
            </a:ln>
          </p:spPr>
          <p:txBody>
            <a:bodyPr wrap="none"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black"/>
                </a:solidFill>
                <a:effectLst/>
                <a:uLnTx/>
                <a:uFillTx/>
                <a:latin typeface="Segoe UI"/>
                <a:ea typeface="Meiryo UI"/>
                <a:cs typeface="+mn-cs"/>
              </a:endParaRPr>
            </a:p>
          </p:txBody>
        </p:sp>
      </p:grpSp>
      <p:sp>
        <p:nvSpPr>
          <p:cNvPr id="176" name="タイトル 1"/>
          <p:cNvSpPr txBox="1">
            <a:spLocks/>
          </p:cNvSpPr>
          <p:nvPr/>
        </p:nvSpPr>
        <p:spPr>
          <a:xfrm>
            <a:off x="0" y="679111"/>
            <a:ext cx="3632020" cy="259316"/>
          </a:xfrm>
          <a:prstGeom prst="rect">
            <a:avLst/>
          </a:prstGeom>
          <a:gradFill>
            <a:gsLst>
              <a:gs pos="49000">
                <a:srgbClr val="00B0F0"/>
              </a:gs>
              <a:gs pos="100000">
                <a:schemeClr val="bg1"/>
              </a:gs>
            </a:gsLst>
            <a:lin ang="0" scaled="1"/>
          </a:gradFill>
        </p:spPr>
        <p:txBody>
          <a:bodyPr anchor="ctr">
            <a:normAutofit fontScale="92500" lnSpcReduction="20000"/>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j-cs"/>
              </a:rPr>
              <a:t>概要</a:t>
            </a:r>
          </a:p>
        </p:txBody>
      </p:sp>
      <p:sp>
        <p:nvSpPr>
          <p:cNvPr id="177" name="タイトル 1"/>
          <p:cNvSpPr txBox="1">
            <a:spLocks/>
          </p:cNvSpPr>
          <p:nvPr/>
        </p:nvSpPr>
        <p:spPr>
          <a:xfrm>
            <a:off x="-11886" y="4157122"/>
            <a:ext cx="3632020" cy="259316"/>
          </a:xfrm>
          <a:prstGeom prst="rect">
            <a:avLst/>
          </a:prstGeom>
          <a:gradFill>
            <a:gsLst>
              <a:gs pos="49000">
                <a:srgbClr val="00B0F0"/>
              </a:gs>
              <a:gs pos="100000">
                <a:schemeClr val="bg1"/>
              </a:gs>
            </a:gsLst>
            <a:lin ang="0" scaled="1"/>
          </a:gradFill>
        </p:spPr>
        <p:txBody>
          <a:bodyPr anchor="ctr">
            <a:normAutofit fontScale="92500" lnSpcReduction="20000"/>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j-cs"/>
              </a:rPr>
              <a:t>下水処理イメージ</a:t>
            </a:r>
          </a:p>
        </p:txBody>
      </p:sp>
      <p:sp>
        <p:nvSpPr>
          <p:cNvPr id="2" name="テキスト ボックス 1">
            <a:extLst>
              <a:ext uri="{FF2B5EF4-FFF2-40B4-BE49-F238E27FC236}">
                <a16:creationId xmlns:a16="http://schemas.microsoft.com/office/drawing/2014/main" id="{50BC3A4A-5E66-46A6-634C-6C99C051ABED}"/>
              </a:ext>
            </a:extLst>
          </p:cNvPr>
          <p:cNvSpPr txBox="1"/>
          <p:nvPr/>
        </p:nvSpPr>
        <p:spPr>
          <a:xfrm>
            <a:off x="189264" y="6437762"/>
            <a:ext cx="9570580" cy="400110"/>
          </a:xfrm>
          <a:prstGeom prst="rect">
            <a:avLst/>
          </a:prstGeom>
          <a:noFill/>
          <a:ln>
            <a:noFill/>
          </a:ln>
        </p:spPr>
        <p:txBody>
          <a:bodyPr wrap="square">
            <a:spAutoFit/>
          </a:bodyPr>
          <a:lstStyle/>
          <a:p>
            <a:pPr algn="ctr"/>
            <a:r>
              <a:rPr lang="ja-JP" altLang="en-US" sz="2000" dirty="0">
                <a:latin typeface="+mn-ea"/>
              </a:rPr>
              <a:t>本市下水道施設の</a:t>
            </a:r>
            <a:r>
              <a:rPr lang="ja-JP" altLang="en-US" sz="2000" u="sng" dirty="0">
                <a:solidFill>
                  <a:srgbClr val="FF0000"/>
                </a:solidFill>
                <a:latin typeface="+mn-ea"/>
              </a:rPr>
              <a:t>維持管理については包括的に業務委託</a:t>
            </a:r>
            <a:r>
              <a:rPr lang="ja-JP" altLang="en-US" sz="2000" dirty="0">
                <a:latin typeface="+mn-ea"/>
              </a:rPr>
              <a:t>している。（性能発注方式）</a:t>
            </a:r>
            <a:endParaRPr lang="ja-JP" altLang="en-US" sz="2000" dirty="0"/>
          </a:p>
        </p:txBody>
      </p:sp>
      <p:sp>
        <p:nvSpPr>
          <p:cNvPr id="3" name="テキスト ボックス 2">
            <a:extLst>
              <a:ext uri="{FF2B5EF4-FFF2-40B4-BE49-F238E27FC236}">
                <a16:creationId xmlns:a16="http://schemas.microsoft.com/office/drawing/2014/main" id="{51CD7916-FB00-FFBA-79F2-78578A2B8FE2}"/>
              </a:ext>
            </a:extLst>
          </p:cNvPr>
          <p:cNvSpPr txBox="1"/>
          <p:nvPr/>
        </p:nvSpPr>
        <p:spPr>
          <a:xfrm>
            <a:off x="-28973" y="923779"/>
            <a:ext cx="8548738" cy="3293177"/>
          </a:xfrm>
          <a:prstGeom prst="rect">
            <a:avLst/>
          </a:prstGeom>
          <a:noFill/>
        </p:spPr>
        <p:txBody>
          <a:bodyPr vert="horz" wrap="square" lIns="91407" tIns="45704" rIns="91407" bIns="45704" rtlCol="0" anchor="t">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契約相手：クリアウォーター</a:t>
            </a:r>
            <a:r>
              <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OSAKA</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　株式会社</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契約手法：随意契約</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契約期間：</a:t>
            </a:r>
            <a:r>
              <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20</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年間</a:t>
            </a:r>
            <a:r>
              <a:rPr kumimoji="0" lang="ja-JP" altLang="en-US" sz="1600" b="0" i="0" u="none" strike="noStrike" kern="1200" cap="none" spc="0" normalizeH="0" baseline="0" noProof="0" dirty="0">
                <a:ln>
                  <a:noFill/>
                </a:ln>
                <a:effectLst/>
                <a:uLnTx/>
                <a:uFillTx/>
                <a:latin typeface="HG丸ｺﾞｼｯｸM-PRO" panose="020F0600000000000000" pitchFamily="50" charset="-128"/>
                <a:ea typeface="HG丸ｺﾞｼｯｸM-PRO" panose="020F0600000000000000" pitchFamily="50" charset="-128"/>
                <a:cs typeface="+mn-cs"/>
              </a:rPr>
              <a:t>（業務実施期間：令和</a:t>
            </a:r>
            <a:r>
              <a:rPr kumimoji="0" lang="en-US" altLang="ja-JP" sz="1600" b="0" i="0" u="none" strike="noStrike" kern="1200" cap="none" spc="0" normalizeH="0" baseline="0" noProof="0" dirty="0">
                <a:ln>
                  <a:noFill/>
                </a:ln>
                <a:effectLst/>
                <a:uLnTx/>
                <a:uFillTx/>
                <a:latin typeface="HG丸ｺﾞｼｯｸM-PRO" panose="020F0600000000000000" pitchFamily="50" charset="-128"/>
                <a:ea typeface="HG丸ｺﾞｼｯｸM-PRO" panose="020F0600000000000000" pitchFamily="50" charset="-128"/>
                <a:cs typeface="+mn-cs"/>
              </a:rPr>
              <a:t>4</a:t>
            </a:r>
            <a:r>
              <a:rPr kumimoji="0" lang="ja-JP" altLang="en-US" sz="1600" b="0" i="0" u="none" strike="noStrike" kern="1200" cap="none" spc="0" normalizeH="0" baseline="0" noProof="0" dirty="0">
                <a:ln>
                  <a:noFill/>
                </a:ln>
                <a:effectLst/>
                <a:uLnTx/>
                <a:uFillTx/>
                <a:latin typeface="HG丸ｺﾞｼｯｸM-PRO" panose="020F0600000000000000" pitchFamily="50" charset="-128"/>
                <a:ea typeface="HG丸ｺﾞｼｯｸM-PRO" panose="020F0600000000000000" pitchFamily="50" charset="-128"/>
                <a:cs typeface="+mn-cs"/>
              </a:rPr>
              <a:t>年～令和</a:t>
            </a:r>
            <a:r>
              <a:rPr kumimoji="0" lang="en-US" altLang="ja-JP" sz="1600" b="0" i="0" u="none" strike="noStrike" kern="1200" cap="none" spc="0" normalizeH="0" baseline="0" noProof="0" dirty="0">
                <a:ln>
                  <a:noFill/>
                </a:ln>
                <a:effectLst/>
                <a:uLnTx/>
                <a:uFillTx/>
                <a:latin typeface="HG丸ｺﾞｼｯｸM-PRO" panose="020F0600000000000000" pitchFamily="50" charset="-128"/>
                <a:ea typeface="HG丸ｺﾞｼｯｸM-PRO" panose="020F0600000000000000" pitchFamily="50" charset="-128"/>
                <a:cs typeface="+mn-cs"/>
              </a:rPr>
              <a:t>23</a:t>
            </a:r>
            <a:r>
              <a:rPr kumimoji="0" lang="ja-JP" altLang="en-US" sz="1600" b="0" i="0" u="none" strike="noStrike" kern="1200" cap="none" spc="0" normalizeH="0" baseline="0" noProof="0" dirty="0">
                <a:ln>
                  <a:noFill/>
                </a:ln>
                <a:effectLst/>
                <a:uLnTx/>
                <a:uFillTx/>
                <a:latin typeface="HG丸ｺﾞｼｯｸM-PRO" panose="020F0600000000000000" pitchFamily="50" charset="-128"/>
                <a:ea typeface="HG丸ｺﾞｼｯｸM-PRO" panose="020F0600000000000000" pitchFamily="50" charset="-128"/>
                <a:cs typeface="+mn-cs"/>
              </a:rPr>
              <a:t>年度）</a:t>
            </a:r>
          </a:p>
          <a:p>
            <a:pPr lvl="0">
              <a:defRPr/>
            </a:pPr>
            <a:r>
              <a:rPr kumimoji="0" lang="ja-JP" altLang="en-US" sz="1600" b="0" i="0" u="none" strike="noStrike" kern="1200" cap="none" spc="0" normalizeH="0" baseline="0" noProof="0" dirty="0">
                <a:ln>
                  <a:noFill/>
                </a:ln>
                <a:effectLst/>
                <a:uLnTx/>
                <a:uFillTx/>
                <a:latin typeface="HG丸ｺﾞｼｯｸM-PRO" panose="020F0600000000000000" pitchFamily="50" charset="-128"/>
                <a:ea typeface="HG丸ｺﾞｼｯｸM-PRO" panose="020F0600000000000000" pitchFamily="50" charset="-128"/>
                <a:cs typeface="+mn-cs"/>
              </a:rPr>
              <a:t>○契約金額：約</a:t>
            </a:r>
            <a:r>
              <a:rPr kumimoji="0" lang="ja-JP" altLang="en-US" sz="1600" b="0" i="0" u="none" strike="noStrike" kern="1200" cap="none" spc="0" normalizeH="0" baseline="0" noProof="0" dirty="0">
                <a:ln>
                  <a:noFill/>
                </a:ln>
                <a:solidFill>
                  <a:srgbClr val="FF0000"/>
                </a:solidFill>
                <a:effectLst/>
                <a:uLnTx/>
                <a:uFillTx/>
                <a:latin typeface="HG丸ｺﾞｼｯｸM-PRO" panose="020F0600000000000000" pitchFamily="50" charset="-128"/>
                <a:ea typeface="HG丸ｺﾞｼｯｸM-PRO" panose="020F0600000000000000" pitchFamily="50" charset="-128"/>
                <a:cs typeface="+mn-cs"/>
              </a:rPr>
              <a:t>４</a:t>
            </a:r>
            <a:r>
              <a:rPr kumimoji="0" lang="en-US" altLang="ja-JP" sz="1600" b="0" i="0" u="none" strike="noStrike" kern="1200" cap="none" spc="0" normalizeH="0" baseline="0" noProof="0" dirty="0">
                <a:ln>
                  <a:noFill/>
                </a:ln>
                <a:solidFill>
                  <a:srgbClr val="FF0000"/>
                </a:solidFill>
                <a:effectLst/>
                <a:uLnTx/>
                <a:uFillTx/>
                <a:latin typeface="HG丸ｺﾞｼｯｸM-PRO" panose="020F0600000000000000" pitchFamily="50" charset="-128"/>
                <a:ea typeface="HG丸ｺﾞｼｯｸM-PRO" panose="020F0600000000000000" pitchFamily="50" charset="-128"/>
                <a:cs typeface="+mn-cs"/>
              </a:rPr>
              <a:t>,</a:t>
            </a:r>
            <a:r>
              <a:rPr kumimoji="0" lang="ja-JP" altLang="en-US" sz="1600" b="0" i="0" u="none" strike="noStrike" kern="1200" cap="none" spc="0" normalizeH="0" baseline="0" noProof="0" dirty="0">
                <a:ln>
                  <a:noFill/>
                </a:ln>
                <a:solidFill>
                  <a:srgbClr val="FF0000"/>
                </a:solidFill>
                <a:effectLst/>
                <a:uLnTx/>
                <a:uFillTx/>
                <a:latin typeface="HG丸ｺﾞｼｯｸM-PRO" panose="020F0600000000000000" pitchFamily="50" charset="-128"/>
                <a:ea typeface="HG丸ｺﾞｼｯｸM-PRO" panose="020F0600000000000000" pitchFamily="50" charset="-128"/>
                <a:cs typeface="+mn-cs"/>
              </a:rPr>
              <a:t>１３５</a:t>
            </a:r>
            <a:r>
              <a:rPr kumimoji="0" lang="ja-JP" altLang="en-US" sz="1600" b="0" i="0" u="none" strike="noStrike" kern="1200" cap="none" spc="0" normalizeH="0" baseline="0" noProof="0" dirty="0">
                <a:ln>
                  <a:noFill/>
                </a:ln>
                <a:effectLst/>
                <a:uLnTx/>
                <a:uFillTx/>
                <a:latin typeface="HG丸ｺﾞｼｯｸM-PRO" panose="020F0600000000000000" pitchFamily="50" charset="-128"/>
                <a:ea typeface="HG丸ｺﾞｼｯｸM-PRO" panose="020F0600000000000000" pitchFamily="50" charset="-128"/>
                <a:cs typeface="+mn-cs"/>
              </a:rPr>
              <a:t>億円（税込み）</a:t>
            </a:r>
            <a:r>
              <a:rPr lang="en-US" altLang="ja-JP" sz="1600" dirty="0">
                <a:latin typeface="HG丸ｺﾞｼｯｸM-PRO" panose="020F0600000000000000" pitchFamily="50" charset="-128"/>
                <a:ea typeface="HG丸ｺﾞｼｯｸM-PRO" panose="020F0600000000000000" pitchFamily="50" charset="-128"/>
              </a:rPr>
              <a:t> ※R7</a:t>
            </a:r>
            <a:r>
              <a:rPr lang="ja-JP" altLang="en-US" sz="1600" dirty="0">
                <a:latin typeface="HG丸ｺﾞｼｯｸM-PRO" panose="020F0600000000000000" pitchFamily="50" charset="-128"/>
                <a:ea typeface="HG丸ｺﾞｼｯｸM-PRO" panose="020F0600000000000000" pitchFamily="50" charset="-128"/>
              </a:rPr>
              <a:t>年</a:t>
            </a:r>
            <a:r>
              <a:rPr lang="ja-JP" altLang="en-US" sz="1600" dirty="0">
                <a:solidFill>
                  <a:srgbClr val="FF0000"/>
                </a:solidFill>
                <a:latin typeface="HG丸ｺﾞｼｯｸM-PRO" panose="020F0600000000000000" pitchFamily="50" charset="-128"/>
                <a:ea typeface="HG丸ｺﾞｼｯｸM-PRO" panose="020F0600000000000000" pitchFamily="50" charset="-128"/>
              </a:rPr>
              <a:t>９</a:t>
            </a:r>
            <a:r>
              <a:rPr lang="ja-JP" altLang="en-US" sz="1600" dirty="0">
                <a:latin typeface="HG丸ｺﾞｼｯｸM-PRO" panose="020F0600000000000000" pitchFamily="50" charset="-128"/>
                <a:ea typeface="HG丸ｺﾞｼｯｸM-PRO" panose="020F0600000000000000" pitchFamily="50" charset="-128"/>
              </a:rPr>
              <a:t>月末時点</a:t>
            </a:r>
            <a:endParaRPr kumimoji="0" lang="ja-JP" altLang="en-US" sz="1600" b="0" i="0" u="none" strike="noStrike" kern="1200" cap="none" spc="0" normalizeH="0" baseline="0" noProof="0" dirty="0">
              <a:ln>
                <a:noFill/>
              </a:ln>
              <a:effectLst/>
              <a:uLnTx/>
              <a:uFillTx/>
              <a:latin typeface="HG丸ｺﾞｼｯｸM-PRO" panose="020F0600000000000000" pitchFamily="50" charset="-128"/>
              <a:ea typeface="HG丸ｺﾞｼｯｸM-PRO" panose="020F06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600" b="0" i="0" u="none" strike="noStrike" kern="1200" cap="none" spc="0" normalizeH="0" baseline="0" noProof="0" dirty="0">
                <a:ln>
                  <a:noFill/>
                </a:ln>
                <a:effectLst/>
                <a:uLnTx/>
                <a:uFillTx/>
                <a:latin typeface="HG丸ｺﾞｼｯｸM-PRO" panose="020F0600000000000000" pitchFamily="50" charset="-128"/>
                <a:ea typeface="HG丸ｺﾞｼｯｸM-PRO" panose="020F0600000000000000" pitchFamily="50" charset="-128"/>
                <a:cs typeface="+mn-cs"/>
              </a:rPr>
              <a:t>○委託内容</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大阪市内で管理又は所有している下水道施設等に</a:t>
            </a:r>
            <a:endPar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600" dirty="0">
                <a:solidFill>
                  <a:prstClr val="black"/>
                </a:solidFill>
                <a:latin typeface="HG丸ｺﾞｼｯｸM-PRO" panose="020F0600000000000000" pitchFamily="50" charset="-128"/>
                <a:ea typeface="HG丸ｺﾞｼｯｸM-PRO" panose="020F0600000000000000" pitchFamily="50" charset="-128"/>
              </a:rPr>
              <a:t>　　　　　　</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ついて、維持管理業務を性能発注方式により包括</a:t>
            </a:r>
            <a:endPar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endParaRPr>
          </a:p>
          <a:p>
            <a:pPr lvl="0">
              <a:defRPr/>
            </a:pPr>
            <a:r>
              <a:rPr lang="ja-JP" altLang="en-US" sz="1600" dirty="0">
                <a:solidFill>
                  <a:prstClr val="black"/>
                </a:solidFill>
                <a:latin typeface="HG丸ｺﾞｼｯｸM-PRO" panose="020F0600000000000000" pitchFamily="50" charset="-128"/>
                <a:ea typeface="HG丸ｺﾞｼｯｸM-PRO" panose="020F0600000000000000" pitchFamily="50" charset="-128"/>
              </a:rPr>
              <a:t>　　　　　　</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的に委託。</a:t>
            </a:r>
            <a:r>
              <a:rPr kumimoji="0" lang="ja-JP" altLang="en-US" sz="1600" b="0" i="0" u="none" strike="noStrike" kern="1200" cap="none" spc="0" normalizeH="0" baseline="0" noProof="0" dirty="0">
                <a:ln>
                  <a:noFill/>
                </a:ln>
                <a:solidFill>
                  <a:srgbClr val="FF0000"/>
                </a:solidFill>
                <a:effectLst/>
                <a:uLnTx/>
                <a:uFillTx/>
                <a:latin typeface="HG丸ｺﾞｼｯｸM-PRO" panose="020F0600000000000000" pitchFamily="50" charset="-128"/>
                <a:ea typeface="HG丸ｺﾞｼｯｸM-PRO" panose="020F0600000000000000" pitchFamily="50" charset="-128"/>
                <a:cs typeface="+mn-cs"/>
              </a:rPr>
              <a:t>また、</a:t>
            </a:r>
            <a:r>
              <a:rPr lang="en-US" altLang="ja-JP" sz="1600" dirty="0">
                <a:solidFill>
                  <a:srgbClr val="FF0000"/>
                </a:solidFill>
                <a:latin typeface="HG丸ｺﾞｼｯｸM-PRO" panose="020F0600000000000000" pitchFamily="50" charset="-128"/>
                <a:ea typeface="HG丸ｺﾞｼｯｸM-PRO" panose="020F0600000000000000" pitchFamily="50" charset="-128"/>
              </a:rPr>
              <a:t>R7</a:t>
            </a:r>
            <a:r>
              <a:rPr lang="ja-JP" altLang="en-US" sz="1600" dirty="0">
                <a:solidFill>
                  <a:srgbClr val="FF0000"/>
                </a:solidFill>
                <a:latin typeface="HG丸ｺﾞｼｯｸM-PRO" panose="020F0600000000000000" pitchFamily="50" charset="-128"/>
                <a:ea typeface="HG丸ｺﾞｼｯｸM-PRO" panose="020F0600000000000000" pitchFamily="50" charset="-128"/>
              </a:rPr>
              <a:t>年度から</a:t>
            </a:r>
            <a:r>
              <a:rPr lang="en-US" altLang="ja-JP" sz="1600" dirty="0">
                <a:solidFill>
                  <a:srgbClr val="FF0000"/>
                </a:solidFill>
                <a:latin typeface="HG丸ｺﾞｼｯｸM-PRO" panose="020F0600000000000000" pitchFamily="50" charset="-128"/>
                <a:ea typeface="HG丸ｺﾞｼｯｸM-PRO" panose="020F0600000000000000" pitchFamily="50" charset="-128"/>
              </a:rPr>
              <a:t>W</a:t>
            </a:r>
            <a:r>
              <a:rPr lang="ja-JP" altLang="en-US" sz="1600" dirty="0">
                <a:solidFill>
                  <a:srgbClr val="FF0000"/>
                </a:solidFill>
                <a:latin typeface="HG丸ｺﾞｼｯｸM-PRO" panose="020F0600000000000000" pitchFamily="50" charset="-128"/>
                <a:ea typeface="HG丸ｺﾞｼｯｸM-PRO" panose="020F0600000000000000" pitchFamily="50" charset="-128"/>
              </a:rPr>
              <a:t>ー</a:t>
            </a:r>
            <a:r>
              <a:rPr lang="en-US" altLang="ja-JP" sz="1600" dirty="0">
                <a:solidFill>
                  <a:srgbClr val="FF0000"/>
                </a:solidFill>
                <a:latin typeface="HG丸ｺﾞｼｯｸM-PRO" panose="020F0600000000000000" pitchFamily="50" charset="-128"/>
                <a:ea typeface="HG丸ｺﾞｼｯｸM-PRO" panose="020F0600000000000000" pitchFamily="50" charset="-128"/>
              </a:rPr>
              <a:t>PPP</a:t>
            </a:r>
            <a:r>
              <a:rPr lang="ja-JP" altLang="en-US" sz="1600" dirty="0">
                <a:solidFill>
                  <a:srgbClr val="FF0000"/>
                </a:solidFill>
                <a:latin typeface="HG丸ｺﾞｼｯｸM-PRO" panose="020F0600000000000000" pitchFamily="50" charset="-128"/>
                <a:ea typeface="HG丸ｺﾞｼｯｸM-PRO" panose="020F0600000000000000" pitchFamily="50" charset="-128"/>
              </a:rPr>
              <a:t>として、</a:t>
            </a:r>
            <a:endParaRPr lang="en-US" altLang="ja-JP" sz="1600" dirty="0">
              <a:solidFill>
                <a:srgbClr val="FF0000"/>
              </a:solidFill>
              <a:latin typeface="HG丸ｺﾞｼｯｸM-PRO" panose="020F0600000000000000" pitchFamily="50" charset="-128"/>
              <a:ea typeface="HG丸ｺﾞｼｯｸM-PRO" panose="020F0600000000000000" pitchFamily="50" charset="-128"/>
            </a:endParaRPr>
          </a:p>
          <a:p>
            <a:pPr lvl="0">
              <a:defRPr/>
            </a:pPr>
            <a:r>
              <a:rPr lang="ja-JP" altLang="en-US" sz="1600" dirty="0">
                <a:solidFill>
                  <a:srgbClr val="FF0000"/>
                </a:solidFill>
                <a:latin typeface="HG丸ｺﾞｼｯｸM-PRO" panose="020F0600000000000000" pitchFamily="50" charset="-128"/>
                <a:ea typeface="HG丸ｺﾞｼｯｸM-PRO" panose="020F0600000000000000" pitchFamily="50" charset="-128"/>
              </a:rPr>
              <a:t>　　　　　　処理場・ポンプ場・管路改築更新計画作成業務を</a:t>
            </a:r>
            <a:endParaRPr lang="en-US" altLang="ja-JP" sz="1600" dirty="0">
              <a:solidFill>
                <a:srgbClr val="FF0000"/>
              </a:solidFill>
              <a:latin typeface="HG丸ｺﾞｼｯｸM-PRO" panose="020F0600000000000000" pitchFamily="50" charset="-128"/>
              <a:ea typeface="HG丸ｺﾞｼｯｸM-PRO" panose="020F0600000000000000" pitchFamily="50" charset="-128"/>
            </a:endParaRPr>
          </a:p>
          <a:p>
            <a:pPr lvl="0">
              <a:defRPr/>
            </a:pPr>
            <a:r>
              <a:rPr lang="ja-JP" altLang="en-US" sz="1600" dirty="0">
                <a:solidFill>
                  <a:srgbClr val="FF0000"/>
                </a:solidFill>
                <a:latin typeface="HG丸ｺﾞｼｯｸM-PRO" panose="020F0600000000000000" pitchFamily="50" charset="-128"/>
                <a:ea typeface="HG丸ｺﾞｼｯｸM-PRO" panose="020F0600000000000000" pitchFamily="50" charset="-128"/>
              </a:rPr>
              <a:t>　　　　　　委託。</a:t>
            </a:r>
            <a:endParaRPr kumimoji="0" lang="ja-JP" altLang="en-US" sz="1600" b="0" i="0" u="none" strike="noStrike" kern="1200" cap="none" spc="0" normalizeH="0" baseline="0" noProof="0" dirty="0">
              <a:ln>
                <a:noFill/>
              </a:ln>
              <a:solidFill>
                <a:srgbClr val="FF0000"/>
              </a:solidFill>
              <a:effectLst/>
              <a:uLnTx/>
              <a:uFillTx/>
              <a:latin typeface="HG丸ｺﾞｼｯｸM-PRO" panose="020F0600000000000000" pitchFamily="50" charset="-128"/>
              <a:ea typeface="HG丸ｺﾞｼｯｸM-PRO" panose="020F06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対象施設：管渠施設（管渠約</a:t>
            </a:r>
            <a:r>
              <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4,9</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９３ｋｍ、マンホール</a:t>
            </a:r>
            <a:endPar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600" dirty="0">
                <a:solidFill>
                  <a:prstClr val="black"/>
                </a:solidFill>
                <a:latin typeface="HG丸ｺﾞｼｯｸM-PRO" panose="020F0600000000000000" pitchFamily="50" charset="-128"/>
                <a:ea typeface="HG丸ｺﾞｼｯｸM-PRO" panose="020F0600000000000000" pitchFamily="50" charset="-128"/>
              </a:rPr>
              <a:t>　　　　　　</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約</a:t>
            </a:r>
            <a:r>
              <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20</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万個所、集水ます約</a:t>
            </a:r>
            <a:r>
              <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60</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万個所、取付管</a:t>
            </a:r>
            <a:endPar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600" dirty="0">
                <a:solidFill>
                  <a:prstClr val="black"/>
                </a:solidFill>
                <a:latin typeface="HG丸ｺﾞｼｯｸM-PRO" panose="020F0600000000000000" pitchFamily="50" charset="-128"/>
                <a:ea typeface="HG丸ｺﾞｼｯｸM-PRO" panose="020F0600000000000000" pitchFamily="50" charset="-128"/>
              </a:rPr>
              <a:t>　　　　　　</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約</a:t>
            </a:r>
            <a:r>
              <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1,900km</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抽水所（ポンプ場</a:t>
            </a:r>
            <a:r>
              <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59</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箇所）、</a:t>
            </a:r>
            <a:endPar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600" dirty="0">
                <a:solidFill>
                  <a:prstClr val="black"/>
                </a:solidFill>
                <a:latin typeface="HG丸ｺﾞｼｯｸM-PRO" panose="020F0600000000000000" pitchFamily="50" charset="-128"/>
                <a:ea typeface="HG丸ｺﾞｼｯｸM-PRO" panose="020F0600000000000000" pitchFamily="50" charset="-128"/>
              </a:rPr>
              <a:t>　　　　　　</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下水処理場（</a:t>
            </a:r>
            <a:r>
              <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12</a:t>
            </a:r>
            <a:r>
              <a:rPr kumimoji="0" lang="ja-JP" altLang="en-US"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rPr>
              <a:t>箇所）</a:t>
            </a:r>
            <a:endParaRPr kumimoji="0" lang="en-US" altLang="ja-JP" sz="1600" b="0" i="0" u="none" strike="noStrike" kern="1200" cap="none" spc="0" normalizeH="0" baseline="0" noProof="0" dirty="0">
              <a:ln>
                <a:noFill/>
              </a:ln>
              <a:solidFill>
                <a:prstClr val="black"/>
              </a:solidFill>
              <a:effectLst/>
              <a:uLnTx/>
              <a:uFillTx/>
              <a:latin typeface="HG丸ｺﾞｼｯｸM-PRO" panose="020F0600000000000000" pitchFamily="50" charset="-128"/>
              <a:ea typeface="HG丸ｺﾞｼｯｸM-PRO" panose="020F0600000000000000" pitchFamily="50" charset="-128"/>
              <a:cs typeface="+mn-cs"/>
            </a:endParaRPr>
          </a:p>
        </p:txBody>
      </p:sp>
      <p:sp>
        <p:nvSpPr>
          <p:cNvPr id="4" name="角丸四角形 17">
            <a:extLst>
              <a:ext uri="{FF2B5EF4-FFF2-40B4-BE49-F238E27FC236}">
                <a16:creationId xmlns:a16="http://schemas.microsoft.com/office/drawing/2014/main" id="{BB2AF6D5-5187-9F53-042C-405C3263FBED}"/>
              </a:ext>
            </a:extLst>
          </p:cNvPr>
          <p:cNvSpPr/>
          <p:nvPr/>
        </p:nvSpPr>
        <p:spPr>
          <a:xfrm>
            <a:off x="72908" y="96839"/>
            <a:ext cx="95282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２．</a:t>
            </a:r>
            <a:r>
              <a:rPr lang="zh-TW" altLang="en-US" sz="2275" dirty="0">
                <a:solidFill>
                  <a:schemeClr val="tx1"/>
                </a:solidFill>
                <a:latin typeface="HGPｺﾞｼｯｸE" panose="020B0900000000000000" pitchFamily="50" charset="-128"/>
                <a:ea typeface="HGPｺﾞｼｯｸE" panose="020B0900000000000000" pitchFamily="50" charset="-128"/>
              </a:rPr>
              <a:t>大阪市下水道施設包括的管理業務委託</a:t>
            </a:r>
            <a:r>
              <a:rPr lang="ja-JP" altLang="en-US" sz="2275" dirty="0">
                <a:solidFill>
                  <a:schemeClr val="tx1"/>
                </a:solidFill>
                <a:latin typeface="HGPｺﾞｼｯｸE" panose="020B0900000000000000" pitchFamily="50" charset="-128"/>
                <a:ea typeface="HGPｺﾞｼｯｸE" panose="020B0900000000000000" pitchFamily="50" charset="-128"/>
              </a:rPr>
              <a:t>の業務</a:t>
            </a:r>
            <a:r>
              <a:rPr lang="zh-TW" altLang="en-US" sz="2275" dirty="0">
                <a:solidFill>
                  <a:schemeClr val="tx1"/>
                </a:solidFill>
                <a:latin typeface="HGPｺﾞｼｯｸE" panose="020B0900000000000000" pitchFamily="50" charset="-128"/>
                <a:ea typeface="HGPｺﾞｼｯｸE" panose="020B0900000000000000" pitchFamily="50" charset="-128"/>
              </a:rPr>
              <a:t>内容</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
        <p:nvSpPr>
          <p:cNvPr id="6" name="テキスト ボックス 5">
            <a:extLst>
              <a:ext uri="{FF2B5EF4-FFF2-40B4-BE49-F238E27FC236}">
                <a16:creationId xmlns:a16="http://schemas.microsoft.com/office/drawing/2014/main" id="{BCFA7B01-F9FF-6005-7C0C-23B4AB376393}"/>
              </a:ext>
            </a:extLst>
          </p:cNvPr>
          <p:cNvSpPr txBox="1"/>
          <p:nvPr/>
        </p:nvSpPr>
        <p:spPr>
          <a:xfrm>
            <a:off x="7016532" y="6112374"/>
            <a:ext cx="2509989" cy="276999"/>
          </a:xfrm>
          <a:prstGeom prst="rect">
            <a:avLst/>
          </a:prstGeom>
          <a:noFill/>
          <a:ln>
            <a:noFill/>
          </a:ln>
        </p:spPr>
        <p:txBody>
          <a:bodyPr wrap="square">
            <a:spAutoFit/>
          </a:bodyPr>
          <a:lstStyle/>
          <a:p>
            <a:r>
              <a:rPr lang="en-US" altLang="ja-JP" sz="1200" dirty="0">
                <a:latin typeface="+mn-ea"/>
              </a:rPr>
              <a:t>※</a:t>
            </a:r>
            <a:r>
              <a:rPr lang="ja-JP" altLang="en-US" sz="1200" dirty="0">
                <a:latin typeface="+mn-ea"/>
              </a:rPr>
              <a:t>汚泥処理炉は包括委託の対象外</a:t>
            </a:r>
            <a:endParaRPr lang="ja-JP" altLang="en-US" sz="1200" dirty="0"/>
          </a:p>
        </p:txBody>
      </p:sp>
    </p:spTree>
    <p:extLst>
      <p:ext uri="{BB962C8B-B14F-4D97-AF65-F5344CB8AC3E}">
        <p14:creationId xmlns:p14="http://schemas.microsoft.com/office/powerpoint/2010/main" val="352462877"/>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2"/>
          </p:nvPr>
        </p:nvSpPr>
        <p:spPr/>
        <p:txBody>
          <a:bodyPr/>
          <a:lstStyle/>
          <a:p>
            <a:fld id="{36EC18DB-A5DF-4E0E-B815-FCD04A2C4B2C}" type="slidenum">
              <a:rPr kumimoji="1" lang="ja-JP" altLang="en-US" smtClean="0"/>
              <a:t>70</a:t>
            </a:fld>
            <a:endParaRPr kumimoji="1" lang="ja-JP" altLang="en-US"/>
          </a:p>
        </p:txBody>
      </p:sp>
      <p:sp>
        <p:nvSpPr>
          <p:cNvPr id="9"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業務モニタリング確認４６項目（処理場・抽水所施設）</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7"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6113080" y="73645"/>
            <a:ext cx="3741441" cy="1101085"/>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200" u="sng" dirty="0">
                <a:solidFill>
                  <a:schemeClr val="bg1"/>
                </a:solidFill>
                <a:latin typeface="HGP創英角ｺﾞｼｯｸUB" panose="020B0900000000000000" pitchFamily="50" charset="-128"/>
                <a:ea typeface="HGP創英角ｺﾞｼｯｸUB" panose="020B0900000000000000" pitchFamily="50" charset="-128"/>
              </a:rPr>
              <a:t>モニタリング結果凡例</a:t>
            </a:r>
            <a:endParaRPr lang="en-US" altLang="ja-JP" sz="1200" u="sng"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〇　：　問題なし　　　　　△　：　問題ないが改善可能</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en-US" altLang="ja-JP" sz="12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　：　業務履行に問題あり　　</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ユーティリティ  達成機場数</a:t>
            </a:r>
            <a:r>
              <a:rPr lang="en-US" altLang="ja-JP" sz="12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対象機場数</a:t>
            </a:r>
            <a:endParaRPr lang="ja-JP" altLang="en-US" sz="1200" dirty="0">
              <a:solidFill>
                <a:srgbClr val="FF0000"/>
              </a:solidFill>
              <a:latin typeface="HGP創英角ｺﾞｼｯｸUB" panose="020B0900000000000000" pitchFamily="50" charset="-128"/>
              <a:ea typeface="HGP創英角ｺﾞｼｯｸUB" panose="020B0900000000000000" pitchFamily="50" charset="-128"/>
            </a:endParaRPr>
          </a:p>
        </p:txBody>
      </p:sp>
      <p:graphicFrame>
        <p:nvGraphicFramePr>
          <p:cNvPr id="4" name="表 3">
            <a:extLst>
              <a:ext uri="{FF2B5EF4-FFF2-40B4-BE49-F238E27FC236}">
                <a16:creationId xmlns:a16="http://schemas.microsoft.com/office/drawing/2014/main" id="{C9A21EBE-176F-E006-C91F-ABF163AC402B}"/>
              </a:ext>
            </a:extLst>
          </p:cNvPr>
          <p:cNvGraphicFramePr>
            <a:graphicFrameLocks noGrp="1"/>
          </p:cNvGraphicFramePr>
          <p:nvPr/>
        </p:nvGraphicFramePr>
        <p:xfrm>
          <a:off x="242624" y="1245179"/>
          <a:ext cx="9252000" cy="5539176"/>
        </p:xfrm>
        <a:graphic>
          <a:graphicData uri="http://schemas.openxmlformats.org/drawingml/2006/table">
            <a:tbl>
              <a:tblPr/>
              <a:tblGrid>
                <a:gridCol w="360000">
                  <a:extLst>
                    <a:ext uri="{9D8B030D-6E8A-4147-A177-3AD203B41FA5}">
                      <a16:colId xmlns:a16="http://schemas.microsoft.com/office/drawing/2014/main" val="3413883257"/>
                    </a:ext>
                  </a:extLst>
                </a:gridCol>
                <a:gridCol w="3960000">
                  <a:extLst>
                    <a:ext uri="{9D8B030D-6E8A-4147-A177-3AD203B41FA5}">
                      <a16:colId xmlns:a16="http://schemas.microsoft.com/office/drawing/2014/main" val="3236478426"/>
                    </a:ext>
                  </a:extLst>
                </a:gridCol>
                <a:gridCol w="360000">
                  <a:extLst>
                    <a:ext uri="{9D8B030D-6E8A-4147-A177-3AD203B41FA5}">
                      <a16:colId xmlns:a16="http://schemas.microsoft.com/office/drawing/2014/main" val="3183135006"/>
                    </a:ext>
                  </a:extLst>
                </a:gridCol>
                <a:gridCol w="360000">
                  <a:extLst>
                    <a:ext uri="{9D8B030D-6E8A-4147-A177-3AD203B41FA5}">
                      <a16:colId xmlns:a16="http://schemas.microsoft.com/office/drawing/2014/main" val="3538427471"/>
                    </a:ext>
                  </a:extLst>
                </a:gridCol>
                <a:gridCol w="360000">
                  <a:extLst>
                    <a:ext uri="{9D8B030D-6E8A-4147-A177-3AD203B41FA5}">
                      <a16:colId xmlns:a16="http://schemas.microsoft.com/office/drawing/2014/main" val="2168091320"/>
                    </a:ext>
                  </a:extLst>
                </a:gridCol>
                <a:gridCol w="360000">
                  <a:extLst>
                    <a:ext uri="{9D8B030D-6E8A-4147-A177-3AD203B41FA5}">
                      <a16:colId xmlns:a16="http://schemas.microsoft.com/office/drawing/2014/main" val="688112040"/>
                    </a:ext>
                  </a:extLst>
                </a:gridCol>
                <a:gridCol w="900000">
                  <a:extLst>
                    <a:ext uri="{9D8B030D-6E8A-4147-A177-3AD203B41FA5}">
                      <a16:colId xmlns:a16="http://schemas.microsoft.com/office/drawing/2014/main" val="1610500611"/>
                    </a:ext>
                  </a:extLst>
                </a:gridCol>
                <a:gridCol w="540000">
                  <a:extLst>
                    <a:ext uri="{9D8B030D-6E8A-4147-A177-3AD203B41FA5}">
                      <a16:colId xmlns:a16="http://schemas.microsoft.com/office/drawing/2014/main" val="2627374657"/>
                    </a:ext>
                  </a:extLst>
                </a:gridCol>
                <a:gridCol w="2052000">
                  <a:extLst>
                    <a:ext uri="{9D8B030D-6E8A-4147-A177-3AD203B41FA5}">
                      <a16:colId xmlns:a16="http://schemas.microsoft.com/office/drawing/2014/main" val="1106011053"/>
                    </a:ext>
                  </a:extLst>
                </a:gridCol>
              </a:tblGrid>
              <a:tr h="216000">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観点</a:t>
                      </a:r>
                    </a:p>
                  </a:txBody>
                  <a:tcPr marL="106621" marR="106621" marT="53311" marB="53311" anchor="ctr">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確認内容・項目</a:t>
                      </a:r>
                    </a:p>
                  </a:txBody>
                  <a:tcPr marL="106621" marR="106621" marT="53311" marB="53311" anchor="ctr">
                    <a:lnL>
                      <a:noFill/>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gridSpan="4">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モニタリング結果</a:t>
                      </a:r>
                    </a:p>
                  </a:txBody>
                  <a:tcPr marL="106621" marR="106621" marT="53311" marB="53311"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改善が必要と思われる事項</a:t>
                      </a:r>
                    </a:p>
                  </a:txBody>
                  <a:tcPr marL="106621" marR="106621" marT="53311" marB="53311"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改善</a:t>
                      </a:r>
                      <a:endPar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内容</a:t>
                      </a:r>
                    </a:p>
                  </a:txBody>
                  <a:tcPr marL="106621" marR="106621" marT="53311" marB="53311"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備考</a:t>
                      </a:r>
                    </a:p>
                  </a:txBody>
                  <a:tcPr marL="106621" marR="106621" marT="53311" marB="53311"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extLst>
                  <a:ext uri="{0D108BD9-81ED-4DB2-BD59-A6C34878D82A}">
                    <a16:rowId xmlns:a16="http://schemas.microsoft.com/office/drawing/2014/main" val="2713598797"/>
                  </a:ext>
                </a:extLst>
              </a:tr>
              <a:tr h="216000">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東部</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西部</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南部</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北部</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2561998603"/>
                  </a:ext>
                </a:extLst>
              </a:tr>
              <a:tr h="187399">
                <a:tc gridSpan="9">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1-1)</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施設の運転・維持管理方法</a:t>
                      </a:r>
                    </a:p>
                  </a:txBody>
                  <a:tcPr marL="106621" marR="106621" marT="53311" marB="53311"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a:noFill/>
                    </a:lnB>
                    <a:noFill/>
                  </a:tcPr>
                </a:tc>
                <a:tc hMerge="1">
                  <a:txBody>
                    <a:bodyPr/>
                    <a:lstStyle/>
                    <a:p>
                      <a:endParaRPr kumimoji="1" lang="ja-JP" altLang="en-US"/>
                    </a:p>
                  </a:txBody>
                  <a:tcPr>
                    <a:lnL w="12700" cap="flat" cmpd="sng" algn="ctr">
                      <a:solidFill>
                        <a:srgbClr val="000000"/>
                      </a:solidFill>
                      <a:prstDash val="solid"/>
                      <a:round/>
                      <a:headEnd type="none" w="med" len="med"/>
                      <a:tailEnd type="none" w="med" len="med"/>
                    </a:lnL>
                    <a:lnT w="25400" cap="flat" cmpd="dbl" algn="ctr">
                      <a:solidFill>
                        <a:srgbClr val="000000"/>
                      </a:solidFill>
                      <a:prstDash val="solid"/>
                      <a:round/>
                      <a:headEnd type="none" w="med" len="med"/>
                      <a:tailEnd type="none" w="med" len="med"/>
                    </a:lnT>
                  </a:tcPr>
                </a:tc>
                <a:tc hMerge="1">
                  <a:txBody>
                    <a:bodyPr/>
                    <a:lstStyle/>
                    <a:p>
                      <a:endParaRPr kumimoji="1" lang="ja-JP" altLang="en-US"/>
                    </a:p>
                  </a:txBody>
                  <a:tcPr>
                    <a:lnL w="12700" cap="flat" cmpd="sng" algn="ctr">
                      <a:solidFill>
                        <a:srgbClr val="000000"/>
                      </a:solidFill>
                      <a:prstDash val="solid"/>
                      <a:round/>
                      <a:headEnd type="none" w="med" len="med"/>
                      <a:tailEnd type="none" w="med" len="med"/>
                    </a:lnL>
                    <a:lnT w="25400" cap="flat" cmpd="dbl" algn="ctr">
                      <a:solidFill>
                        <a:srgbClr val="000000"/>
                      </a:solidFill>
                      <a:prstDash val="solid"/>
                      <a:round/>
                      <a:headEnd type="none" w="med" len="med"/>
                      <a:tailEnd type="none" w="med" len="med"/>
                    </a:lnT>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750128534"/>
                  </a:ext>
                </a:extLst>
              </a:tr>
              <a:tr h="252000">
                <a:tc rowSpan="13">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106621" marR="106621" marT="53311" marB="53311"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  運転維持管理体制とその職務分担、責任は明確になっていること。</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525267833"/>
                  </a:ext>
                </a:extLst>
              </a:tr>
              <a:tr h="252000">
                <a:tc vMerge="1">
                  <a:txBody>
                    <a:bodyPr/>
                    <a:lstStyle/>
                    <a:p>
                      <a:endParaRPr kumimoji="1" lang="ja-JP" altLang="en-US"/>
                    </a:p>
                  </a:txBody>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②  受託業務の内、外部発注する範囲と考え方</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009155126"/>
                  </a:ext>
                </a:extLst>
              </a:tr>
              <a:tr h="252000">
                <a:tc vMerge="1">
                  <a:txBody>
                    <a:bodyPr/>
                    <a:lstStyle/>
                    <a:p>
                      <a:endParaRPr kumimoji="1" lang="ja-JP" altLang="en-US"/>
                    </a:p>
                  </a:txBody>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③  業務を遂行するに足る要員配置ができていること</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408812252"/>
                  </a:ext>
                </a:extLst>
              </a:tr>
              <a:tr h="252000">
                <a:tc vMerge="1">
                  <a:txBody>
                    <a:bodyPr/>
                    <a:lstStyle/>
                    <a:p>
                      <a:endParaRPr kumimoji="1" lang="ja-JP" altLang="en-US"/>
                    </a:p>
                  </a:txBody>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④  資格者の配置は、法令を遵守していること</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648592510"/>
                  </a:ext>
                </a:extLst>
              </a:tr>
              <a:tr h="252000">
                <a:tc vMerge="1">
                  <a:txBody>
                    <a:bodyPr/>
                    <a:lstStyle/>
                    <a:p>
                      <a:endParaRPr kumimoji="1" lang="ja-JP" altLang="en-US"/>
                    </a:p>
                  </a:txBody>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⑤  排水・処理施設の運転方針（水質等の管理目標と管理方法）</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3707540520"/>
                  </a:ext>
                </a:extLst>
              </a:tr>
              <a:tr h="252000">
                <a:tc vMerge="1">
                  <a:txBody>
                    <a:bodyPr/>
                    <a:lstStyle/>
                    <a:p>
                      <a:endParaRPr kumimoji="1" lang="ja-JP" altLang="en-US"/>
                    </a:p>
                  </a:txBody>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⑥  ユーティリティの管理方針（ユーティリティの管理目標と管理方法）</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092085777"/>
                  </a:ext>
                </a:extLst>
              </a:tr>
              <a:tr h="252000">
                <a:tc vMerge="1">
                  <a:txBody>
                    <a:bodyPr/>
                    <a:lstStyle/>
                    <a:p>
                      <a:endParaRPr kumimoji="1" lang="ja-JP" altLang="en-US"/>
                    </a:p>
                  </a:txBody>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⑦  保守点検の実施方針（保守点検対象及び方法、頻度・周期等の準拠規格等合理性に関する説明）</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79660132"/>
                  </a:ext>
                </a:extLst>
              </a:tr>
              <a:tr h="252000">
                <a:tc vMerge="1">
                  <a:txBody>
                    <a:bodyPr/>
                    <a:lstStyle/>
                    <a:p>
                      <a:endParaRPr kumimoji="1" lang="ja-JP" altLang="en-US"/>
                    </a:p>
                  </a:txBody>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⑧  法定点検の実施方針</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対象と方法</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932619720"/>
                  </a:ext>
                </a:extLst>
              </a:tr>
              <a:tr h="252000">
                <a:tc vMerge="1">
                  <a:txBody>
                    <a:bodyPr/>
                    <a:lstStyle/>
                    <a:p>
                      <a:endParaRPr kumimoji="1" lang="ja-JP" altLang="en-US"/>
                    </a:p>
                  </a:txBody>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⑨  修繕の実施方針</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実施範囲と方法</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937644477"/>
                  </a:ext>
                </a:extLst>
              </a:tr>
              <a:tr h="252000">
                <a:tc vMerge="1">
                  <a:txBody>
                    <a:bodyPr/>
                    <a:lstStyle/>
                    <a:p>
                      <a:endParaRPr kumimoji="1" lang="ja-JP" altLang="en-US"/>
                    </a:p>
                  </a:txBody>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⑩  廃棄物の処分計画</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委託先等</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15276931"/>
                  </a:ext>
                </a:extLst>
              </a:tr>
              <a:tr h="252000">
                <a:tc vMerge="1">
                  <a:txBody>
                    <a:bodyPr/>
                    <a:lstStyle/>
                    <a:p>
                      <a:endParaRPr kumimoji="1" lang="ja-JP" altLang="en-US"/>
                    </a:p>
                  </a:txBody>
                  <a:tcPr/>
                </a:tc>
                <a:tc>
                  <a:txBody>
                    <a:bodyPr/>
                    <a:lstStyle/>
                    <a:p>
                      <a:pPr algn="l" fontAlgn="t"/>
                      <a:r>
                        <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⑪  安全対策方針（教育訓練計画、点検、体制）</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254879804"/>
                  </a:ext>
                </a:extLst>
              </a:tr>
              <a:tr h="252000">
                <a:tc vMerge="1">
                  <a:txBody>
                    <a:bodyPr/>
                    <a:lstStyle/>
                    <a:p>
                      <a:endParaRPr kumimoji="1" lang="ja-JP" altLang="en-US"/>
                    </a:p>
                  </a:txBody>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⑫  品質管理方針</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目標と方法</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057848750"/>
                  </a:ext>
                </a:extLst>
              </a:tr>
              <a:tr h="252000">
                <a:tc vMerge="1">
                  <a:txBody>
                    <a:bodyPr/>
                    <a:lstStyle/>
                    <a:p>
                      <a:endParaRPr kumimoji="1" lang="ja-JP" altLang="en-US"/>
                    </a:p>
                  </a:txBody>
                  <a:tcPr/>
                </a:tc>
                <a:tc>
                  <a:txBody>
                    <a:bodyPr/>
                    <a:lstStyle/>
                    <a:p>
                      <a:pPr algn="l" fontAlgn="t"/>
                      <a:r>
                        <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⑬  市民対応（処理場見学、一般公開等）</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17 </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回</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8 </a:t>
                      </a: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回</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16 </a:t>
                      </a: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回</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7 </a:t>
                      </a: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回</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963339324"/>
                  </a:ext>
                </a:extLst>
              </a:tr>
              <a:tr h="181806">
                <a:tc gridSpan="9">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1-2)</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各種法令の規制値等の遵守状況</a:t>
                      </a:r>
                    </a:p>
                  </a:txBody>
                  <a:tcPr marL="106621" marR="106621" marT="53311" marB="53311"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noFill/>
                  </a:tcPr>
                </a:tc>
                <a:tc hMerge="1">
                  <a:txBody>
                    <a:bodyPr/>
                    <a:lstStyle/>
                    <a:p>
                      <a:endParaRPr kumimoji="1" lang="ja-JP" altLang="en-US"/>
                    </a:p>
                  </a:txBody>
                  <a:tcPr>
                    <a:lnL w="12700" cap="flat" cmpd="sng" algn="ctr">
                      <a:solidFill>
                        <a:srgbClr val="000000"/>
                      </a:solidFill>
                      <a:prstDash val="solid"/>
                      <a:round/>
                      <a:headEnd type="none" w="med" len="med"/>
                      <a:tailEnd type="none" w="med" len="med"/>
                    </a:lnL>
                    <a:lnT w="12700" cap="flat" cmpd="sng" algn="ctr">
                      <a:solidFill>
                        <a:srgbClr val="000000"/>
                      </a:solidFill>
                      <a:prstDash val="solid"/>
                      <a:round/>
                      <a:headEnd type="none" w="med" len="med"/>
                      <a:tailEnd type="none" w="med" len="med"/>
                    </a:lnT>
                  </a:tcPr>
                </a:tc>
                <a:tc hMerge="1">
                  <a:txBody>
                    <a:bodyPr/>
                    <a:lstStyle/>
                    <a:p>
                      <a:endParaRPr kumimoji="1" lang="ja-JP" altLang="en-US"/>
                    </a:p>
                  </a:txBody>
                  <a:tcPr>
                    <a:lnL w="12700" cap="flat" cmpd="sng" algn="ctr">
                      <a:solidFill>
                        <a:srgbClr val="000000"/>
                      </a:solidFill>
                      <a:prstDash val="solid"/>
                      <a:round/>
                      <a:headEnd type="none" w="med" len="med"/>
                      <a:tailEnd type="none" w="med" len="med"/>
                    </a:lnL>
                    <a:lnT w="12700" cap="flat" cmpd="sng" algn="ctr">
                      <a:solidFill>
                        <a:srgbClr val="000000"/>
                      </a:solidFill>
                      <a:prstDash val="solid"/>
                      <a:round/>
                      <a:headEnd type="none" w="med" len="med"/>
                      <a:tailEnd type="none" w="med" len="med"/>
                    </a:lnT>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2716617714"/>
                  </a:ext>
                </a:extLst>
              </a:tr>
              <a:tr h="27333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 水質汚濁防止法、大阪府条例、下水道法で定められている放流水質基準値の遵守</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527598343"/>
                  </a:ext>
                </a:extLst>
              </a:tr>
              <a:tr h="252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② 雨天時放流量水質（下水道法）</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187609342"/>
                  </a:ext>
                </a:extLst>
              </a:tr>
              <a:tr h="252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③ ダイオキシン類対策特別措置法による排出基準</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5991829"/>
                  </a:ext>
                </a:extLst>
              </a:tr>
              <a:tr h="252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④ 大気汚染防止法による排気ガス中のばいじん等の濃度</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839120826"/>
                  </a:ext>
                </a:extLst>
              </a:tr>
              <a:tr h="252000">
                <a:tc>
                  <a:txBody>
                    <a:bodyPr/>
                    <a:lstStyle/>
                    <a:p>
                      <a:pPr algn="l" fontAlgn="ctr"/>
                      <a:r>
                        <a:rPr lang="ja-JP" altLang="en-US" sz="900" b="1"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⑤ 悪臭防止法による規制値</a:t>
                      </a:r>
                    </a:p>
                  </a:txBody>
                  <a:tcPr marL="5595" marR="5595" marT="559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595" marR="5595" marT="559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853128132"/>
                  </a:ext>
                </a:extLst>
              </a:tr>
            </a:tbl>
          </a:graphicData>
        </a:graphic>
      </p:graphicFrame>
      <p:sp>
        <p:nvSpPr>
          <p:cNvPr id="6" name="角丸四角形 7">
            <a:extLst>
              <a:ext uri="{FF2B5EF4-FFF2-40B4-BE49-F238E27FC236}">
                <a16:creationId xmlns:a16="http://schemas.microsoft.com/office/drawing/2014/main" id="{D7B5C0A7-9881-E682-6EB9-BB6383DD3319}"/>
              </a:ext>
            </a:extLst>
          </p:cNvPr>
          <p:cNvSpPr/>
          <p:nvPr/>
        </p:nvSpPr>
        <p:spPr>
          <a:xfrm>
            <a:off x="43032" y="89219"/>
            <a:ext cx="59214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モニタリング実施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3475307627"/>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2"/>
          </p:nvPr>
        </p:nvSpPr>
        <p:spPr/>
        <p:txBody>
          <a:bodyPr/>
          <a:lstStyle/>
          <a:p>
            <a:fld id="{36EC18DB-A5DF-4E0E-B815-FCD04A2C4B2C}" type="slidenum">
              <a:rPr kumimoji="1" lang="ja-JP" altLang="en-US" smtClean="0"/>
              <a:t>71</a:t>
            </a:fld>
            <a:endParaRPr kumimoji="1" lang="ja-JP" altLang="en-US"/>
          </a:p>
        </p:txBody>
      </p:sp>
      <p:sp>
        <p:nvSpPr>
          <p:cNvPr id="9"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業務モニタリング確認５５項目（処理場・抽水所施設）</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12"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6113080" y="73645"/>
            <a:ext cx="3741441" cy="1101085"/>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200" u="sng" dirty="0">
                <a:solidFill>
                  <a:schemeClr val="bg1"/>
                </a:solidFill>
                <a:latin typeface="HGP創英角ｺﾞｼｯｸUB" panose="020B0900000000000000" pitchFamily="50" charset="-128"/>
                <a:ea typeface="HGP創英角ｺﾞｼｯｸUB" panose="020B0900000000000000" pitchFamily="50" charset="-128"/>
              </a:rPr>
              <a:t>モニタリング結果凡例</a:t>
            </a:r>
            <a:endParaRPr lang="en-US" altLang="ja-JP" sz="1200" u="sng"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〇　：　問題なし　　　　　△　：　問題ないが改善可能</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en-US" altLang="ja-JP" sz="12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　：　業務履行に問題あり　　</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ユーティリティ  達成機場数</a:t>
            </a:r>
            <a:r>
              <a:rPr lang="en-US" altLang="ja-JP" sz="12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対象機場数</a:t>
            </a:r>
            <a:endParaRPr lang="ja-JP" altLang="en-US" sz="1200" dirty="0">
              <a:solidFill>
                <a:srgbClr val="FF0000"/>
              </a:solidFill>
              <a:latin typeface="HGP創英角ｺﾞｼｯｸUB" panose="020B0900000000000000" pitchFamily="50" charset="-128"/>
              <a:ea typeface="HGP創英角ｺﾞｼｯｸUB" panose="020B0900000000000000" pitchFamily="50" charset="-128"/>
            </a:endParaRPr>
          </a:p>
        </p:txBody>
      </p:sp>
      <p:graphicFrame>
        <p:nvGraphicFramePr>
          <p:cNvPr id="8" name="表 7">
            <a:extLst>
              <a:ext uri="{FF2B5EF4-FFF2-40B4-BE49-F238E27FC236}">
                <a16:creationId xmlns:a16="http://schemas.microsoft.com/office/drawing/2014/main" id="{D747E13F-94AB-4755-B530-056EA1E5937C}"/>
              </a:ext>
            </a:extLst>
          </p:cNvPr>
          <p:cNvGraphicFramePr>
            <a:graphicFrameLocks noGrp="1"/>
          </p:cNvGraphicFramePr>
          <p:nvPr/>
        </p:nvGraphicFramePr>
        <p:xfrm>
          <a:off x="231376" y="1262455"/>
          <a:ext cx="9252000" cy="5534598"/>
        </p:xfrm>
        <a:graphic>
          <a:graphicData uri="http://schemas.openxmlformats.org/drawingml/2006/table">
            <a:tbl>
              <a:tblPr/>
              <a:tblGrid>
                <a:gridCol w="360000">
                  <a:extLst>
                    <a:ext uri="{9D8B030D-6E8A-4147-A177-3AD203B41FA5}">
                      <a16:colId xmlns:a16="http://schemas.microsoft.com/office/drawing/2014/main" val="3373861069"/>
                    </a:ext>
                  </a:extLst>
                </a:gridCol>
                <a:gridCol w="3960000">
                  <a:extLst>
                    <a:ext uri="{9D8B030D-6E8A-4147-A177-3AD203B41FA5}">
                      <a16:colId xmlns:a16="http://schemas.microsoft.com/office/drawing/2014/main" val="3578525368"/>
                    </a:ext>
                  </a:extLst>
                </a:gridCol>
                <a:gridCol w="360000">
                  <a:extLst>
                    <a:ext uri="{9D8B030D-6E8A-4147-A177-3AD203B41FA5}">
                      <a16:colId xmlns:a16="http://schemas.microsoft.com/office/drawing/2014/main" val="1190579221"/>
                    </a:ext>
                  </a:extLst>
                </a:gridCol>
                <a:gridCol w="360000">
                  <a:extLst>
                    <a:ext uri="{9D8B030D-6E8A-4147-A177-3AD203B41FA5}">
                      <a16:colId xmlns:a16="http://schemas.microsoft.com/office/drawing/2014/main" val="198004315"/>
                    </a:ext>
                  </a:extLst>
                </a:gridCol>
                <a:gridCol w="360000">
                  <a:extLst>
                    <a:ext uri="{9D8B030D-6E8A-4147-A177-3AD203B41FA5}">
                      <a16:colId xmlns:a16="http://schemas.microsoft.com/office/drawing/2014/main" val="1790370088"/>
                    </a:ext>
                  </a:extLst>
                </a:gridCol>
                <a:gridCol w="360000">
                  <a:extLst>
                    <a:ext uri="{9D8B030D-6E8A-4147-A177-3AD203B41FA5}">
                      <a16:colId xmlns:a16="http://schemas.microsoft.com/office/drawing/2014/main" val="2906245458"/>
                    </a:ext>
                  </a:extLst>
                </a:gridCol>
                <a:gridCol w="900000">
                  <a:extLst>
                    <a:ext uri="{9D8B030D-6E8A-4147-A177-3AD203B41FA5}">
                      <a16:colId xmlns:a16="http://schemas.microsoft.com/office/drawing/2014/main" val="250060377"/>
                    </a:ext>
                  </a:extLst>
                </a:gridCol>
                <a:gridCol w="540000">
                  <a:extLst>
                    <a:ext uri="{9D8B030D-6E8A-4147-A177-3AD203B41FA5}">
                      <a16:colId xmlns:a16="http://schemas.microsoft.com/office/drawing/2014/main" val="1913998558"/>
                    </a:ext>
                  </a:extLst>
                </a:gridCol>
                <a:gridCol w="2052000">
                  <a:extLst>
                    <a:ext uri="{9D8B030D-6E8A-4147-A177-3AD203B41FA5}">
                      <a16:colId xmlns:a16="http://schemas.microsoft.com/office/drawing/2014/main" val="2922593295"/>
                    </a:ext>
                  </a:extLst>
                </a:gridCol>
              </a:tblGrid>
              <a:tr h="216000">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観点</a:t>
                      </a:r>
                    </a:p>
                  </a:txBody>
                  <a:tcPr marL="87608" marR="87608" marT="43804" marB="43804" anchor="ctr">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確認内容・項目</a:t>
                      </a:r>
                    </a:p>
                  </a:txBody>
                  <a:tcPr marL="87608" marR="87608" marT="43804" marB="43804" anchor="ctr">
                    <a:lnL>
                      <a:noFill/>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gridSpan="4">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モニタリング結果</a:t>
                      </a:r>
                    </a:p>
                  </a:txBody>
                  <a:tcPr marL="87608" marR="87608" marT="43804" marB="43804"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改善が必要と思われる事項</a:t>
                      </a:r>
                    </a:p>
                  </a:txBody>
                  <a:tcPr marL="87608" marR="87608" marT="43804" marB="43804"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改善</a:t>
                      </a:r>
                      <a:endPar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内容</a:t>
                      </a:r>
                    </a:p>
                  </a:txBody>
                  <a:tcPr marL="87608" marR="87608" marT="43804" marB="43804"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備考</a:t>
                      </a:r>
                    </a:p>
                  </a:txBody>
                  <a:tcPr marL="87608" marR="87608" marT="43804" marB="43804"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810471107"/>
                  </a:ext>
                </a:extLst>
              </a:tr>
              <a:tr h="216000">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東部</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西部</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南部</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北部</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2823209945"/>
                  </a:ext>
                </a:extLst>
              </a:tr>
              <a:tr h="207955">
                <a:tc gridSpan="9">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1-4)</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大雨・地震等災害時の対応</a:t>
                      </a:r>
                    </a:p>
                  </a:txBody>
                  <a:tcPr marL="87608" marR="87608" marT="43804" marB="43804"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noFill/>
                  </a:tcPr>
                </a:tc>
                <a:tc hMerge="1">
                  <a:txBody>
                    <a:bodyPr/>
                    <a:lstStyle/>
                    <a:p>
                      <a:endParaRPr kumimoji="1" lang="ja-JP" altLang="en-US"/>
                    </a:p>
                  </a:txBody>
                  <a:tcPr/>
                </a:tc>
                <a:tc hMerge="1">
                  <a:txBody>
                    <a:bodyPr/>
                    <a:lstStyle/>
                    <a:p>
                      <a:endParaRPr kumimoji="1" lang="ja-JP" altLang="en-US"/>
                    </a:p>
                  </a:txBody>
                  <a:tcPr>
                    <a:lnL w="12700" cap="flat" cmpd="sng" algn="ctr">
                      <a:solidFill>
                        <a:srgbClr val="000000"/>
                      </a:solidFill>
                      <a:prstDash val="solid"/>
                      <a:round/>
                      <a:headEnd type="none" w="med" len="med"/>
                      <a:tailEnd type="none" w="med" len="med"/>
                    </a:lnL>
                    <a:lnT w="12700" cap="flat" cmpd="sng" algn="ctr">
                      <a:solidFill>
                        <a:srgbClr val="000000"/>
                      </a:solidFill>
                      <a:prstDash val="solid"/>
                      <a:round/>
                      <a:headEnd type="none" w="med" len="med"/>
                      <a:tailEnd type="none" w="med" len="med"/>
                    </a:lnT>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213679525"/>
                  </a:ext>
                </a:extLst>
              </a:tr>
              <a:tr h="252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 状況に応じた災害対応要員を確保できたか</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849773634"/>
                  </a:ext>
                </a:extLst>
              </a:tr>
              <a:tr h="252000">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② 被害状況等の確認及び報告は速やかに実施できたか</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292619201"/>
                  </a:ext>
                </a:extLst>
              </a:tr>
              <a:tr h="252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noFill/>
                  </a:tcPr>
                </a:tc>
                <a:tc>
                  <a:txBody>
                    <a:bodyPr/>
                    <a:lstStyle/>
                    <a:p>
                      <a:pPr algn="l" fontAlgn="t"/>
                      <a:r>
                        <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③ 消防訓練、震災訓練時</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FF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FF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149916574"/>
                  </a:ext>
                </a:extLst>
              </a:tr>
              <a:tr h="207955">
                <a:tc gridSpan="9">
                  <a:txBody>
                    <a:bodyPr/>
                    <a:lstStyle/>
                    <a:p>
                      <a:pPr algn="l" fontAlgn="ct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1-5)</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緊急時、事故時の対応状況</a:t>
                      </a:r>
                    </a:p>
                  </a:txBody>
                  <a:tcPr marL="87608" marR="87608" marT="43804" marB="43804"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noFill/>
                  </a:tcPr>
                </a:tc>
                <a:tc hMerge="1">
                  <a:txBody>
                    <a:bodyPr/>
                    <a:lstStyle/>
                    <a:p>
                      <a:endParaRPr kumimoji="1" lang="ja-JP" altLang="en-US"/>
                    </a:p>
                  </a:txBody>
                  <a:tcPr/>
                </a:tc>
                <a:tc hMerge="1">
                  <a:txBody>
                    <a:bodyPr/>
                    <a:lstStyle/>
                    <a:p>
                      <a:endParaRPr kumimoji="1" lang="ja-JP" altLang="en-US"/>
                    </a:p>
                  </a:txBody>
                  <a:tcPr>
                    <a:lnL w="12700" cap="flat" cmpd="sng" algn="ctr">
                      <a:solidFill>
                        <a:srgbClr val="000000"/>
                      </a:solidFill>
                      <a:prstDash val="solid"/>
                      <a:round/>
                      <a:headEnd type="none" w="med" len="med"/>
                      <a:tailEnd type="none" w="med" len="med"/>
                    </a:lnL>
                    <a:lnT w="12700" cap="flat" cmpd="sng" algn="ctr">
                      <a:solidFill>
                        <a:srgbClr val="000000"/>
                      </a:solidFill>
                      <a:prstDash val="solid"/>
                      <a:round/>
                      <a:headEnd type="none" w="med" len="med"/>
                      <a:tailEnd type="none" w="med" len="med"/>
                    </a:lnT>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159020786"/>
                  </a:ext>
                </a:extLst>
              </a:tr>
              <a:tr h="252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 緊急事態、事故防止及び対応方針</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923493024"/>
                  </a:ext>
                </a:extLst>
              </a:tr>
              <a:tr h="252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② 緊急事態、事故時の連絡体制</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841896648"/>
                  </a:ext>
                </a:extLst>
              </a:tr>
              <a:tr h="252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③ 緊急時・事故時の速報・連絡</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12499101"/>
                  </a:ext>
                </a:extLst>
              </a:tr>
              <a:tr h="252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④ 緊急時・事故の対応措置が適切であったか</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FF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FF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990771124"/>
                  </a:ext>
                </a:extLst>
              </a:tr>
              <a:tr h="207955">
                <a:tc gridSpan="9">
                  <a:txBody>
                    <a:bodyPr/>
                    <a:lstStyle/>
                    <a:p>
                      <a:pPr algn="l" fontAlgn="ctr"/>
                      <a:r>
                        <a:rPr 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1-6) CO2</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等環境負荷の状況</a:t>
                      </a:r>
                    </a:p>
                  </a:txBody>
                  <a:tcPr marL="87608" marR="87608" marT="43804" marB="43804"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noFill/>
                  </a:tcPr>
                </a:tc>
                <a:tc hMerge="1">
                  <a:txBody>
                    <a:bodyPr/>
                    <a:lstStyle/>
                    <a:p>
                      <a:endParaRPr kumimoji="1" lang="ja-JP" altLang="en-US"/>
                    </a:p>
                  </a:txBody>
                  <a:tcPr/>
                </a:tc>
                <a:tc hMerge="1">
                  <a:txBody>
                    <a:bodyPr/>
                    <a:lstStyle/>
                    <a:p>
                      <a:endParaRPr kumimoji="1" lang="ja-JP" altLang="en-US"/>
                    </a:p>
                  </a:txBody>
                  <a:tcPr>
                    <a:lnL w="12700" cap="flat" cmpd="sng" algn="ctr">
                      <a:solidFill>
                        <a:srgbClr val="000000"/>
                      </a:solidFill>
                      <a:prstDash val="solid"/>
                      <a:round/>
                      <a:headEnd type="none" w="med" len="med"/>
                      <a:tailEnd type="none" w="med" len="med"/>
                    </a:lnL>
                    <a:lnT w="12700" cap="flat" cmpd="sng" algn="ctr">
                      <a:solidFill>
                        <a:srgbClr val="000000"/>
                      </a:solidFill>
                      <a:prstDash val="solid"/>
                      <a:round/>
                      <a:headEnd type="none" w="med" len="med"/>
                      <a:tailEnd type="none" w="med" len="med"/>
                    </a:lnT>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506603584"/>
                  </a:ext>
                </a:extLst>
              </a:tr>
              <a:tr h="216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 エネルギー使用量・原単位</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13/19</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9/16</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8/12</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17/23</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ユーティリティ費用の超過について」参照</a:t>
                      </a:r>
                    </a:p>
                  </a:txBody>
                  <a:tcPr marL="5206" marR="5206" marT="520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828313312"/>
                  </a:ext>
                </a:extLst>
              </a:tr>
              <a:tr h="216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② 薬品</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分析試薬を除く</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等の使用量・流量等</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ユーティリティ費用の超過について」参照</a:t>
                      </a:r>
                    </a:p>
                  </a:txBody>
                  <a:tcPr marL="5206" marR="5206" marT="520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68334196"/>
                  </a:ext>
                </a:extLst>
              </a:tr>
              <a:tr h="216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③ 環境負荷等の削減のために実施した取組内容</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920643004"/>
                  </a:ext>
                </a:extLst>
              </a:tr>
              <a:tr h="216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④ 年間</a:t>
                      </a:r>
                      <a:r>
                        <a:rPr lang="en-US" altLang="zh-TW" sz="900" b="0" i="0" u="none" strike="noStrike" dirty="0">
                          <a:solidFill>
                            <a:srgbClr val="000000"/>
                          </a:solidFill>
                          <a:effectLst/>
                          <a:latin typeface="ＭＳ Ｐゴシック" panose="020B0600070205080204" pitchFamily="50" charset="-128"/>
                          <a:ea typeface="ＭＳ Ｐゴシック" panose="020B0600070205080204" pitchFamily="50" charset="-128"/>
                        </a:rPr>
                        <a:t>CO</a:t>
                      </a:r>
                      <a:r>
                        <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２排出量</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90710802"/>
                  </a:ext>
                </a:extLst>
              </a:tr>
              <a:tr h="216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⑤ 省エネ対策・削減量</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676481738"/>
                  </a:ext>
                </a:extLst>
              </a:tr>
              <a:tr h="216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⑥ 再利用水・高度処理・脱臭設備維持管理費</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957809955"/>
                  </a:ext>
                </a:extLst>
              </a:tr>
              <a:tr h="216000">
                <a:tc gridSpan="9">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2-1)</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運転結果（性能水準の確認）</a:t>
                      </a:r>
                    </a:p>
                  </a:txBody>
                  <a:tcPr marL="5206" marR="5206" marT="520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noFill/>
                  </a:tcPr>
                </a:tc>
                <a:tc hMerge="1">
                  <a:txBody>
                    <a:bodyPr/>
                    <a:lstStyle/>
                    <a:p>
                      <a:endParaRPr/>
                    </a:p>
                  </a:txBody>
                  <a:tcPr marL="5206" marR="5206" marT="5206" marB="0" anchor="ctr">
                    <a:lnL w="635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hMerge="1">
                  <a:txBody>
                    <a:bodyPr/>
                    <a:lstStyle/>
                    <a:p>
                      <a:endParaRPr/>
                    </a:p>
                  </a:txBody>
                  <a:tcPr marL="5206" marR="5206" marT="5206" marB="0" anchor="ctr">
                    <a:lnL>
                      <a:noFill/>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hMerge="1">
                  <a:txBody>
                    <a:bodyPr/>
                    <a:lstStyle/>
                    <a:p>
                      <a:endParaRPr/>
                    </a:p>
                  </a:txBody>
                  <a:tcPr marL="5206" marR="5206" marT="5206" marB="0" anchor="ctr">
                    <a:lnL>
                      <a:noFill/>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hMerge="1">
                  <a:txBody>
                    <a:bodyPr/>
                    <a:lstStyle/>
                    <a:p>
                      <a:endParaRPr/>
                    </a:p>
                  </a:txBody>
                  <a:tcPr marL="5206" marR="5206" marT="5206" marB="0" anchor="ctr">
                    <a:lnL>
                      <a:noFill/>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hMerge="1">
                  <a:txBody>
                    <a:bodyPr/>
                    <a:lstStyle/>
                    <a:p>
                      <a:endParaRPr/>
                    </a:p>
                  </a:txBody>
                  <a:tcPr marL="5206" marR="5206" marT="5206" marB="0" anchor="ctr">
                    <a:lnL>
                      <a:noFill/>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hMerge="1">
                  <a:txBody>
                    <a:bodyPr/>
                    <a:lstStyle/>
                    <a:p>
                      <a:endParaRPr/>
                    </a:p>
                  </a:txBody>
                  <a:tcPr marL="5206" marR="5206" marT="5206" marB="0" anchor="ctr">
                    <a:lnL>
                      <a:noFill/>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hMerge="1">
                  <a:txBody>
                    <a:bodyPr/>
                    <a:lstStyle/>
                    <a:p>
                      <a:endParaRPr/>
                    </a:p>
                  </a:txBody>
                  <a:tcPr marL="5206" marR="5206" marT="5206" marB="0" anchor="ctr">
                    <a:lnL>
                      <a:noFill/>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hMerge="1">
                  <a:txBody>
                    <a:bodyPr/>
                    <a:lstStyle/>
                    <a:p>
                      <a:endParaRPr dirty="0"/>
                    </a:p>
                  </a:txBody>
                  <a:tcPr marL="5206" marR="5206" marT="5206" marB="0" anchor="ctr">
                    <a:lnL>
                      <a:noFill/>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873248952"/>
                  </a:ext>
                </a:extLst>
              </a:tr>
              <a:tr h="216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 雨水ポンプの運転（通常）</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180166314"/>
                  </a:ext>
                </a:extLst>
              </a:tr>
              <a:tr h="216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② 雨水ポンプの運転（危険水位超過時）</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7/13</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6/9</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2/7</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14/16</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ポンプ運転危険水位超過について」参照</a:t>
                      </a:r>
                    </a:p>
                  </a:txBody>
                  <a:tcPr marL="5206" marR="5206" marT="520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924474087"/>
                  </a:ext>
                </a:extLst>
              </a:tr>
              <a:tr h="36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③ 水処理、汚泥処理施設の状態</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処理水量、</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COD</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TP</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TN(</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日平均値、日最大値</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消化ガス発生量など</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3/3</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2/3</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1/2</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3/4</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ユーティリティ費用の超過について」参照</a:t>
                      </a:r>
                    </a:p>
                  </a:txBody>
                  <a:tcPr marL="5206" marR="5206" marT="520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385804306"/>
                  </a:ext>
                </a:extLst>
              </a:tr>
              <a:tr h="216000">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④ 水処理、汚泥処理成績</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453896889"/>
                  </a:ext>
                </a:extLst>
              </a:tr>
              <a:tr h="216000">
                <a:tc>
                  <a:txBody>
                    <a:bodyPr/>
                    <a:lstStyle/>
                    <a:p>
                      <a:pPr algn="l" fontAlgn="ctr"/>
                      <a:r>
                        <a:rPr lang="ja-JP" altLang="en-US" sz="900" b="1"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⑤ 運転管理基準値等超過時の対応</a:t>
                      </a:r>
                    </a:p>
                  </a:txBody>
                  <a:tcPr marL="5206" marR="5206" marT="5206"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5206" marR="5206" marT="520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55336710"/>
                  </a:ext>
                </a:extLst>
              </a:tr>
            </a:tbl>
          </a:graphicData>
        </a:graphic>
      </p:graphicFrame>
      <p:sp>
        <p:nvSpPr>
          <p:cNvPr id="4" name="角丸四角形 7">
            <a:extLst>
              <a:ext uri="{FF2B5EF4-FFF2-40B4-BE49-F238E27FC236}">
                <a16:creationId xmlns:a16="http://schemas.microsoft.com/office/drawing/2014/main" id="{F6659A95-4620-F5F1-5758-81E56215A623}"/>
              </a:ext>
            </a:extLst>
          </p:cNvPr>
          <p:cNvSpPr/>
          <p:nvPr/>
        </p:nvSpPr>
        <p:spPr>
          <a:xfrm>
            <a:off x="43032" y="89219"/>
            <a:ext cx="59214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モニタリング実施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2495631032"/>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2"/>
          </p:nvPr>
        </p:nvSpPr>
        <p:spPr/>
        <p:txBody>
          <a:bodyPr/>
          <a:lstStyle/>
          <a:p>
            <a:fld id="{36EC18DB-A5DF-4E0E-B815-FCD04A2C4B2C}" type="slidenum">
              <a:rPr kumimoji="1" lang="ja-JP" altLang="en-US" smtClean="0"/>
              <a:t>72</a:t>
            </a:fld>
            <a:endParaRPr kumimoji="1" lang="ja-JP" altLang="en-US"/>
          </a:p>
        </p:txBody>
      </p:sp>
      <p:sp>
        <p:nvSpPr>
          <p:cNvPr id="9"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1" y="642938"/>
            <a:ext cx="9894750" cy="531792"/>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950" dirty="0">
                <a:solidFill>
                  <a:schemeClr val="bg1"/>
                </a:solidFill>
                <a:latin typeface="HGP創英角ｺﾞｼｯｸUB" panose="020B0900000000000000" pitchFamily="50" charset="-128"/>
                <a:ea typeface="HGP創英角ｺﾞｼｯｸUB" panose="020B0900000000000000" pitchFamily="50" charset="-128"/>
              </a:rPr>
              <a:t>　　業務モニタリング確認５５項目（処理場・抽水所施設）</a:t>
            </a:r>
            <a:endParaRPr lang="ja-JP" altLang="en-US" sz="2275"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7"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6113080" y="73645"/>
            <a:ext cx="3741441" cy="1101085"/>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1200" u="sng" dirty="0">
                <a:solidFill>
                  <a:schemeClr val="bg1"/>
                </a:solidFill>
                <a:latin typeface="HGP創英角ｺﾞｼｯｸUB" panose="020B0900000000000000" pitchFamily="50" charset="-128"/>
                <a:ea typeface="HGP創英角ｺﾞｼｯｸUB" panose="020B0900000000000000" pitchFamily="50" charset="-128"/>
              </a:rPr>
              <a:t>モニタリング結果凡例</a:t>
            </a:r>
            <a:endParaRPr lang="en-US" altLang="ja-JP" sz="1200" u="sng"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〇　：　問題なし　　　　　△　：　問題ないが改善可能</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en-US" altLang="ja-JP" sz="12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　：　業務履行に問題あり　　</a:t>
            </a: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endParaRPr lang="en-US" altLang="ja-JP" sz="1200" dirty="0">
              <a:solidFill>
                <a:schemeClr val="bg1"/>
              </a:solidFill>
              <a:latin typeface="HGP創英角ｺﾞｼｯｸUB" panose="020B0900000000000000" pitchFamily="50" charset="-128"/>
              <a:ea typeface="HGP創英角ｺﾞｼｯｸUB" panose="020B0900000000000000" pitchFamily="50" charset="-128"/>
            </a:endParaRPr>
          </a:p>
          <a:p>
            <a:pPr>
              <a:spcBef>
                <a:spcPct val="0"/>
              </a:spcBef>
              <a:buNone/>
            </a:pP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ユーティリティ  達成機場数</a:t>
            </a:r>
            <a:r>
              <a:rPr lang="en-US" altLang="ja-JP" sz="1200" dirty="0">
                <a:solidFill>
                  <a:schemeClr val="bg1"/>
                </a:solidFill>
                <a:latin typeface="HGP創英角ｺﾞｼｯｸUB" panose="020B0900000000000000" pitchFamily="50" charset="-128"/>
                <a:ea typeface="HGP創英角ｺﾞｼｯｸUB" panose="020B0900000000000000"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rPr>
              <a:t>対象機場数</a:t>
            </a:r>
            <a:endParaRPr lang="ja-JP" altLang="en-US" sz="1200" dirty="0">
              <a:solidFill>
                <a:srgbClr val="FF0000"/>
              </a:solidFill>
              <a:latin typeface="HGP創英角ｺﾞｼｯｸUB" panose="020B0900000000000000" pitchFamily="50" charset="-128"/>
              <a:ea typeface="HGP創英角ｺﾞｼｯｸUB" panose="020B0900000000000000" pitchFamily="50" charset="-128"/>
            </a:endParaRPr>
          </a:p>
        </p:txBody>
      </p:sp>
      <p:graphicFrame>
        <p:nvGraphicFramePr>
          <p:cNvPr id="11" name="表 10">
            <a:extLst>
              <a:ext uri="{FF2B5EF4-FFF2-40B4-BE49-F238E27FC236}">
                <a16:creationId xmlns:a16="http://schemas.microsoft.com/office/drawing/2014/main" id="{7BB58F9A-158E-6E73-60A7-06AF8E145552}"/>
              </a:ext>
            </a:extLst>
          </p:cNvPr>
          <p:cNvGraphicFramePr>
            <a:graphicFrameLocks noGrp="1"/>
          </p:cNvGraphicFramePr>
          <p:nvPr/>
        </p:nvGraphicFramePr>
        <p:xfrm>
          <a:off x="231376" y="1301402"/>
          <a:ext cx="9252000" cy="5220531"/>
        </p:xfrm>
        <a:graphic>
          <a:graphicData uri="http://schemas.openxmlformats.org/drawingml/2006/table">
            <a:tbl>
              <a:tblPr/>
              <a:tblGrid>
                <a:gridCol w="360000">
                  <a:extLst>
                    <a:ext uri="{9D8B030D-6E8A-4147-A177-3AD203B41FA5}">
                      <a16:colId xmlns:a16="http://schemas.microsoft.com/office/drawing/2014/main" val="3666084925"/>
                    </a:ext>
                  </a:extLst>
                </a:gridCol>
                <a:gridCol w="3960000">
                  <a:extLst>
                    <a:ext uri="{9D8B030D-6E8A-4147-A177-3AD203B41FA5}">
                      <a16:colId xmlns:a16="http://schemas.microsoft.com/office/drawing/2014/main" val="1122013724"/>
                    </a:ext>
                  </a:extLst>
                </a:gridCol>
                <a:gridCol w="360000">
                  <a:extLst>
                    <a:ext uri="{9D8B030D-6E8A-4147-A177-3AD203B41FA5}">
                      <a16:colId xmlns:a16="http://schemas.microsoft.com/office/drawing/2014/main" val="459580316"/>
                    </a:ext>
                  </a:extLst>
                </a:gridCol>
                <a:gridCol w="360000">
                  <a:extLst>
                    <a:ext uri="{9D8B030D-6E8A-4147-A177-3AD203B41FA5}">
                      <a16:colId xmlns:a16="http://schemas.microsoft.com/office/drawing/2014/main" val="1391227048"/>
                    </a:ext>
                  </a:extLst>
                </a:gridCol>
                <a:gridCol w="360000">
                  <a:extLst>
                    <a:ext uri="{9D8B030D-6E8A-4147-A177-3AD203B41FA5}">
                      <a16:colId xmlns:a16="http://schemas.microsoft.com/office/drawing/2014/main" val="600244625"/>
                    </a:ext>
                  </a:extLst>
                </a:gridCol>
                <a:gridCol w="360000">
                  <a:extLst>
                    <a:ext uri="{9D8B030D-6E8A-4147-A177-3AD203B41FA5}">
                      <a16:colId xmlns:a16="http://schemas.microsoft.com/office/drawing/2014/main" val="973227842"/>
                    </a:ext>
                  </a:extLst>
                </a:gridCol>
                <a:gridCol w="900000">
                  <a:extLst>
                    <a:ext uri="{9D8B030D-6E8A-4147-A177-3AD203B41FA5}">
                      <a16:colId xmlns:a16="http://schemas.microsoft.com/office/drawing/2014/main" val="1999294799"/>
                    </a:ext>
                  </a:extLst>
                </a:gridCol>
                <a:gridCol w="540000">
                  <a:extLst>
                    <a:ext uri="{9D8B030D-6E8A-4147-A177-3AD203B41FA5}">
                      <a16:colId xmlns:a16="http://schemas.microsoft.com/office/drawing/2014/main" val="1538061437"/>
                    </a:ext>
                  </a:extLst>
                </a:gridCol>
                <a:gridCol w="2052000">
                  <a:extLst>
                    <a:ext uri="{9D8B030D-6E8A-4147-A177-3AD203B41FA5}">
                      <a16:colId xmlns:a16="http://schemas.microsoft.com/office/drawing/2014/main" val="858429903"/>
                    </a:ext>
                  </a:extLst>
                </a:gridCol>
              </a:tblGrid>
              <a:tr h="216000">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観点</a:t>
                      </a:r>
                    </a:p>
                  </a:txBody>
                  <a:tcPr marL="4805" marR="4805" marT="4805" marB="0" vert="eaVert" anchor="ctr">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確認内容・項目</a:t>
                      </a:r>
                    </a:p>
                  </a:txBody>
                  <a:tcPr marL="4805" marR="4805" marT="4805" marB="0" anchor="ctr">
                    <a:lnL>
                      <a:noFill/>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gridSpan="4">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モニタリング結果</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改善が必要と</a:t>
                      </a:r>
                      <a:endPar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思われる事項</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rowSpan="2">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改善</a:t>
                      </a:r>
                      <a:endPar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内容</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rowSpan="2">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備考</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extLst>
                  <a:ext uri="{0D108BD9-81ED-4DB2-BD59-A6C34878D82A}">
                    <a16:rowId xmlns:a16="http://schemas.microsoft.com/office/drawing/2014/main" val="2692171303"/>
                  </a:ext>
                </a:extLst>
              </a:tr>
              <a:tr h="216000">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東部</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西部</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南部</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北部</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3258854308"/>
                  </a:ext>
                </a:extLst>
              </a:tr>
              <a:tr h="216000">
                <a:tc gridSpan="9">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2-2)</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維持管理状況と結果（要求水準の確認）</a:t>
                      </a:r>
                    </a:p>
                  </a:txBody>
                  <a:tcPr marL="4805" marR="4805" marT="480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a:noFill/>
                    </a:lnB>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55140571"/>
                  </a:ext>
                </a:extLst>
              </a:tr>
              <a:tr h="216000">
                <a:tc>
                  <a:txBody>
                    <a:bodyPr/>
                    <a:lstStyle/>
                    <a:p>
                      <a:pPr algn="l" fontAlgn="ctr"/>
                      <a:r>
                        <a:rPr lang="ja-JP" altLang="en-US" sz="900" b="0" i="0" u="none" strike="noStrike">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 法定点検・検査の実施結果</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205398036"/>
                  </a:ext>
                </a:extLst>
              </a:tr>
              <a:tr h="216000">
                <a:tc>
                  <a:txBody>
                    <a:bodyPr/>
                    <a:lstStyle/>
                    <a:p>
                      <a:pPr algn="l" fontAlgn="ctr"/>
                      <a:r>
                        <a:rPr lang="ja-JP" altLang="en-US" sz="900" b="0" i="0" u="none" strike="noStrike">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② 自家用電気工作物等電気設備点検作業の計画</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に集約</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extLst>
                  <a:ext uri="{0D108BD9-81ED-4DB2-BD59-A6C34878D82A}">
                    <a16:rowId xmlns:a16="http://schemas.microsoft.com/office/drawing/2014/main" val="3361039427"/>
                  </a:ext>
                </a:extLst>
              </a:tr>
              <a:tr h="216000">
                <a:tc>
                  <a:txBody>
                    <a:bodyPr/>
                    <a:lstStyle/>
                    <a:p>
                      <a:pPr algn="l" fontAlgn="ctr"/>
                      <a:r>
                        <a:rPr lang="ja-JP" altLang="en-US" sz="900" b="0" i="0" u="none" strike="noStrike" dirty="0">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③ 自家用電気工作物等電気設備点検結果</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に集約</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extLst>
                  <a:ext uri="{0D108BD9-81ED-4DB2-BD59-A6C34878D82A}">
                    <a16:rowId xmlns:a16="http://schemas.microsoft.com/office/drawing/2014/main" val="1114329801"/>
                  </a:ext>
                </a:extLst>
              </a:tr>
              <a:tr h="216000">
                <a:tc>
                  <a:txBody>
                    <a:bodyPr/>
                    <a:lstStyle/>
                    <a:p>
                      <a:pPr algn="l" fontAlgn="ctr"/>
                      <a:r>
                        <a:rPr lang="ja-JP" altLang="en-US" sz="900" b="0" i="0" u="none" strike="noStrike" dirty="0">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④ 施設ごとの機器・建築設備の点検整備計画・実施</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①に集約</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extLst>
                  <a:ext uri="{0D108BD9-81ED-4DB2-BD59-A6C34878D82A}">
                    <a16:rowId xmlns:a16="http://schemas.microsoft.com/office/drawing/2014/main" val="4001519610"/>
                  </a:ext>
                </a:extLst>
              </a:tr>
              <a:tr h="216000">
                <a:tc>
                  <a:txBody>
                    <a:bodyPr/>
                    <a:lstStyle/>
                    <a:p>
                      <a:pPr algn="l" fontAlgn="ctr"/>
                      <a:r>
                        <a:rPr lang="ja-JP" altLang="en-US" sz="900" b="0" i="0" u="none" strike="noStrike">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⑤ 機器周辺、槽内等清掃状況</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3550172141"/>
                  </a:ext>
                </a:extLst>
              </a:tr>
              <a:tr h="216000">
                <a:tc>
                  <a:txBody>
                    <a:bodyPr/>
                    <a:lstStyle/>
                    <a:p>
                      <a:pPr algn="l" fontAlgn="ctr"/>
                      <a:r>
                        <a:rPr lang="ja-JP" altLang="en-US" sz="900" b="0" i="0" u="none" strike="noStrike">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⑥ 故障発生の把握とその措置（緊急修繕を含む）</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783394819"/>
                  </a:ext>
                </a:extLst>
              </a:tr>
              <a:tr h="216000">
                <a:tc>
                  <a:txBody>
                    <a:bodyPr/>
                    <a:lstStyle/>
                    <a:p>
                      <a:pPr algn="l" fontAlgn="ctr"/>
                      <a:r>
                        <a:rPr lang="ja-JP" altLang="en-US" sz="900" b="0" i="0" u="none" strike="noStrike">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⑦ 機器の瑕疵による劣化、破損の有無</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949658525"/>
                  </a:ext>
                </a:extLst>
              </a:tr>
              <a:tr h="216000">
                <a:tc>
                  <a:txBody>
                    <a:bodyPr/>
                    <a:lstStyle/>
                    <a:p>
                      <a:pPr algn="l" fontAlgn="ctr"/>
                      <a:r>
                        <a:rPr lang="ja-JP" altLang="en-US" sz="900" b="0" i="0" u="none" strike="noStrike">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⑧ 計画修繕の実施</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19034368"/>
                  </a:ext>
                </a:extLst>
              </a:tr>
              <a:tr h="156177">
                <a:tc gridSpan="9">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2-3)</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受託業者の法遵守</a:t>
                      </a:r>
                    </a:p>
                  </a:txBody>
                  <a:tcPr marL="4805" marR="4805" marT="480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2318210113"/>
                  </a:ext>
                </a:extLst>
              </a:tr>
              <a:tr h="216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 責任者及び有資格者の選任及び届出</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solidFill>
                      <a:srgbClr val="D9D9D9"/>
                    </a:solid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1-1</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の業務計画書で確認</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extLst>
                  <a:ext uri="{0D108BD9-81ED-4DB2-BD59-A6C34878D82A}">
                    <a16:rowId xmlns:a16="http://schemas.microsoft.com/office/drawing/2014/main" val="1904590729"/>
                  </a:ext>
                </a:extLst>
              </a:tr>
              <a:tr h="216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② 作業に必要な有資格者及び特別教育修了者の配置</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1-1</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の業務計画書で確認</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extLst>
                  <a:ext uri="{0D108BD9-81ED-4DB2-BD59-A6C34878D82A}">
                    <a16:rowId xmlns:a16="http://schemas.microsoft.com/office/drawing/2014/main" val="1895446310"/>
                  </a:ext>
                </a:extLst>
              </a:tr>
              <a:tr h="216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③ 法令上必要な訓練等の実施</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1-4</a:t>
                      </a: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③の訓練で確認</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extLst>
                  <a:ext uri="{0D108BD9-81ED-4DB2-BD59-A6C34878D82A}">
                    <a16:rowId xmlns:a16="http://schemas.microsoft.com/office/drawing/2014/main" val="1677919587"/>
                  </a:ext>
                </a:extLst>
              </a:tr>
              <a:tr h="216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④ 法令上必要な点検の実施</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tc>
                  <a:txBody>
                    <a:bodyPr/>
                    <a:lstStyle/>
                    <a:p>
                      <a:pPr algn="l" fontAlgn="t"/>
                      <a:r>
                        <a:rPr lang="ja-JP" altLang="en-US" sz="900" b="0" i="0" u="none" strike="noStrike">
                          <a:solidFill>
                            <a:srgbClr val="FF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tc>
                  <a:txBody>
                    <a:bodyPr/>
                    <a:lstStyle/>
                    <a:p>
                      <a:pPr algn="l" fontAlgn="t"/>
                      <a:r>
                        <a:rPr lang="ja-JP" altLang="en-US" sz="900" b="0" i="0" u="none" strike="noStrike">
                          <a:solidFill>
                            <a:srgbClr val="FF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tc>
                  <a:txBody>
                    <a:bodyPr/>
                    <a:lstStyle/>
                    <a:p>
                      <a:pPr algn="l"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2-2</a:t>
                      </a: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①の法定点検結果で確認</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extLst>
                  <a:ext uri="{0D108BD9-81ED-4DB2-BD59-A6C34878D82A}">
                    <a16:rowId xmlns:a16="http://schemas.microsoft.com/office/drawing/2014/main" val="1379474487"/>
                  </a:ext>
                </a:extLst>
              </a:tr>
              <a:tr h="156177">
                <a:tc gridSpan="9">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3-1)</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運転維持管理コストの確認</a:t>
                      </a:r>
                    </a:p>
                  </a:txBody>
                  <a:tcPr marL="4805" marR="4805" marT="480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492490153"/>
                  </a:ext>
                </a:extLst>
              </a:tr>
              <a:tr h="216000">
                <a:tc>
                  <a:txBody>
                    <a:bodyPr/>
                    <a:lstStyle/>
                    <a:p>
                      <a:pPr algn="l" fontAlgn="ctr"/>
                      <a:r>
                        <a:rPr lang="ja-JP" altLang="en-US" sz="900" b="0" i="0" u="none" strike="noStrike">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 電力、薬品等の使用量</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原単位</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と価格</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13/19</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9/16</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8/12</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17/23</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1-6</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と重複</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extLst>
                  <a:ext uri="{0D108BD9-81ED-4DB2-BD59-A6C34878D82A}">
                    <a16:rowId xmlns:a16="http://schemas.microsoft.com/office/drawing/2014/main" val="3354560248"/>
                  </a:ext>
                </a:extLst>
              </a:tr>
              <a:tr h="216000">
                <a:tc>
                  <a:txBody>
                    <a:bodyPr/>
                    <a:lstStyle/>
                    <a:p>
                      <a:pPr algn="l" fontAlgn="ctr"/>
                      <a:r>
                        <a:rPr lang="ja-JP" altLang="en-US" sz="900" b="0" i="0" u="none" strike="noStrike">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② 薬品等の納入量</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en-US" altLang="ja-JP"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1-6</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②と重複</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extLst>
                  <a:ext uri="{0D108BD9-81ED-4DB2-BD59-A6C34878D82A}">
                    <a16:rowId xmlns:a16="http://schemas.microsoft.com/office/drawing/2014/main" val="424705095"/>
                  </a:ext>
                </a:extLst>
              </a:tr>
              <a:tr h="216000">
                <a:tc>
                  <a:txBody>
                    <a:bodyPr/>
                    <a:lstStyle/>
                    <a:p>
                      <a:pPr algn="l" fontAlgn="ctr"/>
                      <a:r>
                        <a:rPr lang="ja-JP" altLang="en-US" sz="900" b="0" i="0" u="none" strike="noStrike">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③ 補修部品購入費用</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3988695925"/>
                  </a:ext>
                </a:extLst>
              </a:tr>
              <a:tr h="216000">
                <a:tc>
                  <a:txBody>
                    <a:bodyPr/>
                    <a:lstStyle/>
                    <a:p>
                      <a:pPr algn="l" fontAlgn="ctr"/>
                      <a:r>
                        <a:rPr lang="ja-JP" altLang="en-US" sz="900" b="0" i="0" u="none" strike="noStrike">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④ 修繕費用</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3128901584"/>
                  </a:ext>
                </a:extLst>
              </a:tr>
              <a:tr h="216000">
                <a:tc>
                  <a:txBody>
                    <a:bodyPr/>
                    <a:lstStyle/>
                    <a:p>
                      <a:pPr algn="l" fontAlgn="ctr"/>
                      <a:r>
                        <a:rPr lang="ja-JP" altLang="en-US" sz="900" b="0" i="0" u="none" strike="noStrike">
                          <a:solidFill>
                            <a:srgbClr val="000000"/>
                          </a:solidFill>
                          <a:effectLst/>
                          <a:latin typeface="ＭＳ 明朝" panose="02020609040205080304" pitchFamily="17" charset="-128"/>
                          <a:ea typeface="ＭＳ 明朝" panose="02020609040205080304" pitchFamily="17" charset="-128"/>
                        </a:rPr>
                        <a:t>　</a:t>
                      </a:r>
                    </a:p>
                  </a:txBody>
                  <a:tcPr marL="4805" marR="4805" marT="480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⑤ コスト削減</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3056053127"/>
                  </a:ext>
                </a:extLst>
              </a:tr>
              <a:tr h="156177">
                <a:tc gridSpan="9">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r>
                        <a:rPr lang="en-US" altLang="ja-JP" sz="900" b="0" i="0" u="none" strike="noStrike" dirty="0">
                          <a:solidFill>
                            <a:srgbClr val="000000"/>
                          </a:solidFill>
                          <a:effectLst/>
                          <a:latin typeface="ＭＳ Ｐゴシック" panose="020B0600070205080204" pitchFamily="50" charset="-128"/>
                          <a:ea typeface="ＭＳ Ｐゴシック" panose="020B0600070205080204" pitchFamily="50" charset="-128"/>
                        </a:rPr>
                        <a:t>3-2)</a:t>
                      </a: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課題収集と提案</a:t>
                      </a:r>
                    </a:p>
                  </a:txBody>
                  <a:tcPr marL="4805" marR="4805" marT="480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3399411759"/>
                  </a:ext>
                </a:extLst>
              </a:tr>
              <a:tr h="216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① 受託者が実施した施設等の改善内容</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289273454"/>
                  </a:ext>
                </a:extLst>
              </a:tr>
              <a:tr h="216000">
                <a:tc>
                  <a:txBody>
                    <a:bodyPr/>
                    <a:lstStyle/>
                    <a:p>
                      <a:pPr algn="l" fontAlgn="t"/>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② 施設の課題把握と改善提案の内容</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fontAlgn="ctr"/>
                      <a:r>
                        <a:rPr lang="ja-JP" altLang="en-US" sz="900" b="0" i="0" u="none" strike="noStrike">
                          <a:solidFill>
                            <a:srgbClr val="000000"/>
                          </a:solidFill>
                          <a:effectLst/>
                          <a:latin typeface="ＭＳ Ｐゴシック" panose="020B0600070205080204" pitchFamily="50" charset="-128"/>
                          <a:ea typeface="ＭＳ Ｐゴシック" panose="020B0600070205080204" pitchFamily="50" charset="-128"/>
                        </a:rPr>
                        <a:t>○</a:t>
                      </a:r>
                    </a:p>
                  </a:txBody>
                  <a:tcPr marL="4805" marR="4805" marT="480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FF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t"/>
                      <a:r>
                        <a:rPr lang="ja-JP" altLang="en-US" sz="900" b="0" i="0" u="none" strike="noStrike">
                          <a:solidFill>
                            <a:srgbClr val="FF0000"/>
                          </a:solidFill>
                          <a:effectLst/>
                          <a:latin typeface="ＭＳ Ｐゴシック" panose="020B0600070205080204" pitchFamily="50" charset="-128"/>
                          <a:ea typeface="ＭＳ Ｐゴシック" panose="020B0600070205080204" pitchFamily="50" charset="-128"/>
                        </a:rPr>
                        <a:t>　</a:t>
                      </a:r>
                    </a:p>
                  </a:txBody>
                  <a:tcPr marL="4805" marR="4805" marT="480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p>
                  </a:txBody>
                  <a:tcPr marL="4805" marR="4805" marT="480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3295500650"/>
                  </a:ext>
                </a:extLst>
              </a:tr>
            </a:tbl>
          </a:graphicData>
        </a:graphic>
      </p:graphicFrame>
      <p:sp>
        <p:nvSpPr>
          <p:cNvPr id="4" name="角丸四角形 7">
            <a:extLst>
              <a:ext uri="{FF2B5EF4-FFF2-40B4-BE49-F238E27FC236}">
                <a16:creationId xmlns:a16="http://schemas.microsoft.com/office/drawing/2014/main" id="{AC9876BB-1754-6099-76C2-E79F4EB595EF}"/>
              </a:ext>
            </a:extLst>
          </p:cNvPr>
          <p:cNvSpPr/>
          <p:nvPr/>
        </p:nvSpPr>
        <p:spPr>
          <a:xfrm>
            <a:off x="43032" y="89219"/>
            <a:ext cx="59214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３．モニタリング実施状況（令和７年度上半期）</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394358845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2"/>
          </p:nvPr>
        </p:nvSpPr>
        <p:spPr/>
        <p:txBody>
          <a:bodyPr/>
          <a:lstStyle/>
          <a:p>
            <a:fld id="{36EC18DB-A5DF-4E0E-B815-FCD04A2C4B2C}" type="slidenum">
              <a:rPr kumimoji="1" lang="ja-JP" altLang="en-US" smtClean="0"/>
              <a:t>8</a:t>
            </a:fld>
            <a:endParaRPr kumimoji="1" lang="ja-JP" altLang="en-US" dirty="0"/>
          </a:p>
        </p:txBody>
      </p:sp>
      <p:sp>
        <p:nvSpPr>
          <p:cNvPr id="7" name="テキスト ボックス 6"/>
          <p:cNvSpPr txBox="1"/>
          <p:nvPr/>
        </p:nvSpPr>
        <p:spPr>
          <a:xfrm>
            <a:off x="303858" y="1136843"/>
            <a:ext cx="8548738" cy="338522"/>
          </a:xfrm>
          <a:prstGeom prst="rect">
            <a:avLst/>
          </a:prstGeom>
          <a:noFill/>
        </p:spPr>
        <p:txBody>
          <a:bodyPr vert="horz" wrap="square" lIns="91407" tIns="45704" rIns="91407" bIns="45704" rtlCol="0" anchor="ctr">
            <a:spAutoFit/>
          </a:bodyPr>
          <a:lstStyle/>
          <a:p>
            <a:r>
              <a:rPr lang="ja-JP" altLang="en-US" sz="1600" b="1" dirty="0">
                <a:latin typeface="HG丸ｺﾞｼｯｸM-PRO" panose="020F0600000000000000" pitchFamily="50" charset="-128"/>
                <a:ea typeface="HG丸ｺﾞｼｯｸM-PRO" panose="020F0600000000000000" pitchFamily="50" charset="-128"/>
              </a:rPr>
              <a:t>●　委託名称　：　</a:t>
            </a:r>
            <a:r>
              <a:rPr lang="zh-TW" altLang="en-US" sz="1600" b="1" dirty="0">
                <a:latin typeface="HG丸ｺﾞｼｯｸM-PRO" panose="020F0600000000000000" pitchFamily="50" charset="-128"/>
                <a:ea typeface="HG丸ｺﾞｼｯｸM-PRO" panose="020F0600000000000000" pitchFamily="50" charset="-128"/>
              </a:rPr>
              <a:t>大阪</a:t>
            </a:r>
            <a:r>
              <a:rPr lang="ja-JP" altLang="en-US" sz="1600" b="1" dirty="0">
                <a:latin typeface="HG丸ｺﾞｼｯｸM-PRO" panose="020F0600000000000000" pitchFamily="50" charset="-128"/>
                <a:ea typeface="HG丸ｺﾞｼｯｸM-PRO" panose="020F0600000000000000" pitchFamily="50" charset="-128"/>
              </a:rPr>
              <a:t>市</a:t>
            </a:r>
            <a:r>
              <a:rPr lang="zh-TW" altLang="en-US" sz="1600" b="1" dirty="0">
                <a:latin typeface="HG丸ｺﾞｼｯｸM-PRO" panose="020F0600000000000000" pitchFamily="50" charset="-128"/>
                <a:ea typeface="HG丸ｺﾞｼｯｸM-PRO" panose="020F0600000000000000" pitchFamily="50" charset="-128"/>
              </a:rPr>
              <a:t>下水道施設</a:t>
            </a:r>
            <a:r>
              <a:rPr lang="ja-JP" altLang="en-US" sz="1600" b="1" dirty="0">
                <a:latin typeface="HG丸ｺﾞｼｯｸM-PRO" panose="020F0600000000000000" pitchFamily="50" charset="-128"/>
                <a:ea typeface="HG丸ｺﾞｼｯｸM-PRO" panose="020F0600000000000000" pitchFamily="50" charset="-128"/>
              </a:rPr>
              <a:t>包括的管理</a:t>
            </a:r>
            <a:r>
              <a:rPr lang="zh-TW" altLang="en-US" sz="1600" b="1" dirty="0">
                <a:latin typeface="HG丸ｺﾞｼｯｸM-PRO" panose="020F0600000000000000" pitchFamily="50" charset="-128"/>
                <a:ea typeface="HG丸ｺﾞｼｯｸM-PRO" panose="020F0600000000000000" pitchFamily="50" charset="-128"/>
              </a:rPr>
              <a:t>業務委託</a:t>
            </a:r>
          </a:p>
        </p:txBody>
      </p:sp>
      <p:sp>
        <p:nvSpPr>
          <p:cNvPr id="8" name="テキスト ボックス 7"/>
          <p:cNvSpPr txBox="1"/>
          <p:nvPr/>
        </p:nvSpPr>
        <p:spPr>
          <a:xfrm>
            <a:off x="303858" y="1513193"/>
            <a:ext cx="7699652" cy="338522"/>
          </a:xfrm>
          <a:prstGeom prst="rect">
            <a:avLst/>
          </a:prstGeom>
          <a:noFill/>
        </p:spPr>
        <p:txBody>
          <a:bodyPr vert="horz" wrap="square" lIns="91407" tIns="45704" rIns="91407" bIns="45704" rtlCol="0" anchor="ctr">
            <a:spAutoFit/>
          </a:bodyPr>
          <a:lstStyle/>
          <a:p>
            <a:r>
              <a:rPr lang="ja-JP" altLang="en-US" sz="1600" b="1" dirty="0">
                <a:latin typeface="HG丸ｺﾞｼｯｸM-PRO" panose="020F0600000000000000" pitchFamily="50" charset="-128"/>
                <a:ea typeface="HG丸ｺﾞｼｯｸM-PRO" panose="020F0600000000000000" pitchFamily="50" charset="-128"/>
              </a:rPr>
              <a:t>●　契約相手　：　クリアウォーター</a:t>
            </a:r>
            <a:r>
              <a:rPr lang="en-US" altLang="ja-JP" sz="1600" b="1" dirty="0">
                <a:latin typeface="HG丸ｺﾞｼｯｸM-PRO" panose="020F0600000000000000" pitchFamily="50" charset="-128"/>
                <a:ea typeface="HG丸ｺﾞｼｯｸM-PRO" panose="020F0600000000000000" pitchFamily="50" charset="-128"/>
              </a:rPr>
              <a:t>OSAKA</a:t>
            </a:r>
            <a:r>
              <a:rPr lang="ja-JP" altLang="en-US" sz="1600" b="1" dirty="0">
                <a:latin typeface="HG丸ｺﾞｼｯｸM-PRO" panose="020F0600000000000000" pitchFamily="50" charset="-128"/>
                <a:ea typeface="HG丸ｺﾞｼｯｸM-PRO" panose="020F0600000000000000" pitchFamily="50" charset="-128"/>
              </a:rPr>
              <a:t>　株式会社</a:t>
            </a:r>
          </a:p>
        </p:txBody>
      </p:sp>
      <p:sp>
        <p:nvSpPr>
          <p:cNvPr id="9" name="テキスト ボックス 8"/>
          <p:cNvSpPr txBox="1"/>
          <p:nvPr/>
        </p:nvSpPr>
        <p:spPr>
          <a:xfrm>
            <a:off x="303858" y="1879602"/>
            <a:ext cx="4489282" cy="338522"/>
          </a:xfrm>
          <a:prstGeom prst="rect">
            <a:avLst/>
          </a:prstGeom>
          <a:noFill/>
        </p:spPr>
        <p:txBody>
          <a:bodyPr vert="horz" wrap="square" lIns="91407" tIns="45704" rIns="91407" bIns="45704" rtlCol="0" anchor="ctr">
            <a:spAutoFit/>
          </a:bodyPr>
          <a:lstStyle/>
          <a:p>
            <a:r>
              <a:rPr lang="ja-JP" altLang="en-US" sz="1600" b="1" dirty="0">
                <a:latin typeface="HG丸ｺﾞｼｯｸM-PRO" panose="020F0600000000000000" pitchFamily="50" charset="-128"/>
                <a:ea typeface="HG丸ｺﾞｼｯｸM-PRO" panose="020F0600000000000000" pitchFamily="50" charset="-128"/>
              </a:rPr>
              <a:t>●　契約手法　：　随意契約</a:t>
            </a:r>
          </a:p>
        </p:txBody>
      </p:sp>
      <p:sp>
        <p:nvSpPr>
          <p:cNvPr id="10" name="正方形/長方形 9"/>
          <p:cNvSpPr/>
          <p:nvPr/>
        </p:nvSpPr>
        <p:spPr>
          <a:xfrm>
            <a:off x="295302" y="2245625"/>
            <a:ext cx="9217728" cy="338554"/>
          </a:xfrm>
          <a:prstGeom prst="rect">
            <a:avLst/>
          </a:prstGeom>
        </p:spPr>
        <p:txBody>
          <a:bodyPr wrap="square">
            <a:spAutoFit/>
          </a:bodyPr>
          <a:lstStyle/>
          <a:p>
            <a:r>
              <a:rPr lang="ja-JP" altLang="en-US" sz="1600" dirty="0">
                <a:latin typeface="HG丸ｺﾞｼｯｸM-PRO" panose="020F0600000000000000" pitchFamily="50" charset="-128"/>
                <a:ea typeface="HG丸ｺﾞｼｯｸM-PRO" panose="020F0600000000000000" pitchFamily="50" charset="-128"/>
              </a:rPr>
              <a:t>●</a:t>
            </a:r>
            <a:r>
              <a:rPr lang="ja-JP" altLang="en-US" sz="1600" b="1" dirty="0">
                <a:latin typeface="HG丸ｺﾞｼｯｸM-PRO" panose="020F0600000000000000" pitchFamily="50" charset="-128"/>
                <a:ea typeface="HG丸ｺﾞｼｯｸM-PRO" panose="020F0600000000000000" pitchFamily="50" charset="-128"/>
              </a:rPr>
              <a:t>　契約期間　：　</a:t>
            </a:r>
            <a:r>
              <a:rPr lang="en-US" altLang="ja-JP" sz="1600" b="1" dirty="0">
                <a:latin typeface="HG丸ｺﾞｼｯｸM-PRO" panose="020F0600000000000000" pitchFamily="50" charset="-128"/>
                <a:ea typeface="HG丸ｺﾞｼｯｸM-PRO" panose="020F0600000000000000" pitchFamily="50" charset="-128"/>
              </a:rPr>
              <a:t>20</a:t>
            </a:r>
            <a:r>
              <a:rPr lang="ja-JP" altLang="en-US" sz="1600" b="1" dirty="0">
                <a:latin typeface="HG丸ｺﾞｼｯｸM-PRO" panose="020F0600000000000000" pitchFamily="50" charset="-128"/>
                <a:ea typeface="HG丸ｺﾞｼｯｸM-PRO" panose="020F0600000000000000" pitchFamily="50" charset="-128"/>
              </a:rPr>
              <a:t>年間（令和</a:t>
            </a:r>
            <a:r>
              <a:rPr lang="en-US" altLang="ja-JP" sz="1600" b="1" dirty="0">
                <a:latin typeface="HG丸ｺﾞｼｯｸM-PRO" panose="020F0600000000000000" pitchFamily="50" charset="-128"/>
                <a:ea typeface="HG丸ｺﾞｼｯｸM-PRO" panose="020F0600000000000000" pitchFamily="50" charset="-128"/>
              </a:rPr>
              <a:t>3</a:t>
            </a:r>
            <a:r>
              <a:rPr lang="ja-JP" altLang="en-US" sz="1600" b="1" dirty="0">
                <a:latin typeface="HG丸ｺﾞｼｯｸM-PRO" panose="020F0600000000000000" pitchFamily="50" charset="-128"/>
                <a:ea typeface="HG丸ｺﾞｼｯｸM-PRO" panose="020F0600000000000000" pitchFamily="50" charset="-128"/>
              </a:rPr>
              <a:t>年～令和</a:t>
            </a:r>
            <a:r>
              <a:rPr lang="en-US" altLang="ja-JP" sz="1600" b="1" dirty="0">
                <a:latin typeface="HG丸ｺﾞｼｯｸM-PRO" panose="020F0600000000000000" pitchFamily="50" charset="-128"/>
                <a:ea typeface="HG丸ｺﾞｼｯｸM-PRO" panose="020F0600000000000000" pitchFamily="50" charset="-128"/>
              </a:rPr>
              <a:t>23</a:t>
            </a:r>
            <a:r>
              <a:rPr lang="ja-JP" altLang="en-US" sz="1600" b="1" dirty="0">
                <a:latin typeface="HG丸ｺﾞｼｯｸM-PRO" panose="020F0600000000000000" pitchFamily="50" charset="-128"/>
                <a:ea typeface="HG丸ｺﾞｼｯｸM-PRO" panose="020F0600000000000000" pitchFamily="50" charset="-128"/>
              </a:rPr>
              <a:t>年度：業務実施期間　令和</a:t>
            </a:r>
            <a:r>
              <a:rPr lang="en-US" altLang="ja-JP" sz="1600" b="1" dirty="0">
                <a:latin typeface="HG丸ｺﾞｼｯｸM-PRO" panose="020F0600000000000000" pitchFamily="50" charset="-128"/>
                <a:ea typeface="HG丸ｺﾞｼｯｸM-PRO" panose="020F0600000000000000" pitchFamily="50" charset="-128"/>
              </a:rPr>
              <a:t>4</a:t>
            </a:r>
            <a:r>
              <a:rPr lang="ja-JP" altLang="en-US" sz="1600" b="1" dirty="0">
                <a:latin typeface="HG丸ｺﾞｼｯｸM-PRO" panose="020F0600000000000000" pitchFamily="50" charset="-128"/>
                <a:ea typeface="HG丸ｺﾞｼｯｸM-PRO" panose="020F0600000000000000" pitchFamily="50" charset="-128"/>
              </a:rPr>
              <a:t>年～令和</a:t>
            </a:r>
            <a:r>
              <a:rPr lang="en-US" altLang="ja-JP" sz="1600" b="1" dirty="0">
                <a:latin typeface="HG丸ｺﾞｼｯｸM-PRO" panose="020F0600000000000000" pitchFamily="50" charset="-128"/>
                <a:ea typeface="HG丸ｺﾞｼｯｸM-PRO" panose="020F0600000000000000" pitchFamily="50" charset="-128"/>
              </a:rPr>
              <a:t>23</a:t>
            </a:r>
            <a:r>
              <a:rPr lang="ja-JP" altLang="en-US" sz="1600" b="1" dirty="0">
                <a:latin typeface="HG丸ｺﾞｼｯｸM-PRO" panose="020F0600000000000000" pitchFamily="50" charset="-128"/>
                <a:ea typeface="HG丸ｺﾞｼｯｸM-PRO" panose="020F0600000000000000" pitchFamily="50" charset="-128"/>
              </a:rPr>
              <a:t>年度）</a:t>
            </a:r>
            <a:endParaRPr lang="en-US" altLang="ja-JP" sz="1600" b="1" dirty="0">
              <a:latin typeface="HG丸ｺﾞｼｯｸM-PRO" panose="020F0600000000000000" pitchFamily="50" charset="-128"/>
              <a:ea typeface="HG丸ｺﾞｼｯｸM-PRO" panose="020F0600000000000000" pitchFamily="50" charset="-128"/>
            </a:endParaRPr>
          </a:p>
        </p:txBody>
      </p:sp>
      <p:sp>
        <p:nvSpPr>
          <p:cNvPr id="11" name="テキスト ボックス 10"/>
          <p:cNvSpPr txBox="1"/>
          <p:nvPr/>
        </p:nvSpPr>
        <p:spPr>
          <a:xfrm>
            <a:off x="303857" y="2619503"/>
            <a:ext cx="6841014" cy="338522"/>
          </a:xfrm>
          <a:prstGeom prst="rect">
            <a:avLst/>
          </a:prstGeom>
          <a:noFill/>
        </p:spPr>
        <p:txBody>
          <a:bodyPr vert="horz" wrap="square" lIns="91407" tIns="45704" rIns="91407" bIns="45704" rtlCol="0" anchor="ctr">
            <a:spAutoFit/>
          </a:bodyPr>
          <a:lstStyle/>
          <a:p>
            <a:r>
              <a:rPr lang="ja-JP" altLang="en-US" sz="1600" b="1" dirty="0">
                <a:latin typeface="HG丸ｺﾞｼｯｸM-PRO" panose="020F0600000000000000" pitchFamily="50" charset="-128"/>
                <a:ea typeface="HG丸ｺﾞｼｯｸM-PRO" panose="020F0600000000000000" pitchFamily="50" charset="-128"/>
              </a:rPr>
              <a:t>●　契約金額　：　</a:t>
            </a:r>
            <a:r>
              <a:rPr lang="ja-JP" altLang="en-US" sz="1600" b="1" dirty="0">
                <a:solidFill>
                  <a:srgbClr val="FF0000"/>
                </a:solidFill>
                <a:latin typeface="HG丸ｺﾞｼｯｸM-PRO" panose="020F0600000000000000" pitchFamily="50" charset="-128"/>
                <a:ea typeface="HG丸ｺﾞｼｯｸM-PRO" panose="020F0600000000000000" pitchFamily="50" charset="-128"/>
              </a:rPr>
              <a:t>約４，１３５億円</a:t>
            </a:r>
            <a:r>
              <a:rPr lang="ja-JP" altLang="en-US" sz="1600" b="1" dirty="0">
                <a:latin typeface="HG丸ｺﾞｼｯｸM-PRO" panose="020F0600000000000000" pitchFamily="50" charset="-128"/>
                <a:ea typeface="HG丸ｺﾞｼｯｸM-PRO" panose="020F0600000000000000" pitchFamily="50" charset="-128"/>
              </a:rPr>
              <a:t>（税込み）　</a:t>
            </a:r>
            <a:r>
              <a:rPr lang="en-US" altLang="ja-JP" sz="1600" dirty="0">
                <a:latin typeface="HG丸ｺﾞｼｯｸM-PRO" panose="020F0600000000000000" pitchFamily="50" charset="-128"/>
                <a:ea typeface="HG丸ｺﾞｼｯｸM-PRO" panose="020F0600000000000000" pitchFamily="50" charset="-128"/>
              </a:rPr>
              <a:t>※R7</a:t>
            </a:r>
            <a:r>
              <a:rPr lang="ja-JP" altLang="en-US" sz="1600" dirty="0">
                <a:latin typeface="HG丸ｺﾞｼｯｸM-PRO" panose="020F0600000000000000" pitchFamily="50" charset="-128"/>
                <a:ea typeface="HG丸ｺﾞｼｯｸM-PRO" panose="020F0600000000000000" pitchFamily="50" charset="-128"/>
              </a:rPr>
              <a:t>年</a:t>
            </a:r>
            <a:r>
              <a:rPr lang="ja-JP" altLang="en-US" sz="1600" dirty="0">
                <a:solidFill>
                  <a:srgbClr val="FF0000"/>
                </a:solidFill>
                <a:latin typeface="HG丸ｺﾞｼｯｸM-PRO" panose="020F0600000000000000" pitchFamily="50" charset="-128"/>
                <a:ea typeface="HG丸ｺﾞｼｯｸM-PRO" panose="020F0600000000000000" pitchFamily="50" charset="-128"/>
              </a:rPr>
              <a:t>９</a:t>
            </a:r>
            <a:r>
              <a:rPr lang="ja-JP" altLang="en-US" sz="1600" dirty="0">
                <a:latin typeface="HG丸ｺﾞｼｯｸM-PRO" panose="020F0600000000000000" pitchFamily="50" charset="-128"/>
                <a:ea typeface="HG丸ｺﾞｼｯｸM-PRO" panose="020F0600000000000000" pitchFamily="50" charset="-128"/>
              </a:rPr>
              <a:t>月末時点</a:t>
            </a:r>
          </a:p>
        </p:txBody>
      </p:sp>
      <p:grpSp>
        <p:nvGrpSpPr>
          <p:cNvPr id="12" name="グループ化 11"/>
          <p:cNvGrpSpPr/>
          <p:nvPr/>
        </p:nvGrpSpPr>
        <p:grpSpPr>
          <a:xfrm>
            <a:off x="303858" y="2978148"/>
            <a:ext cx="9602142" cy="830997"/>
            <a:chOff x="149255" y="3242202"/>
            <a:chExt cx="9602142" cy="830997"/>
          </a:xfrm>
        </p:grpSpPr>
        <p:sp>
          <p:nvSpPr>
            <p:cNvPr id="13" name="テキスト ボックス 12"/>
            <p:cNvSpPr txBox="1"/>
            <p:nvPr/>
          </p:nvSpPr>
          <p:spPr>
            <a:xfrm>
              <a:off x="149255" y="3252561"/>
              <a:ext cx="2097556" cy="338522"/>
            </a:xfrm>
            <a:prstGeom prst="rect">
              <a:avLst/>
            </a:prstGeom>
            <a:noFill/>
          </p:spPr>
          <p:txBody>
            <a:bodyPr vert="horz" wrap="square" lIns="91407" tIns="45704" rIns="91407" bIns="45704" rtlCol="0" anchor="ctr">
              <a:spAutoFit/>
            </a:bodyPr>
            <a:lstStyle/>
            <a:p>
              <a:r>
                <a:rPr lang="ja-JP" altLang="en-US" sz="1600" b="1" dirty="0">
                  <a:latin typeface="HG丸ｺﾞｼｯｸM-PRO" panose="020F0600000000000000" pitchFamily="50" charset="-128"/>
                  <a:ea typeface="HG丸ｺﾞｼｯｸM-PRO" panose="020F0600000000000000" pitchFamily="50" charset="-128"/>
                </a:rPr>
                <a:t>●　委託内容　：</a:t>
              </a:r>
            </a:p>
          </p:txBody>
        </p:sp>
        <p:sp>
          <p:nvSpPr>
            <p:cNvPr id="14" name="正方形/長方形 13"/>
            <p:cNvSpPr/>
            <p:nvPr/>
          </p:nvSpPr>
          <p:spPr>
            <a:xfrm>
              <a:off x="1998616" y="3242202"/>
              <a:ext cx="7752781" cy="830997"/>
            </a:xfrm>
            <a:prstGeom prst="rect">
              <a:avLst/>
            </a:prstGeom>
          </p:spPr>
          <p:txBody>
            <a:bodyPr wrap="square">
              <a:spAutoFit/>
            </a:bodyPr>
            <a:lstStyle/>
            <a:p>
              <a:r>
                <a:rPr lang="ja-JP" altLang="en-US" sz="1600" b="1" dirty="0">
                  <a:latin typeface="HG丸ｺﾞｼｯｸM-PRO" panose="020F0600000000000000" pitchFamily="50" charset="-128"/>
                  <a:ea typeface="HG丸ｺﾞｼｯｸM-PRO" panose="020F0600000000000000" pitchFamily="50" charset="-128"/>
                </a:rPr>
                <a:t>大阪市内で管理又は所有している下水道施設等について、維持管理業務を性</a:t>
              </a:r>
              <a:endParaRPr lang="en-US" altLang="ja-JP" sz="1600" b="1" dirty="0">
                <a:latin typeface="HG丸ｺﾞｼｯｸM-PRO" panose="020F0600000000000000" pitchFamily="50" charset="-128"/>
                <a:ea typeface="HG丸ｺﾞｼｯｸM-PRO" panose="020F0600000000000000" pitchFamily="50" charset="-128"/>
              </a:endParaRPr>
            </a:p>
            <a:p>
              <a:r>
                <a:rPr lang="ja-JP" altLang="en-US" sz="1600" b="1" dirty="0">
                  <a:latin typeface="HG丸ｺﾞｼｯｸM-PRO" panose="020F0600000000000000" pitchFamily="50" charset="-128"/>
                  <a:ea typeface="HG丸ｺﾞｼｯｸM-PRO" panose="020F0600000000000000" pitchFamily="50" charset="-128"/>
                </a:rPr>
                <a:t>能発注方式により包括的に委託。</a:t>
              </a:r>
              <a:r>
                <a:rPr lang="ja-JP" altLang="en-US" sz="1600" b="1" dirty="0">
                  <a:solidFill>
                    <a:srgbClr val="FF0000"/>
                  </a:solidFill>
                  <a:latin typeface="HG丸ｺﾞｼｯｸM-PRO" panose="020F0600000000000000" pitchFamily="50" charset="-128"/>
                  <a:ea typeface="HG丸ｺﾞｼｯｸM-PRO" panose="020F0600000000000000" pitchFamily="50" charset="-128"/>
                </a:rPr>
                <a:t>また、</a:t>
              </a:r>
              <a:r>
                <a:rPr lang="en-US" altLang="ja-JP" sz="1600" b="1" dirty="0">
                  <a:solidFill>
                    <a:srgbClr val="FF0000"/>
                  </a:solidFill>
                  <a:latin typeface="HG丸ｺﾞｼｯｸM-PRO" panose="020F0600000000000000" pitchFamily="50" charset="-128"/>
                  <a:ea typeface="HG丸ｺﾞｼｯｸM-PRO" panose="020F0600000000000000" pitchFamily="50" charset="-128"/>
                </a:rPr>
                <a:t>R7</a:t>
              </a:r>
              <a:r>
                <a:rPr lang="ja-JP" altLang="en-US" sz="1600" b="1" dirty="0">
                  <a:solidFill>
                    <a:srgbClr val="FF0000"/>
                  </a:solidFill>
                  <a:latin typeface="HG丸ｺﾞｼｯｸM-PRO" panose="020F0600000000000000" pitchFamily="50" charset="-128"/>
                  <a:ea typeface="HG丸ｺﾞｼｯｸM-PRO" panose="020F0600000000000000" pitchFamily="50" charset="-128"/>
                </a:rPr>
                <a:t>年度から</a:t>
              </a:r>
              <a:r>
                <a:rPr lang="en-US" altLang="ja-JP" sz="1600" b="1" dirty="0">
                  <a:solidFill>
                    <a:srgbClr val="FF0000"/>
                  </a:solidFill>
                  <a:latin typeface="HG丸ｺﾞｼｯｸM-PRO" panose="020F0600000000000000" pitchFamily="50" charset="-128"/>
                  <a:ea typeface="HG丸ｺﾞｼｯｸM-PRO" panose="020F0600000000000000" pitchFamily="50" charset="-128"/>
                </a:rPr>
                <a:t>W</a:t>
              </a:r>
              <a:r>
                <a:rPr lang="ja-JP" altLang="en-US" sz="1600" b="1" dirty="0">
                  <a:solidFill>
                    <a:srgbClr val="FF0000"/>
                  </a:solidFill>
                  <a:latin typeface="HG丸ｺﾞｼｯｸM-PRO" panose="020F0600000000000000" pitchFamily="50" charset="-128"/>
                  <a:ea typeface="HG丸ｺﾞｼｯｸM-PRO" panose="020F0600000000000000" pitchFamily="50" charset="-128"/>
                </a:rPr>
                <a:t>ー</a:t>
              </a:r>
              <a:r>
                <a:rPr lang="en-US" altLang="ja-JP" sz="1600" b="1" dirty="0">
                  <a:solidFill>
                    <a:srgbClr val="FF0000"/>
                  </a:solidFill>
                  <a:latin typeface="HG丸ｺﾞｼｯｸM-PRO" panose="020F0600000000000000" pitchFamily="50" charset="-128"/>
                  <a:ea typeface="HG丸ｺﾞｼｯｸM-PRO" panose="020F0600000000000000" pitchFamily="50" charset="-128"/>
                </a:rPr>
                <a:t>PPP</a:t>
              </a:r>
              <a:r>
                <a:rPr lang="ja-JP" altLang="en-US" sz="1600" b="1" dirty="0">
                  <a:solidFill>
                    <a:srgbClr val="FF0000"/>
                  </a:solidFill>
                  <a:latin typeface="HG丸ｺﾞｼｯｸM-PRO" panose="020F0600000000000000" pitchFamily="50" charset="-128"/>
                  <a:ea typeface="HG丸ｺﾞｼｯｸM-PRO" panose="020F0600000000000000" pitchFamily="50" charset="-128"/>
                </a:rPr>
                <a:t>として、処理</a:t>
              </a:r>
              <a:endParaRPr lang="en-US" altLang="ja-JP" sz="1600" b="1" dirty="0">
                <a:solidFill>
                  <a:srgbClr val="FF0000"/>
                </a:solidFill>
                <a:latin typeface="HG丸ｺﾞｼｯｸM-PRO" panose="020F0600000000000000" pitchFamily="50" charset="-128"/>
                <a:ea typeface="HG丸ｺﾞｼｯｸM-PRO" panose="020F0600000000000000" pitchFamily="50" charset="-128"/>
              </a:endParaRPr>
            </a:p>
            <a:p>
              <a:r>
                <a:rPr lang="ja-JP" altLang="en-US" sz="1600" b="1" dirty="0">
                  <a:solidFill>
                    <a:srgbClr val="FF0000"/>
                  </a:solidFill>
                  <a:latin typeface="HG丸ｺﾞｼｯｸM-PRO" panose="020F0600000000000000" pitchFamily="50" charset="-128"/>
                  <a:ea typeface="HG丸ｺﾞｼｯｸM-PRO" panose="020F0600000000000000" pitchFamily="50" charset="-128"/>
                </a:rPr>
                <a:t>場・ポンプ場・管路の改築更新計画作成業務を委託。</a:t>
              </a:r>
              <a:endParaRPr lang="en-US" altLang="ja-JP" sz="1600" b="1" dirty="0">
                <a:solidFill>
                  <a:srgbClr val="FF0000"/>
                </a:solidFill>
                <a:latin typeface="HG丸ｺﾞｼｯｸM-PRO" panose="020F0600000000000000" pitchFamily="50" charset="-128"/>
                <a:ea typeface="HG丸ｺﾞｼｯｸM-PRO" panose="020F0600000000000000" pitchFamily="50" charset="-128"/>
              </a:endParaRPr>
            </a:p>
          </p:txBody>
        </p:sp>
      </p:grpSp>
      <p:graphicFrame>
        <p:nvGraphicFramePr>
          <p:cNvPr id="15" name="表 14"/>
          <p:cNvGraphicFramePr>
            <a:graphicFrameLocks noGrp="1"/>
          </p:cNvGraphicFramePr>
          <p:nvPr/>
        </p:nvGraphicFramePr>
        <p:xfrm>
          <a:off x="535577" y="3796753"/>
          <a:ext cx="8977453" cy="3031313"/>
        </p:xfrm>
        <a:graphic>
          <a:graphicData uri="http://schemas.openxmlformats.org/drawingml/2006/table">
            <a:tbl>
              <a:tblPr firstRow="1" bandRow="1">
                <a:tableStyleId>{5C22544A-7EE6-4342-B048-85BDC9FD1C3A}</a:tableStyleId>
              </a:tblPr>
              <a:tblGrid>
                <a:gridCol w="3135086">
                  <a:extLst>
                    <a:ext uri="{9D8B030D-6E8A-4147-A177-3AD203B41FA5}">
                      <a16:colId xmlns:a16="http://schemas.microsoft.com/office/drawing/2014/main" val="2520826028"/>
                    </a:ext>
                  </a:extLst>
                </a:gridCol>
                <a:gridCol w="5842367">
                  <a:extLst>
                    <a:ext uri="{9D8B030D-6E8A-4147-A177-3AD203B41FA5}">
                      <a16:colId xmlns:a16="http://schemas.microsoft.com/office/drawing/2014/main" val="1440791850"/>
                    </a:ext>
                  </a:extLst>
                </a:gridCol>
              </a:tblGrid>
              <a:tr h="387541">
                <a:tc>
                  <a:txBody>
                    <a:bodyPr/>
                    <a:lstStyle/>
                    <a:p>
                      <a:pPr algn="ctr"/>
                      <a:r>
                        <a:rPr kumimoji="1" lang="ja-JP" altLang="en-US" sz="1600" dirty="0"/>
                        <a:t>対象施設</a:t>
                      </a:r>
                    </a:p>
                  </a:txBody>
                  <a:tcPr/>
                </a:tc>
                <a:tc>
                  <a:txBody>
                    <a:bodyPr/>
                    <a:lstStyle/>
                    <a:p>
                      <a:pPr algn="ctr"/>
                      <a:r>
                        <a:rPr kumimoji="1" lang="ja-JP" altLang="en-US" sz="1600" dirty="0"/>
                        <a:t>主な業務内容</a:t>
                      </a:r>
                    </a:p>
                  </a:txBody>
                  <a:tcPr/>
                </a:tc>
                <a:extLst>
                  <a:ext uri="{0D108BD9-81ED-4DB2-BD59-A6C34878D82A}">
                    <a16:rowId xmlns:a16="http://schemas.microsoft.com/office/drawing/2014/main" val="2661621119"/>
                  </a:ext>
                </a:extLst>
              </a:tr>
              <a:tr h="1210402">
                <a:tc>
                  <a:txBody>
                    <a:bodyPr/>
                    <a:lstStyle/>
                    <a:p>
                      <a:pPr algn="ctr"/>
                      <a:r>
                        <a:rPr kumimoji="1" lang="ja-JP" altLang="en-US" sz="1400" dirty="0"/>
                        <a:t>管渠施設</a:t>
                      </a:r>
                      <a:endParaRPr kumimoji="1" lang="en-US" altLang="ja-JP" sz="1400" dirty="0"/>
                    </a:p>
                    <a:p>
                      <a:pPr algn="ctr"/>
                      <a:r>
                        <a:rPr kumimoji="1" lang="ja-JP" altLang="en-US" sz="1400" dirty="0"/>
                        <a:t>（管渠約</a:t>
                      </a:r>
                      <a:r>
                        <a:rPr kumimoji="1" lang="en-US" altLang="ja-JP" sz="1400" dirty="0">
                          <a:solidFill>
                            <a:schemeClr val="tx1"/>
                          </a:solidFill>
                        </a:rPr>
                        <a:t>4,993</a:t>
                      </a:r>
                      <a:r>
                        <a:rPr kumimoji="1" lang="ja-JP" altLang="en-US" sz="1400" dirty="0"/>
                        <a:t>ｋｍ、マンホール約</a:t>
                      </a:r>
                      <a:r>
                        <a:rPr kumimoji="1" lang="en-US" altLang="ja-JP" sz="1400" dirty="0"/>
                        <a:t>20</a:t>
                      </a:r>
                      <a:r>
                        <a:rPr kumimoji="1" lang="ja-JP" altLang="en-US" sz="1400" dirty="0"/>
                        <a:t>万箇所、集水ます約</a:t>
                      </a:r>
                      <a:r>
                        <a:rPr kumimoji="1" lang="en-US" altLang="ja-JP" sz="1400" dirty="0"/>
                        <a:t>60</a:t>
                      </a:r>
                      <a:r>
                        <a:rPr kumimoji="1" lang="ja-JP" altLang="en-US" sz="1400" dirty="0"/>
                        <a:t>万箇所、取付管約</a:t>
                      </a:r>
                      <a:r>
                        <a:rPr kumimoji="1" lang="en-US" altLang="ja-JP" sz="1400" dirty="0"/>
                        <a:t>1,900km</a:t>
                      </a:r>
                      <a:r>
                        <a:rPr kumimoji="1" lang="ja-JP" altLang="en-US" sz="1400" dirty="0"/>
                        <a:t>）</a:t>
                      </a:r>
                    </a:p>
                  </a:txBody>
                  <a:tcPr anchor="ctr"/>
                </a:tc>
                <a:tc>
                  <a:txBody>
                    <a:bodyPr/>
                    <a:lstStyle/>
                    <a:p>
                      <a:r>
                        <a:rPr kumimoji="1" lang="ja-JP" altLang="en-US" sz="1400" dirty="0"/>
                        <a:t>・　計画的業務</a:t>
                      </a:r>
                      <a:endParaRPr kumimoji="1" lang="en-US" altLang="ja-JP" sz="1400" dirty="0"/>
                    </a:p>
                    <a:p>
                      <a:r>
                        <a:rPr kumimoji="1" lang="ja-JP" altLang="en-US" sz="1400" dirty="0"/>
                        <a:t>　　　（管路施設等の巡視・点検、調査、清掃、修繕、排水不良解消）</a:t>
                      </a:r>
                      <a:endParaRPr kumimoji="1" lang="en-US" altLang="ja-JP" sz="1400" dirty="0"/>
                    </a:p>
                    <a:p>
                      <a:r>
                        <a:rPr kumimoji="1" lang="ja-JP" altLang="en-US" sz="1400" dirty="0"/>
                        <a:t>・　問題解決業務</a:t>
                      </a:r>
                      <a:endParaRPr kumimoji="1" lang="en-US" altLang="ja-JP" sz="1400" dirty="0"/>
                    </a:p>
                    <a:p>
                      <a:r>
                        <a:rPr kumimoji="1" lang="ja-JP" altLang="en-US" sz="1400" dirty="0"/>
                        <a:t>　　　（下水つまり、不法投棄、悪臭、危険個所等の問題解決）</a:t>
                      </a:r>
                      <a:endParaRPr kumimoji="1" lang="en-US" altLang="ja-JP" sz="1400" dirty="0"/>
                    </a:p>
                    <a:p>
                      <a:r>
                        <a:rPr kumimoji="1" lang="ja-JP" altLang="en-US" sz="1400" dirty="0"/>
                        <a:t>・　住民対応等業務、緊急対応業務、災害等対応業務、改築業務等</a:t>
                      </a:r>
                    </a:p>
                  </a:txBody>
                  <a:tcPr anchor="ctr"/>
                </a:tc>
                <a:extLst>
                  <a:ext uri="{0D108BD9-81ED-4DB2-BD59-A6C34878D82A}">
                    <a16:rowId xmlns:a16="http://schemas.microsoft.com/office/drawing/2014/main" val="2533132066"/>
                  </a:ext>
                </a:extLst>
              </a:tr>
              <a:tr h="1433370">
                <a:tc>
                  <a:txBody>
                    <a:bodyPr/>
                    <a:lstStyle/>
                    <a:p>
                      <a:pPr algn="ctr"/>
                      <a:r>
                        <a:rPr kumimoji="1" lang="ja-JP" altLang="en-US" sz="1400" dirty="0"/>
                        <a:t>抽水所（ポンプ場）</a:t>
                      </a:r>
                      <a:endParaRPr kumimoji="1" lang="en-US" altLang="ja-JP" sz="1400" dirty="0"/>
                    </a:p>
                    <a:p>
                      <a:pPr algn="ctr"/>
                      <a:r>
                        <a:rPr kumimoji="1" lang="ja-JP" altLang="en-US" sz="1400" dirty="0">
                          <a:solidFill>
                            <a:schemeClr val="tx1"/>
                          </a:solidFill>
                        </a:rPr>
                        <a:t>（</a:t>
                      </a:r>
                      <a:r>
                        <a:rPr kumimoji="1" lang="en-US" altLang="ja-JP" sz="1400" dirty="0">
                          <a:solidFill>
                            <a:schemeClr val="tx1"/>
                          </a:solidFill>
                        </a:rPr>
                        <a:t>59</a:t>
                      </a:r>
                      <a:r>
                        <a:rPr kumimoji="1" lang="ja-JP" altLang="en-US" sz="1400" dirty="0">
                          <a:solidFill>
                            <a:schemeClr val="tx1"/>
                          </a:solidFill>
                        </a:rPr>
                        <a:t>箇所）</a:t>
                      </a:r>
                      <a:endParaRPr kumimoji="1" lang="en-US" altLang="ja-JP" sz="1400" dirty="0">
                        <a:solidFill>
                          <a:schemeClr val="tx1"/>
                        </a:solidFill>
                      </a:endParaRPr>
                    </a:p>
                    <a:p>
                      <a:pPr algn="ctr"/>
                      <a:endParaRPr kumimoji="1" lang="en-US" altLang="ja-JP" sz="1400" dirty="0"/>
                    </a:p>
                    <a:p>
                      <a:pPr algn="ctr"/>
                      <a:r>
                        <a:rPr kumimoji="1" lang="ja-JP" altLang="en-US" sz="1400" dirty="0"/>
                        <a:t>下水処理場</a:t>
                      </a:r>
                      <a:endParaRPr kumimoji="1" lang="en-US" altLang="ja-JP" sz="1400" dirty="0"/>
                    </a:p>
                    <a:p>
                      <a:pPr algn="ctr"/>
                      <a:r>
                        <a:rPr kumimoji="1" lang="ja-JP" altLang="en-US" sz="1400" dirty="0"/>
                        <a:t>（</a:t>
                      </a:r>
                      <a:r>
                        <a:rPr kumimoji="1" lang="en-US" altLang="ja-JP" sz="1400" dirty="0"/>
                        <a:t>12</a:t>
                      </a:r>
                      <a:r>
                        <a:rPr kumimoji="1" lang="ja-JP" altLang="en-US" sz="1400" dirty="0"/>
                        <a:t>箇所）</a:t>
                      </a:r>
                    </a:p>
                  </a:txBody>
                  <a:tcPr anchor="ctr"/>
                </a:tc>
                <a:tc>
                  <a:txBody>
                    <a:bodyPr/>
                    <a:lstStyle/>
                    <a:p>
                      <a:r>
                        <a:rPr kumimoji="1" lang="ja-JP" altLang="en-US" sz="1400" dirty="0"/>
                        <a:t>・　運転維持管理業務</a:t>
                      </a:r>
                      <a:endParaRPr kumimoji="1" lang="en-US" altLang="ja-JP" sz="1400" dirty="0"/>
                    </a:p>
                    <a:p>
                      <a:r>
                        <a:rPr kumimoji="1" lang="ja-JP" altLang="en-US" sz="1400" dirty="0"/>
                        <a:t>　　　（各種機器の運転操作及び監視、故障・災害時対応）</a:t>
                      </a:r>
                      <a:endParaRPr kumimoji="1" lang="en-US" altLang="ja-JP" sz="1400" dirty="0"/>
                    </a:p>
                    <a:p>
                      <a:r>
                        <a:rPr kumimoji="1" lang="ja-JP" altLang="en-US" sz="1400" dirty="0"/>
                        <a:t>・　水質管理業務</a:t>
                      </a:r>
                      <a:endParaRPr kumimoji="1" lang="en-US" altLang="ja-JP" sz="1400" dirty="0"/>
                    </a:p>
                    <a:p>
                      <a:r>
                        <a:rPr kumimoji="1" lang="ja-JP" altLang="en-US" sz="1400" dirty="0"/>
                        <a:t>　　　（各種水質試験及び報告書作成）</a:t>
                      </a:r>
                      <a:endParaRPr kumimoji="1" lang="en-US" altLang="ja-JP" sz="1400" dirty="0"/>
                    </a:p>
                    <a:p>
                      <a:r>
                        <a:rPr kumimoji="1" lang="ja-JP" altLang="en-US" sz="1400" dirty="0"/>
                        <a:t>・　保全業務</a:t>
                      </a:r>
                      <a:endParaRPr kumimoji="1" lang="en-US" altLang="ja-JP" sz="1400" dirty="0"/>
                    </a:p>
                    <a:p>
                      <a:r>
                        <a:rPr kumimoji="1" lang="ja-JP" altLang="en-US" sz="1400" dirty="0"/>
                        <a:t>　　　（各種機器等の点検、整備、清掃、修繕等）　</a:t>
                      </a:r>
                    </a:p>
                  </a:txBody>
                  <a:tcPr anchor="ctr"/>
                </a:tc>
                <a:extLst>
                  <a:ext uri="{0D108BD9-81ED-4DB2-BD59-A6C34878D82A}">
                    <a16:rowId xmlns:a16="http://schemas.microsoft.com/office/drawing/2014/main" val="1273831839"/>
                  </a:ext>
                </a:extLst>
              </a:tr>
            </a:tbl>
          </a:graphicData>
        </a:graphic>
      </p:graphicFrame>
      <p:pic>
        <p:nvPicPr>
          <p:cNvPr id="16" name="図 15"/>
          <p:cNvPicPr>
            <a:picLocks noChangeAspect="1"/>
          </p:cNvPicPr>
          <p:nvPr/>
        </p:nvPicPr>
        <p:blipFill>
          <a:blip r:embed="rId3" cstate="print">
            <a:clrChange>
              <a:clrFrom>
                <a:srgbClr val="FEFEFE"/>
              </a:clrFrom>
              <a:clrTo>
                <a:srgbClr val="FEFEFE">
                  <a:alpha val="0"/>
                </a:srgbClr>
              </a:clrTo>
            </a:clrChange>
            <a:extLst>
              <a:ext uri="{28A0092B-C50C-407E-A947-70E740481C1C}">
                <a14:useLocalDpi xmlns:a14="http://schemas.microsoft.com/office/drawing/2010/main" val="0"/>
              </a:ext>
            </a:extLst>
          </a:blip>
          <a:stretch>
            <a:fillRect/>
          </a:stretch>
        </p:blipFill>
        <p:spPr>
          <a:xfrm>
            <a:off x="8003510" y="1261027"/>
            <a:ext cx="612731" cy="860282"/>
          </a:xfrm>
          <a:prstGeom prst="rect">
            <a:avLst/>
          </a:prstGeom>
        </p:spPr>
      </p:pic>
      <p:sp>
        <p:nvSpPr>
          <p:cNvPr id="17" name="Text Box 64">
            <a:extLst>
              <a:ext uri="{FF2B5EF4-FFF2-40B4-BE49-F238E27FC236}">
                <a16:creationId xmlns:a16="http://schemas.microsoft.com/office/drawing/2014/main" id="{F19ACF70-B6E4-40D1-8D43-5DF6BE1BDD00}"/>
              </a:ext>
            </a:extLst>
          </p:cNvPr>
          <p:cNvSpPr txBox="1">
            <a:spLocks noChangeArrowheads="1"/>
          </p:cNvSpPr>
          <p:nvPr/>
        </p:nvSpPr>
        <p:spPr bwMode="auto">
          <a:xfrm>
            <a:off x="0" y="679142"/>
            <a:ext cx="9894750" cy="476209"/>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委託契約の概要</a:t>
            </a:r>
          </a:p>
        </p:txBody>
      </p:sp>
      <p:sp>
        <p:nvSpPr>
          <p:cNvPr id="3" name="角丸四角形 17">
            <a:extLst>
              <a:ext uri="{FF2B5EF4-FFF2-40B4-BE49-F238E27FC236}">
                <a16:creationId xmlns:a16="http://schemas.microsoft.com/office/drawing/2014/main" id="{5842A88C-39FE-5846-0465-09719739363D}"/>
              </a:ext>
            </a:extLst>
          </p:cNvPr>
          <p:cNvSpPr/>
          <p:nvPr/>
        </p:nvSpPr>
        <p:spPr>
          <a:xfrm>
            <a:off x="72908" y="106567"/>
            <a:ext cx="95282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２．</a:t>
            </a:r>
            <a:r>
              <a:rPr lang="zh-TW" altLang="en-US" sz="2275" dirty="0">
                <a:solidFill>
                  <a:schemeClr val="tx1"/>
                </a:solidFill>
                <a:latin typeface="HGPｺﾞｼｯｸE" panose="020B0900000000000000" pitchFamily="50" charset="-128"/>
                <a:ea typeface="HGPｺﾞｼｯｸE" panose="020B0900000000000000" pitchFamily="50" charset="-128"/>
              </a:rPr>
              <a:t>大阪市下水道施設包括的管理業務委託</a:t>
            </a:r>
            <a:r>
              <a:rPr lang="ja-JP" altLang="en-US" sz="2275" dirty="0">
                <a:solidFill>
                  <a:schemeClr val="tx1"/>
                </a:solidFill>
                <a:latin typeface="HGPｺﾞｼｯｸE" panose="020B0900000000000000" pitchFamily="50" charset="-128"/>
                <a:ea typeface="HGPｺﾞｼｯｸE" panose="020B0900000000000000" pitchFamily="50" charset="-128"/>
              </a:rPr>
              <a:t>の業務</a:t>
            </a:r>
            <a:r>
              <a:rPr lang="zh-TW" altLang="en-US" sz="2275" dirty="0">
                <a:solidFill>
                  <a:schemeClr val="tx1"/>
                </a:solidFill>
                <a:latin typeface="HGPｺﾞｼｯｸE" panose="020B0900000000000000" pitchFamily="50" charset="-128"/>
                <a:ea typeface="HGPｺﾞｼｯｸE" panose="020B0900000000000000" pitchFamily="50" charset="-128"/>
              </a:rPr>
              <a:t>内容</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318045905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7C9EBA3-CBD9-A72E-5265-E86AFC3401E4}"/>
            </a:ext>
          </a:extLst>
        </p:cNvPr>
        <p:cNvGrpSpPr/>
        <p:nvPr/>
      </p:nvGrpSpPr>
      <p:grpSpPr>
        <a:xfrm>
          <a:off x="0" y="0"/>
          <a:ext cx="0" cy="0"/>
          <a:chOff x="0" y="0"/>
          <a:chExt cx="0" cy="0"/>
        </a:xfrm>
      </p:grpSpPr>
      <p:sp>
        <p:nvSpPr>
          <p:cNvPr id="5" name="スライド番号プレースホルダー 4">
            <a:extLst>
              <a:ext uri="{FF2B5EF4-FFF2-40B4-BE49-F238E27FC236}">
                <a16:creationId xmlns:a16="http://schemas.microsoft.com/office/drawing/2014/main" id="{F13784D7-8479-B906-5098-BEAEDFA0CB85}"/>
              </a:ext>
            </a:extLst>
          </p:cNvPr>
          <p:cNvSpPr>
            <a:spLocks noGrp="1"/>
          </p:cNvSpPr>
          <p:nvPr>
            <p:ph type="sldNum" sz="quarter" idx="12"/>
          </p:nvPr>
        </p:nvSpPr>
        <p:spPr/>
        <p:txBody>
          <a:bodyPr/>
          <a:lstStyle/>
          <a:p>
            <a:fld id="{36EC18DB-A5DF-4E0E-B815-FCD04A2C4B2C}" type="slidenum">
              <a:rPr kumimoji="1" lang="ja-JP" altLang="en-US" smtClean="0"/>
              <a:t>9</a:t>
            </a:fld>
            <a:endParaRPr kumimoji="1" lang="ja-JP" altLang="en-US" dirty="0"/>
          </a:p>
        </p:txBody>
      </p:sp>
      <p:sp>
        <p:nvSpPr>
          <p:cNvPr id="22" name="正方形/長方形 21">
            <a:extLst>
              <a:ext uri="{FF2B5EF4-FFF2-40B4-BE49-F238E27FC236}">
                <a16:creationId xmlns:a16="http://schemas.microsoft.com/office/drawing/2014/main" id="{EBAC2942-8CAD-70BB-F4F7-0579720F7D7E}"/>
              </a:ext>
            </a:extLst>
          </p:cNvPr>
          <p:cNvSpPr/>
          <p:nvPr/>
        </p:nvSpPr>
        <p:spPr>
          <a:xfrm>
            <a:off x="203347" y="1372891"/>
            <a:ext cx="9517411" cy="1013872"/>
          </a:xfrm>
          <a:prstGeom prst="rect">
            <a:avLst/>
          </a:prstGeom>
          <a:solidFill>
            <a:schemeClr val="bg1"/>
          </a:solidFill>
          <a:ln w="2857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400" dirty="0">
              <a:solidFill>
                <a:schemeClr val="tx1"/>
              </a:solidFill>
            </a:endParaRPr>
          </a:p>
        </p:txBody>
      </p:sp>
      <p:sp>
        <p:nvSpPr>
          <p:cNvPr id="23" name="四角形: 角を丸くする 22">
            <a:extLst>
              <a:ext uri="{FF2B5EF4-FFF2-40B4-BE49-F238E27FC236}">
                <a16:creationId xmlns:a16="http://schemas.microsoft.com/office/drawing/2014/main" id="{19066971-0FBE-EB62-C61D-38E7A23DC199}"/>
              </a:ext>
            </a:extLst>
          </p:cNvPr>
          <p:cNvSpPr/>
          <p:nvPr/>
        </p:nvSpPr>
        <p:spPr>
          <a:xfrm>
            <a:off x="376559" y="1182687"/>
            <a:ext cx="3100556" cy="350478"/>
          </a:xfrm>
          <a:prstGeom prst="roundRect">
            <a:avLst>
              <a:gd name="adj" fmla="val 788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a:solidFill>
                  <a:schemeClr val="bg1"/>
                </a:solidFill>
              </a:rPr>
              <a:t>ウォーター</a:t>
            </a:r>
            <a:r>
              <a:rPr lang="en-US" altLang="ja-JP" sz="1400" b="1" dirty="0">
                <a:solidFill>
                  <a:schemeClr val="bg1"/>
                </a:solidFill>
              </a:rPr>
              <a:t>PPP</a:t>
            </a:r>
            <a:r>
              <a:rPr lang="ja-JP" altLang="en-US" sz="1400" b="1" dirty="0">
                <a:solidFill>
                  <a:schemeClr val="bg1"/>
                </a:solidFill>
              </a:rPr>
              <a:t>とは</a:t>
            </a:r>
            <a:endParaRPr lang="en-US" altLang="ja-JP" sz="1400" b="1" dirty="0"/>
          </a:p>
        </p:txBody>
      </p:sp>
      <p:sp>
        <p:nvSpPr>
          <p:cNvPr id="24" name="テキスト ボックス 23">
            <a:extLst>
              <a:ext uri="{FF2B5EF4-FFF2-40B4-BE49-F238E27FC236}">
                <a16:creationId xmlns:a16="http://schemas.microsoft.com/office/drawing/2014/main" id="{BE3E869A-8395-DE91-9535-D748123C2E40}"/>
              </a:ext>
            </a:extLst>
          </p:cNvPr>
          <p:cNvSpPr txBox="1"/>
          <p:nvPr/>
        </p:nvSpPr>
        <p:spPr>
          <a:xfrm>
            <a:off x="189698" y="1543680"/>
            <a:ext cx="9512955" cy="1031051"/>
          </a:xfrm>
          <a:prstGeom prst="rect">
            <a:avLst/>
          </a:prstGeom>
          <a:noFill/>
        </p:spPr>
        <p:txBody>
          <a:bodyPr wrap="square">
            <a:spAutoFit/>
          </a:bodyPr>
          <a:lstStyle/>
          <a:p>
            <a:pPr marL="342900" indent="-342900">
              <a:spcAft>
                <a:spcPts val="600"/>
              </a:spcAft>
              <a:buFont typeface="Wingdings" panose="05000000000000000000" pitchFamily="2" charset="2"/>
              <a:buChar char="l"/>
            </a:pPr>
            <a:r>
              <a:rPr lang="ja-JP" altLang="en-US" sz="1400" spc="-150" dirty="0"/>
              <a:t>国は、下水道事業を巡る厳しい経営状況や執行体制の脆弱化の中で持続可能な事業運営を図るため、</a:t>
            </a:r>
            <a:r>
              <a:rPr lang="ja-JP" altLang="en-US" sz="1400" b="1" spc="-150" dirty="0">
                <a:solidFill>
                  <a:schemeClr val="accent1"/>
                </a:solidFill>
              </a:rPr>
              <a:t>コンセッション方式（レベル</a:t>
            </a:r>
            <a:r>
              <a:rPr lang="en-US" altLang="ja-JP" sz="1400" b="1" spc="-150" dirty="0">
                <a:solidFill>
                  <a:schemeClr val="accent1"/>
                </a:solidFill>
              </a:rPr>
              <a:t>4</a:t>
            </a:r>
            <a:r>
              <a:rPr lang="ja-JP" altLang="en-US" sz="1400" b="1" spc="-150" dirty="0">
                <a:solidFill>
                  <a:schemeClr val="accent1"/>
                </a:solidFill>
              </a:rPr>
              <a:t>）</a:t>
            </a:r>
            <a:r>
              <a:rPr lang="ja-JP" altLang="en-US" sz="1400" spc="-150" dirty="0"/>
              <a:t>と、</a:t>
            </a:r>
            <a:r>
              <a:rPr lang="ja-JP" altLang="en-US" sz="1400" b="1" spc="-150" dirty="0">
                <a:solidFill>
                  <a:schemeClr val="accent1"/>
                </a:solidFill>
              </a:rPr>
              <a:t>コンセッション方式に準ずる効果が期待できる官民連携方式（レベル</a:t>
            </a:r>
            <a:r>
              <a:rPr lang="en-US" altLang="ja-JP" sz="1400" b="1" spc="-150" dirty="0">
                <a:solidFill>
                  <a:schemeClr val="accent1"/>
                </a:solidFill>
              </a:rPr>
              <a:t>3.5</a:t>
            </a:r>
            <a:r>
              <a:rPr lang="ja-JP" altLang="en-US" sz="1400" b="1" spc="-150" dirty="0">
                <a:solidFill>
                  <a:schemeClr val="accent1"/>
                </a:solidFill>
              </a:rPr>
              <a:t>）</a:t>
            </a:r>
            <a:r>
              <a:rPr lang="ja-JP" altLang="en-US" sz="1400" spc="-150" dirty="0"/>
              <a:t>を、新たに「ウォーター</a:t>
            </a:r>
            <a:r>
              <a:rPr lang="en-US" altLang="ja-JP" sz="1400" spc="-150" dirty="0"/>
              <a:t>PPP</a:t>
            </a:r>
            <a:r>
              <a:rPr lang="ja-JP" altLang="en-US" sz="1400" spc="-150" dirty="0"/>
              <a:t>」として位置づけ、導入を推進</a:t>
            </a:r>
            <a:endParaRPr lang="en-US" altLang="ja-JP" sz="1400" spc="-150" dirty="0"/>
          </a:p>
          <a:p>
            <a:pPr marL="342900" indent="-342900">
              <a:spcAft>
                <a:spcPts val="600"/>
              </a:spcAft>
              <a:buFont typeface="Wingdings" panose="05000000000000000000" pitchFamily="2" charset="2"/>
              <a:buChar char="l"/>
            </a:pPr>
            <a:r>
              <a:rPr lang="ja-JP" altLang="en-US" sz="1400" spc="-150" dirty="0"/>
              <a:t>令和９年度以降に、</a:t>
            </a:r>
            <a:r>
              <a:rPr lang="ja-JP" altLang="en-US" sz="1400" b="1" spc="-150" dirty="0">
                <a:solidFill>
                  <a:schemeClr val="accent1"/>
                </a:solidFill>
              </a:rPr>
              <a:t>汚水管の改築に係る国費支援に関して、ウォーター</a:t>
            </a:r>
            <a:r>
              <a:rPr lang="en-US" altLang="ja-JP" sz="1400" b="1" spc="-150" dirty="0">
                <a:solidFill>
                  <a:schemeClr val="accent1"/>
                </a:solidFill>
              </a:rPr>
              <a:t>PPP</a:t>
            </a:r>
            <a:r>
              <a:rPr lang="ja-JP" altLang="en-US" sz="1400" b="1" spc="-150" dirty="0">
                <a:solidFill>
                  <a:schemeClr val="accent1"/>
                </a:solidFill>
              </a:rPr>
              <a:t>導入を決定済みであることを要件化</a:t>
            </a:r>
          </a:p>
        </p:txBody>
      </p:sp>
      <p:pic>
        <p:nvPicPr>
          <p:cNvPr id="25" name="図 24">
            <a:extLst>
              <a:ext uri="{FF2B5EF4-FFF2-40B4-BE49-F238E27FC236}">
                <a16:creationId xmlns:a16="http://schemas.microsoft.com/office/drawing/2014/main" id="{A15E4E12-2FBB-68E6-C057-E869BDF9233C}"/>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682620" y="2468464"/>
            <a:ext cx="8165505" cy="3989495"/>
          </a:xfrm>
          <a:prstGeom prst="rect">
            <a:avLst/>
          </a:prstGeom>
        </p:spPr>
      </p:pic>
      <p:sp>
        <p:nvSpPr>
          <p:cNvPr id="26" name="テキスト ボックス 25">
            <a:extLst>
              <a:ext uri="{FF2B5EF4-FFF2-40B4-BE49-F238E27FC236}">
                <a16:creationId xmlns:a16="http://schemas.microsoft.com/office/drawing/2014/main" id="{E6A1B80C-5B56-EFE6-4243-DAA3226AF2B4}"/>
              </a:ext>
            </a:extLst>
          </p:cNvPr>
          <p:cNvSpPr txBox="1"/>
          <p:nvPr/>
        </p:nvSpPr>
        <p:spPr>
          <a:xfrm>
            <a:off x="682620" y="6469365"/>
            <a:ext cx="8091510"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200" dirty="0">
                <a:solidFill>
                  <a:srgbClr val="3F3F3F"/>
                </a:solidFill>
                <a:latin typeface="Arial"/>
                <a:ea typeface="BIZ UDゴシック"/>
              </a:rPr>
              <a:t>図</a:t>
            </a:r>
            <a:r>
              <a:rPr kumimoji="1" lang="ja-JP" altLang="en-US" sz="1200" b="0" i="0" u="none" strike="noStrike" kern="1200" cap="none" spc="0" normalizeH="0" baseline="0" noProof="0" dirty="0">
                <a:ln>
                  <a:noFill/>
                </a:ln>
                <a:solidFill>
                  <a:srgbClr val="3F3F3F"/>
                </a:solidFill>
                <a:effectLst/>
                <a:uLnTx/>
                <a:uFillTx/>
                <a:latin typeface="Arial"/>
                <a:ea typeface="BIZ UDゴシック"/>
                <a:cs typeface="+mn-cs"/>
              </a:rPr>
              <a:t>　ウォーター</a:t>
            </a:r>
            <a:r>
              <a:rPr kumimoji="1" lang="en-US" altLang="ja-JP" sz="1200" b="0" i="0" u="none" strike="noStrike" kern="1200" cap="none" spc="0" normalizeH="0" baseline="0" noProof="0" dirty="0">
                <a:ln>
                  <a:noFill/>
                </a:ln>
                <a:solidFill>
                  <a:srgbClr val="3F3F3F"/>
                </a:solidFill>
                <a:effectLst/>
                <a:uLnTx/>
                <a:uFillTx/>
                <a:latin typeface="Arial"/>
                <a:ea typeface="BIZ UDゴシック"/>
                <a:cs typeface="+mn-cs"/>
              </a:rPr>
              <a:t>PPP</a:t>
            </a:r>
            <a:r>
              <a:rPr kumimoji="1" lang="ja-JP" altLang="en-US" sz="1200" b="0" i="0" u="none" strike="noStrike" kern="1200" cap="none" spc="0" normalizeH="0" baseline="0" noProof="0" dirty="0">
                <a:ln>
                  <a:noFill/>
                </a:ln>
                <a:solidFill>
                  <a:srgbClr val="3F3F3F"/>
                </a:solidFill>
                <a:effectLst/>
                <a:uLnTx/>
                <a:uFillTx/>
                <a:latin typeface="Arial"/>
                <a:ea typeface="BIZ UDゴシック"/>
                <a:cs typeface="+mn-cs"/>
              </a:rPr>
              <a:t>と包括的民間委託の業務内容について（出展：国土交通省、一部加筆）</a:t>
            </a:r>
          </a:p>
        </p:txBody>
      </p:sp>
      <p:sp>
        <p:nvSpPr>
          <p:cNvPr id="27" name="正方形/長方形 26">
            <a:extLst>
              <a:ext uri="{FF2B5EF4-FFF2-40B4-BE49-F238E27FC236}">
                <a16:creationId xmlns:a16="http://schemas.microsoft.com/office/drawing/2014/main" id="{4F95014B-DCC5-06DD-B674-1F773DC3588F}"/>
              </a:ext>
            </a:extLst>
          </p:cNvPr>
          <p:cNvSpPr/>
          <p:nvPr/>
        </p:nvSpPr>
        <p:spPr>
          <a:xfrm>
            <a:off x="3541138" y="4258988"/>
            <a:ext cx="2398377" cy="803083"/>
          </a:xfrm>
          <a:prstGeom prst="rect">
            <a:avLst/>
          </a:prstGeom>
          <a:solidFill>
            <a:srgbClr val="FFC000"/>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a:extLst>
              <a:ext uri="{FF2B5EF4-FFF2-40B4-BE49-F238E27FC236}">
                <a16:creationId xmlns:a16="http://schemas.microsoft.com/office/drawing/2014/main" id="{A9189303-B9EB-6CC8-9648-1A2E2F8186BB}"/>
              </a:ext>
            </a:extLst>
          </p:cNvPr>
          <p:cNvSpPr txBox="1"/>
          <p:nvPr/>
        </p:nvSpPr>
        <p:spPr>
          <a:xfrm>
            <a:off x="3541138" y="4263156"/>
            <a:ext cx="2496521" cy="400110"/>
          </a:xfrm>
          <a:prstGeom prst="rect">
            <a:avLst/>
          </a:prstGeom>
          <a:noFill/>
        </p:spPr>
        <p:txBody>
          <a:bodyPr wrap="square" rtlCol="0">
            <a:spAutoFit/>
          </a:bodyPr>
          <a:lstStyle/>
          <a:p>
            <a:pPr algn="ctr"/>
            <a:r>
              <a:rPr kumimoji="1" lang="en-US" altLang="ja-JP" sz="1000" b="1" dirty="0"/>
              <a:t>【</a:t>
            </a:r>
            <a:r>
              <a:rPr kumimoji="1" lang="ja-JP" altLang="en-US" sz="1000" b="1" dirty="0"/>
              <a:t>更新支援型の場合</a:t>
            </a:r>
            <a:r>
              <a:rPr kumimoji="1" lang="en-US" altLang="ja-JP" sz="1000" b="1" dirty="0"/>
              <a:t>】</a:t>
            </a:r>
          </a:p>
          <a:p>
            <a:pPr algn="ctr"/>
            <a:r>
              <a:rPr lang="ja-JP" altLang="en-US" sz="1000" b="1" dirty="0"/>
              <a:t>更新計画案やｺﾝｽﾄﾗｸｼｮﾝﾏﾈｼﾞﾒﾝﾄ（</a:t>
            </a:r>
            <a:r>
              <a:rPr lang="en-US" altLang="ja-JP" sz="1000" b="1" dirty="0"/>
              <a:t>CM</a:t>
            </a:r>
            <a:r>
              <a:rPr lang="ja-JP" altLang="en-US" sz="1000" b="1" dirty="0"/>
              <a:t>）</a:t>
            </a:r>
            <a:endParaRPr kumimoji="1" lang="ja-JP" altLang="en-US" sz="1000" b="1" dirty="0"/>
          </a:p>
        </p:txBody>
      </p:sp>
      <p:sp>
        <p:nvSpPr>
          <p:cNvPr id="29" name="テキスト ボックス 28">
            <a:extLst>
              <a:ext uri="{FF2B5EF4-FFF2-40B4-BE49-F238E27FC236}">
                <a16:creationId xmlns:a16="http://schemas.microsoft.com/office/drawing/2014/main" id="{8CF0A48B-AE25-8786-E16A-00F0E2CF6E73}"/>
              </a:ext>
            </a:extLst>
          </p:cNvPr>
          <p:cNvSpPr txBox="1"/>
          <p:nvPr/>
        </p:nvSpPr>
        <p:spPr>
          <a:xfrm>
            <a:off x="3541138" y="4674672"/>
            <a:ext cx="2496521" cy="400110"/>
          </a:xfrm>
          <a:prstGeom prst="rect">
            <a:avLst/>
          </a:prstGeom>
          <a:noFill/>
        </p:spPr>
        <p:txBody>
          <a:bodyPr wrap="square" rtlCol="0">
            <a:spAutoFit/>
          </a:bodyPr>
          <a:lstStyle/>
          <a:p>
            <a:pPr algn="ctr"/>
            <a:r>
              <a:rPr kumimoji="1" lang="en-US" altLang="ja-JP" sz="1000" b="1" dirty="0"/>
              <a:t>【</a:t>
            </a:r>
            <a:r>
              <a:rPr lang="ja-JP" altLang="en-US" sz="1000" b="1" dirty="0"/>
              <a:t>更新実施</a:t>
            </a:r>
            <a:r>
              <a:rPr kumimoji="1" lang="ja-JP" altLang="en-US" sz="1000" b="1" dirty="0"/>
              <a:t>型の場合</a:t>
            </a:r>
            <a:r>
              <a:rPr kumimoji="1" lang="en-US" altLang="ja-JP" sz="1000" b="1" dirty="0"/>
              <a:t>】</a:t>
            </a:r>
          </a:p>
          <a:p>
            <a:pPr algn="ctr"/>
            <a:r>
              <a:rPr lang="ja-JP" altLang="en-US" sz="1000" b="1" dirty="0"/>
              <a:t>更新工事</a:t>
            </a:r>
            <a:endParaRPr kumimoji="1" lang="ja-JP" altLang="en-US" sz="1000" b="1" dirty="0"/>
          </a:p>
        </p:txBody>
      </p:sp>
      <p:cxnSp>
        <p:nvCxnSpPr>
          <p:cNvPr id="30" name="直線コネクタ 29">
            <a:extLst>
              <a:ext uri="{FF2B5EF4-FFF2-40B4-BE49-F238E27FC236}">
                <a16:creationId xmlns:a16="http://schemas.microsoft.com/office/drawing/2014/main" id="{27AC067D-000F-8AC9-CD1D-0F43A5E104F8}"/>
              </a:ext>
            </a:extLst>
          </p:cNvPr>
          <p:cNvCxnSpPr>
            <a:stCxn id="27" idx="1"/>
            <a:endCxn id="27" idx="3"/>
          </p:cNvCxnSpPr>
          <p:nvPr/>
        </p:nvCxnSpPr>
        <p:spPr>
          <a:xfrm>
            <a:off x="3541138" y="4660530"/>
            <a:ext cx="2398377" cy="0"/>
          </a:xfrm>
          <a:prstGeom prst="line">
            <a:avLst/>
          </a:prstGeom>
          <a:ln w="190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6" name="Text Box 64">
            <a:extLst>
              <a:ext uri="{FF2B5EF4-FFF2-40B4-BE49-F238E27FC236}">
                <a16:creationId xmlns:a16="http://schemas.microsoft.com/office/drawing/2014/main" id="{50F63536-265F-AA6E-2E70-424B0F67D1AB}"/>
              </a:ext>
            </a:extLst>
          </p:cNvPr>
          <p:cNvSpPr txBox="1">
            <a:spLocks noChangeArrowheads="1"/>
          </p:cNvSpPr>
          <p:nvPr/>
        </p:nvSpPr>
        <p:spPr bwMode="auto">
          <a:xfrm>
            <a:off x="0" y="679142"/>
            <a:ext cx="9894750" cy="476209"/>
          </a:xfrm>
          <a:prstGeom prst="rect">
            <a:avLst/>
          </a:prstGeom>
          <a:solidFill>
            <a:schemeClr val="accent1">
              <a:lumMod val="50000"/>
            </a:schemeClr>
          </a:solidFill>
          <a:ln>
            <a:noFill/>
          </a:ln>
        </p:spPr>
        <p:txBody>
          <a:bodyPr lIns="79399" tIns="87750" rIns="79399" bIns="146250" anchor="ctr"/>
          <a:lstStyle>
            <a:lvl1pPr marL="195263" indent="-195263" defTabSz="1366838">
              <a:spcBef>
                <a:spcPct val="20000"/>
              </a:spcBef>
              <a:buFont typeface="Arial" panose="020B0604020202020204" pitchFamily="34" charset="0"/>
              <a:buChar char="•"/>
              <a:defRPr kumimoji="1" sz="3200">
                <a:solidFill>
                  <a:schemeClr val="tx1"/>
                </a:solidFill>
                <a:latin typeface="Calibri" panose="020F0502020204030204" pitchFamily="34" charset="0"/>
              </a:defRPr>
            </a:lvl1pPr>
            <a:lvl2pPr marL="742950" indent="-285750" defTabSz="1366838">
              <a:spcBef>
                <a:spcPct val="20000"/>
              </a:spcBef>
              <a:buFont typeface="Arial" panose="020B0604020202020204" pitchFamily="34" charset="0"/>
              <a:buChar char="–"/>
              <a:defRPr kumimoji="1" sz="2800">
                <a:solidFill>
                  <a:schemeClr val="tx1"/>
                </a:solidFill>
                <a:latin typeface="Calibri" panose="020F0502020204030204" pitchFamily="34" charset="0"/>
              </a:defRPr>
            </a:lvl2pPr>
            <a:lvl3pPr marL="1143000" indent="-228600" defTabSz="1366838">
              <a:spcBef>
                <a:spcPct val="20000"/>
              </a:spcBef>
              <a:buFont typeface="Arial" panose="020B0604020202020204" pitchFamily="34" charset="0"/>
              <a:buChar char="•"/>
              <a:defRPr kumimoji="1" sz="2400">
                <a:solidFill>
                  <a:schemeClr val="tx1"/>
                </a:solidFill>
                <a:latin typeface="Calibri" panose="020F0502020204030204" pitchFamily="34" charset="0"/>
              </a:defRPr>
            </a:lvl3pPr>
            <a:lvl4pPr marL="16002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4pPr>
            <a:lvl5pPr marL="2057400" indent="-228600" defTabSz="1366838">
              <a:spcBef>
                <a:spcPct val="20000"/>
              </a:spcBef>
              <a:buFont typeface="Arial" panose="020B0604020202020204" pitchFamily="34" charset="0"/>
              <a:buChar char="»"/>
              <a:defRPr kumimoji="1" sz="2000">
                <a:solidFill>
                  <a:schemeClr val="tx1"/>
                </a:solidFill>
                <a:latin typeface="Calibri" panose="020F0502020204030204" pitchFamily="34" charset="0"/>
              </a:defRPr>
            </a:lvl5pPr>
            <a:lvl6pPr marL="25146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6pPr>
            <a:lvl7pPr marL="29718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7pPr>
            <a:lvl8pPr marL="34290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8pPr>
            <a:lvl9pPr marL="3886200" indent="-228600" defTabSz="13668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defRPr>
            </a:lvl9pPr>
          </a:lstStyle>
          <a:p>
            <a:pPr>
              <a:spcBef>
                <a:spcPct val="0"/>
              </a:spcBef>
              <a:buNone/>
            </a:pP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委託契約の概要（</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W</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ー</a:t>
            </a:r>
            <a:r>
              <a:rPr lang="en-US" altLang="ja-JP" sz="2000" dirty="0">
                <a:solidFill>
                  <a:schemeClr val="bg1"/>
                </a:solidFill>
                <a:latin typeface="HGP創英角ｺﾞｼｯｸUB" panose="020B0900000000000000" pitchFamily="50" charset="-128"/>
                <a:ea typeface="HGP創英角ｺﾞｼｯｸUB" panose="020B0900000000000000" pitchFamily="50" charset="-128"/>
              </a:rPr>
              <a:t>PPP</a:t>
            </a:r>
            <a:r>
              <a:rPr lang="ja-JP" altLang="en-US" sz="2000" dirty="0">
                <a:solidFill>
                  <a:schemeClr val="bg1"/>
                </a:solidFill>
                <a:latin typeface="HGP創英角ｺﾞｼｯｸUB" panose="020B0900000000000000" pitchFamily="50" charset="-128"/>
                <a:ea typeface="HGP創英角ｺﾞｼｯｸUB" panose="020B0900000000000000" pitchFamily="50" charset="-128"/>
              </a:rPr>
              <a:t>の仕組み）</a:t>
            </a:r>
          </a:p>
        </p:txBody>
      </p:sp>
      <p:sp>
        <p:nvSpPr>
          <p:cNvPr id="8" name="角丸四角形 17">
            <a:extLst>
              <a:ext uri="{FF2B5EF4-FFF2-40B4-BE49-F238E27FC236}">
                <a16:creationId xmlns:a16="http://schemas.microsoft.com/office/drawing/2014/main" id="{F58CBA0B-1475-D518-5CD7-380F49B92F57}"/>
              </a:ext>
            </a:extLst>
          </p:cNvPr>
          <p:cNvSpPr/>
          <p:nvPr/>
        </p:nvSpPr>
        <p:spPr>
          <a:xfrm>
            <a:off x="72908" y="96839"/>
            <a:ext cx="9528292" cy="334423"/>
          </a:xfrm>
          <a:prstGeom prst="roundRect">
            <a:avLst>
              <a:gd name="adj" fmla="val 3701"/>
            </a:avLst>
          </a:prstGeom>
          <a:noFill/>
          <a:ln w="15875">
            <a:noFill/>
          </a:ln>
          <a:effectLst>
            <a:outerShdw blurRad="63500" dist="25400" dir="2700000" sx="101000" sy="101000" algn="tl" rotWithShape="0">
              <a:srgbClr val="00B0F0">
                <a:alpha val="49000"/>
              </a:srgb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wrap="square" lIns="29250" tIns="29250" rIns="29250" bIns="29250" rtlCol="0" anchor="t" anchorCtr="0">
            <a:noAutofit/>
          </a:bodyPr>
          <a:lstStyle/>
          <a:p>
            <a:pPr>
              <a:lnSpc>
                <a:spcPts val="2194"/>
              </a:lnSpc>
            </a:pPr>
            <a:r>
              <a:rPr lang="ja-JP" altLang="en-US" sz="2275" dirty="0">
                <a:solidFill>
                  <a:schemeClr val="tx1"/>
                </a:solidFill>
                <a:latin typeface="HGPｺﾞｼｯｸE" panose="020B0900000000000000" pitchFamily="50" charset="-128"/>
                <a:ea typeface="HGPｺﾞｼｯｸE" panose="020B0900000000000000" pitchFamily="50" charset="-128"/>
              </a:rPr>
              <a:t>２．</a:t>
            </a:r>
            <a:r>
              <a:rPr lang="zh-TW" altLang="en-US" sz="2275" dirty="0">
                <a:solidFill>
                  <a:schemeClr val="tx1"/>
                </a:solidFill>
                <a:latin typeface="HGPｺﾞｼｯｸE" panose="020B0900000000000000" pitchFamily="50" charset="-128"/>
                <a:ea typeface="HGPｺﾞｼｯｸE" panose="020B0900000000000000" pitchFamily="50" charset="-128"/>
              </a:rPr>
              <a:t>大阪市下水道施設包括的管理業務委託</a:t>
            </a:r>
            <a:r>
              <a:rPr lang="ja-JP" altLang="en-US" sz="2275" dirty="0">
                <a:solidFill>
                  <a:schemeClr val="tx1"/>
                </a:solidFill>
                <a:latin typeface="HGPｺﾞｼｯｸE" panose="020B0900000000000000" pitchFamily="50" charset="-128"/>
                <a:ea typeface="HGPｺﾞｼｯｸE" panose="020B0900000000000000" pitchFamily="50" charset="-128"/>
              </a:rPr>
              <a:t>の業務</a:t>
            </a:r>
            <a:r>
              <a:rPr lang="zh-TW" altLang="en-US" sz="2275" dirty="0">
                <a:solidFill>
                  <a:schemeClr val="tx1"/>
                </a:solidFill>
                <a:latin typeface="HGPｺﾞｼｯｸE" panose="020B0900000000000000" pitchFamily="50" charset="-128"/>
                <a:ea typeface="HGPｺﾞｼｯｸE" panose="020B0900000000000000" pitchFamily="50" charset="-128"/>
              </a:rPr>
              <a:t>内容</a:t>
            </a:r>
            <a:endParaRPr lang="en-US" altLang="ja-JP" sz="2275"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3424404079"/>
      </p:ext>
    </p:extLst>
  </p:cSld>
  <p:clrMapOvr>
    <a:masterClrMapping/>
  </p:clrMapOvr>
</p:sld>
</file>

<file path=ppt/theme/theme1.xml><?xml version="1.0" encoding="utf-8"?>
<a:theme xmlns:a="http://schemas.openxmlformats.org/drawingml/2006/main" name="テーマ1">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メイリオ中心">
      <a:majorFont>
        <a:latin typeface="Segoe UI"/>
        <a:ea typeface="Meiryo UI"/>
        <a:cs typeface=""/>
      </a:majorFont>
      <a:minorFont>
        <a:latin typeface="Segoe UI"/>
        <a:ea typeface="Meiryo UI"/>
        <a:cs typeface=""/>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テーマ1" id="{56A56964-9638-4B1E-AE6C-A3D192840C6D}" vid="{480E88D5-7D79-4461-B68A-B034BBD280CE}"/>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テーマ1</Template>
  <TotalTime>0</TotalTime>
  <Words>13053</Words>
  <Application>Microsoft Office PowerPoint</Application>
  <PresentationFormat>A4 210 x 297 mm</PresentationFormat>
  <Paragraphs>2107</Paragraphs>
  <Slides>72</Slides>
  <Notes>69</Notes>
  <HiddenSlides>0</HiddenSlides>
  <MMClips>0</MMClips>
  <ScaleCrop>false</ScaleCrop>
  <HeadingPairs>
    <vt:vector size="8" baseType="variant">
      <vt:variant>
        <vt:lpstr>使用されているフォント</vt:lpstr>
      </vt:variant>
      <vt:variant>
        <vt:i4>17</vt:i4>
      </vt:variant>
      <vt:variant>
        <vt:lpstr>テーマ</vt:lpstr>
      </vt:variant>
      <vt:variant>
        <vt:i4>1</vt:i4>
      </vt:variant>
      <vt:variant>
        <vt:lpstr>埋め込まれた OLE サーバー</vt:lpstr>
      </vt:variant>
      <vt:variant>
        <vt:i4>2</vt:i4>
      </vt:variant>
      <vt:variant>
        <vt:lpstr>スライド タイトル</vt:lpstr>
      </vt:variant>
      <vt:variant>
        <vt:i4>72</vt:i4>
      </vt:variant>
    </vt:vector>
  </HeadingPairs>
  <TitlesOfParts>
    <vt:vector size="92" baseType="lpstr">
      <vt:lpstr>BIZ UDPゴシック</vt:lpstr>
      <vt:lpstr>BIZ UDゴシック</vt:lpstr>
      <vt:lpstr>HGPｺﾞｼｯｸE</vt:lpstr>
      <vt:lpstr>HGP創英角ｺﾞｼｯｸUB</vt:lpstr>
      <vt:lpstr>HG丸ｺﾞｼｯｸM-PRO</vt:lpstr>
      <vt:lpstr>Meiryo UI</vt:lpstr>
      <vt:lpstr>ＭＳ Ｐゴシック</vt:lpstr>
      <vt:lpstr>ＭＳ Ｐ明朝</vt:lpstr>
      <vt:lpstr>ＭＳ ゴシック</vt:lpstr>
      <vt:lpstr>ＭＳ 明朝</vt:lpstr>
      <vt:lpstr>メイリオ</vt:lpstr>
      <vt:lpstr>游ゴシック</vt:lpstr>
      <vt:lpstr>游明朝</vt:lpstr>
      <vt:lpstr>Arial</vt:lpstr>
      <vt:lpstr>Century</vt:lpstr>
      <vt:lpstr>Segoe UI</vt:lpstr>
      <vt:lpstr>Wingdings</vt:lpstr>
      <vt:lpstr>テーマ1</vt:lpstr>
      <vt:lpstr>Worksheet</vt:lpstr>
      <vt:lpstr>Document</vt:lpstr>
      <vt:lpstr>PowerPoint プレゼンテーション</vt:lpstr>
      <vt:lpstr>説明資料目次</vt:lpstr>
      <vt:lpstr>大阪市下水道施設維持管理審議会の 　 スケジュールについて</vt:lpstr>
      <vt:lpstr>PowerPoint プレゼンテーション</vt:lpstr>
      <vt:lpstr>PowerPoint プレゼンテーション</vt:lpstr>
      <vt:lpstr>大阪市下水道施設包括的管理業務委託 　 の業務内容</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要求水準・評価基準の達成状況  （令和７年度上半期） 　 ※モニタリング実施状況を含む 　</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包括委託に関連する第三者事故発生状況  （令和７年度上半期）</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５年毎の業務委託条件の見直し</vt:lpstr>
      <vt:lpstr>PowerPoint プレゼンテーション</vt:lpstr>
      <vt:lpstr>①　大阪市下水道施設包括的管理業務委託 発注当初の理念について</vt:lpstr>
      <vt:lpstr>PowerPoint プレゼンテーション</vt:lpstr>
      <vt:lpstr>②　特記仕様書の見直しについて</vt:lpstr>
      <vt:lpstr>PowerPoint プレゼンテーション</vt:lpstr>
      <vt:lpstr>PowerPoint プレゼンテーション</vt:lpstr>
      <vt:lpstr>PowerPoint プレゼンテーション</vt:lpstr>
      <vt:lpstr>③　評価基準値の見直しについて</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④　業務数量の見直しについて 【管路施設】</vt:lpstr>
      <vt:lpstr>PowerPoint プレゼンテーション</vt:lpstr>
      <vt:lpstr>PowerPoint プレゼンテーション</vt:lpstr>
      <vt:lpstr>PowerPoint プレゼンテーション</vt:lpstr>
      <vt:lpstr>⑤　修繕費不足への対応について 【処理場・抽水所施設】</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6-01-14T01:09:08Z</dcterms:created>
  <dcterms:modified xsi:type="dcterms:W3CDTF">2026-01-14T01:09:35Z</dcterms:modified>
</cp:coreProperties>
</file>